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5.xml" ContentType="application/vnd.openxmlformats-officedocument.presentationml.notesSlide+xml"/>
  <Override PartName="/ppt/comments/modernComment_1E6_F390B7CF.xml" ContentType="application/vnd.ms-powerpoint.comments+xml"/>
  <Override PartName="/ppt/notesSlides/notesSlide16.xml" ContentType="application/vnd.openxmlformats-officedocument.presentationml.notesSlide+xml"/>
  <Override PartName="/ppt/comments/modernComment_18E_C580BCF4.xml" ContentType="application/vnd.ms-powerpoint.comments+xml"/>
  <Override PartName="/ppt/notesSlides/notesSlide17.xml" ContentType="application/vnd.openxmlformats-officedocument.presentationml.notesSlide+xml"/>
  <Override PartName="/ppt/comments/modernComment_1EF_127EBCD4.xml" ContentType="application/vnd.ms-powerpoint.comment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25.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26.xml" ContentType="application/vnd.openxmlformats-officedocument.presentationml.notesSlide+xml"/>
  <Override PartName="/ppt/tags/tag2.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8"/>
  </p:sldMasterIdLst>
  <p:notesMasterIdLst>
    <p:notesMasterId r:id="rId104"/>
  </p:notesMasterIdLst>
  <p:handoutMasterIdLst>
    <p:handoutMasterId r:id="rId105"/>
  </p:handoutMasterIdLst>
  <p:sldIdLst>
    <p:sldId id="256" r:id="rId59"/>
    <p:sldId id="351" r:id="rId60"/>
    <p:sldId id="332" r:id="rId61"/>
    <p:sldId id="412" r:id="rId62"/>
    <p:sldId id="500" r:id="rId63"/>
    <p:sldId id="525" r:id="rId64"/>
    <p:sldId id="526" r:id="rId65"/>
    <p:sldId id="528" r:id="rId66"/>
    <p:sldId id="527" r:id="rId67"/>
    <p:sldId id="410" r:id="rId68"/>
    <p:sldId id="488" r:id="rId69"/>
    <p:sldId id="529" r:id="rId70"/>
    <p:sldId id="411" r:id="rId71"/>
    <p:sldId id="489" r:id="rId72"/>
    <p:sldId id="472" r:id="rId73"/>
    <p:sldId id="490" r:id="rId74"/>
    <p:sldId id="513" r:id="rId75"/>
    <p:sldId id="454" r:id="rId76"/>
    <p:sldId id="510" r:id="rId77"/>
    <p:sldId id="402" r:id="rId78"/>
    <p:sldId id="492" r:id="rId79"/>
    <p:sldId id="338" r:id="rId80"/>
    <p:sldId id="486" r:id="rId81"/>
    <p:sldId id="403" r:id="rId82"/>
    <p:sldId id="498" r:id="rId83"/>
    <p:sldId id="398" r:id="rId84"/>
    <p:sldId id="497" r:id="rId85"/>
    <p:sldId id="495" r:id="rId86"/>
    <p:sldId id="496" r:id="rId87"/>
    <p:sldId id="404" r:id="rId88"/>
    <p:sldId id="520" r:id="rId89"/>
    <p:sldId id="523" r:id="rId90"/>
    <p:sldId id="521" r:id="rId91"/>
    <p:sldId id="437" r:id="rId92"/>
    <p:sldId id="429" r:id="rId93"/>
    <p:sldId id="372" r:id="rId94"/>
    <p:sldId id="514" r:id="rId95"/>
    <p:sldId id="524" r:id="rId96"/>
    <p:sldId id="439" r:id="rId97"/>
    <p:sldId id="504" r:id="rId98"/>
    <p:sldId id="434" r:id="rId99"/>
    <p:sldId id="512" r:id="rId100"/>
    <p:sldId id="481" r:id="rId101"/>
    <p:sldId id="270" r:id="rId102"/>
    <p:sldId id="406" r:id="rId10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pos="438" userDrawn="1">
          <p15:clr>
            <a:srgbClr val="A4A3A4"/>
          </p15:clr>
        </p15:guide>
        <p15:guide id="2" orient="horz" pos="2636"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8C51832-650C-DEFA-4FDE-4511354BE44E}" name="Miriam Veisman-Apter" initials="MV" userId="S::miriam.veisman-apter@pc.gov.au::dbfe11ee-18e9-43e6-81d9-5f5c7269d896" providerId="AD"/>
  <p188:author id="{C3F1FA51-0724-AE0B-365A-8072B8F4BBAB}" name="Erin Turner" initials="ET" userId="S::erin.turner@pc.gov.au::7182e4da-b1c8-4765-bcb2-16ac35ff14c2" providerId="AD"/>
  <p188:author id="{34FF2874-20A7-4288-61E4-0B5B483339F0}" name="Claire Heeps" initials="CH" userId="S::claire.heeps@pc.gov.au::b9551518-07d3-4ffd-b43f-fce811602e3f" providerId="AD"/>
  <p188:author id="{76F72B79-8D07-CDA4-2B9D-B9F571AAB1EF}" name="Peter Daniel" initials="PD" userId="S::peter.daniel@pc.gov.au::6642b971-dd39-47b6-abe6-cefc0ff97822" providerId="AD"/>
  <p188:author id="{83EDF196-6698-E28E-2D89-6F0C10E02B8D}" name="Anna Law" initials="AL" userId="S::anna.law@pc.gov.au::926a07c7-bc5f-4a2b-a716-c3e504a3fddf" providerId="AD"/>
  <p188:author id="{F43993A6-65F7-70FD-5AFA-E35E5740ACD9}" name="Samantha Thomas" initials="ST" userId="S::samantha.thomas@pc.gov.au::6a16c1b5-d645-4671-819f-4c3e83ba4945" providerId="AD"/>
  <p188:author id="{9350D2D6-5AAB-F89F-6772-A015B51C3119}" name="Katharine Hagan" initials="KH" userId="S::katharine.hagan@pc.gov.au::ba5b32c5-9fa7-43dd-ad04-bf889a68748e"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CCDDF2"/>
    <a:srgbClr val="E8DDED"/>
    <a:srgbClr val="2B9AC2"/>
    <a:srgbClr val="99BBE6"/>
    <a:srgbClr val="8956A3"/>
    <a:srgbClr val="D0BBDB"/>
    <a:srgbClr val="FFFFFF"/>
    <a:srgbClr val="F2F2F2"/>
    <a:srgbClr val="7F7F7F"/>
    <a:srgbClr val="265A9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F14723-347B-4324-A558-FC17BBE08A4E}" v="31" dt="2026-05-20T23:17:59.853"/>
    <p1510:client id="{5100BE4F-8CA0-2D46-95F8-20C367551AB1}" v="562" dt="2026-05-21T00:54:32.68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1"/>
    <p:restoredTop sz="94658"/>
  </p:normalViewPr>
  <p:slideViewPr>
    <p:cSldViewPr snapToGrid="0">
      <p:cViewPr varScale="1">
        <p:scale>
          <a:sx n="58" d="100"/>
          <a:sy n="58" d="100"/>
        </p:scale>
        <p:origin x="72" y="236"/>
      </p:cViewPr>
      <p:guideLst>
        <p:guide pos="438"/>
        <p:guide orient="horz" pos="2636"/>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5.xml"/><Relationship Id="rId68" Type="http://schemas.openxmlformats.org/officeDocument/2006/relationships/slide" Target="slides/slide10.xml"/><Relationship Id="rId84" Type="http://schemas.openxmlformats.org/officeDocument/2006/relationships/slide" Target="slides/slide26.xml"/><Relationship Id="rId89" Type="http://schemas.openxmlformats.org/officeDocument/2006/relationships/slide" Target="slides/slide31.xml"/><Relationship Id="rId112" Type="http://schemas.microsoft.com/office/2018/10/relationships/authors" Target="authors.xml"/><Relationship Id="rId16" Type="http://schemas.openxmlformats.org/officeDocument/2006/relationships/customXml" Target="../customXml/item16.xml"/><Relationship Id="rId107" Type="http://schemas.openxmlformats.org/officeDocument/2006/relationships/viewProps" Target="viewProps.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slideMaster" Target="slideMasters/slideMaster1.xml"/><Relationship Id="rId74" Type="http://schemas.openxmlformats.org/officeDocument/2006/relationships/slide" Target="slides/slide16.xml"/><Relationship Id="rId79" Type="http://schemas.openxmlformats.org/officeDocument/2006/relationships/slide" Target="slides/slide21.xml"/><Relationship Id="rId102" Type="http://schemas.openxmlformats.org/officeDocument/2006/relationships/slide" Target="slides/slide44.xml"/><Relationship Id="rId5" Type="http://schemas.openxmlformats.org/officeDocument/2006/relationships/customXml" Target="../customXml/item5.xml"/><Relationship Id="rId90" Type="http://schemas.openxmlformats.org/officeDocument/2006/relationships/slide" Target="slides/slide32.xml"/><Relationship Id="rId95" Type="http://schemas.openxmlformats.org/officeDocument/2006/relationships/slide" Target="slides/slide37.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6.xml"/><Relationship Id="rId69" Type="http://schemas.openxmlformats.org/officeDocument/2006/relationships/slide" Target="slides/slide11.xml"/><Relationship Id="rId80" Type="http://schemas.openxmlformats.org/officeDocument/2006/relationships/slide" Target="slides/slide22.xml"/><Relationship Id="rId85" Type="http://schemas.openxmlformats.org/officeDocument/2006/relationships/slide" Target="slides/slide27.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slide" Target="slides/slide1.xml"/><Relationship Id="rId103" Type="http://schemas.openxmlformats.org/officeDocument/2006/relationships/slide" Target="slides/slide45.xml"/><Relationship Id="rId108" Type="http://schemas.openxmlformats.org/officeDocument/2006/relationships/theme" Target="theme/theme1.xml"/><Relationship Id="rId54" Type="http://schemas.openxmlformats.org/officeDocument/2006/relationships/customXml" Target="../customXml/item54.xml"/><Relationship Id="rId70" Type="http://schemas.openxmlformats.org/officeDocument/2006/relationships/slide" Target="slides/slide12.xml"/><Relationship Id="rId75" Type="http://schemas.openxmlformats.org/officeDocument/2006/relationships/slide" Target="slides/slide17.xml"/><Relationship Id="rId91" Type="http://schemas.openxmlformats.org/officeDocument/2006/relationships/slide" Target="slides/slide33.xml"/><Relationship Id="rId96" Type="http://schemas.openxmlformats.org/officeDocument/2006/relationships/slide" Target="slides/slide38.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presProps" Target="presProps.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2.xml"/><Relationship Id="rId65" Type="http://schemas.openxmlformats.org/officeDocument/2006/relationships/slide" Target="slides/slide7.xml"/><Relationship Id="rId73" Type="http://schemas.openxmlformats.org/officeDocument/2006/relationships/slide" Target="slides/slide15.xml"/><Relationship Id="rId78" Type="http://schemas.openxmlformats.org/officeDocument/2006/relationships/slide" Target="slides/slide20.xml"/><Relationship Id="rId81" Type="http://schemas.openxmlformats.org/officeDocument/2006/relationships/slide" Target="slides/slide23.xml"/><Relationship Id="rId86" Type="http://schemas.openxmlformats.org/officeDocument/2006/relationships/slide" Target="slides/slide28.xml"/><Relationship Id="rId94" Type="http://schemas.openxmlformats.org/officeDocument/2006/relationships/slide" Target="slides/slide36.xml"/><Relationship Id="rId99" Type="http://schemas.openxmlformats.org/officeDocument/2006/relationships/slide" Target="slides/slide41.xml"/><Relationship Id="rId101" Type="http://schemas.openxmlformats.org/officeDocument/2006/relationships/slide" Target="slides/slide43.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tableStyles" Target="tableStyles.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18.xml"/><Relationship Id="rId97" Type="http://schemas.openxmlformats.org/officeDocument/2006/relationships/slide" Target="slides/slide39.xml"/><Relationship Id="rId104" Type="http://schemas.openxmlformats.org/officeDocument/2006/relationships/notesMaster" Target="notesMasters/notesMaster1.xml"/><Relationship Id="rId7" Type="http://schemas.openxmlformats.org/officeDocument/2006/relationships/customXml" Target="../customXml/item7.xml"/><Relationship Id="rId71" Type="http://schemas.openxmlformats.org/officeDocument/2006/relationships/slide" Target="slides/slide13.xml"/><Relationship Id="rId92" Type="http://schemas.openxmlformats.org/officeDocument/2006/relationships/slide" Target="slides/slide34.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8.xml"/><Relationship Id="rId87" Type="http://schemas.openxmlformats.org/officeDocument/2006/relationships/slide" Target="slides/slide29.xml"/><Relationship Id="rId110" Type="http://schemas.microsoft.com/office/2016/11/relationships/changesInfo" Target="changesInfos/changesInfo1.xml"/><Relationship Id="rId61" Type="http://schemas.openxmlformats.org/officeDocument/2006/relationships/slide" Target="slides/slide3.xml"/><Relationship Id="rId82" Type="http://schemas.openxmlformats.org/officeDocument/2006/relationships/slide" Target="slides/slide24.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slide" Target="slides/slide19.xml"/><Relationship Id="rId100" Type="http://schemas.openxmlformats.org/officeDocument/2006/relationships/slide" Target="slides/slide42.xml"/><Relationship Id="rId105" Type="http://schemas.openxmlformats.org/officeDocument/2006/relationships/handoutMaster" Target="handoutMasters/handoutMaster1.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4.xml"/><Relationship Id="rId93" Type="http://schemas.openxmlformats.org/officeDocument/2006/relationships/slide" Target="slides/slide35.xml"/><Relationship Id="rId98" Type="http://schemas.openxmlformats.org/officeDocument/2006/relationships/slide" Target="slides/slide40.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slide" Target="slides/slide9.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slide" Target="slides/slide4.xml"/><Relationship Id="rId83" Type="http://schemas.openxmlformats.org/officeDocument/2006/relationships/slide" Target="slides/slide25.xml"/><Relationship Id="rId88" Type="http://schemas.openxmlformats.org/officeDocument/2006/relationships/slide" Target="slides/slide30.xml"/><Relationship Id="rId111"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Cross" userId="1ce66446-85af-424b-9b42-3b50dbc4df8d" providerId="ADAL" clId="{050F7553-B3D7-4759-99B7-F1BF418D40C4}"/>
    <pc:docChg chg="undo custSel mod modSld modMainMaster">
      <pc:chgData name="Michelle Cross" userId="1ce66446-85af-424b-9b42-3b50dbc4df8d" providerId="ADAL" clId="{050F7553-B3D7-4759-99B7-F1BF418D40C4}" dt="2026-05-21T12:06:28.453" v="34" actId="20577"/>
      <pc:docMkLst>
        <pc:docMk/>
      </pc:docMkLst>
      <pc:sldChg chg="modSp mod">
        <pc:chgData name="Michelle Cross" userId="1ce66446-85af-424b-9b42-3b50dbc4df8d" providerId="ADAL" clId="{050F7553-B3D7-4759-99B7-F1BF418D40C4}" dt="2026-05-21T11:57:14.984" v="14" actId="113"/>
        <pc:sldMkLst>
          <pc:docMk/>
          <pc:sldMk cId="3816862836" sldId="256"/>
        </pc:sldMkLst>
        <pc:spChg chg="mod">
          <ac:chgData name="Michelle Cross" userId="1ce66446-85af-424b-9b42-3b50dbc4df8d" providerId="ADAL" clId="{050F7553-B3D7-4759-99B7-F1BF418D40C4}" dt="2026-05-21T11:57:14.984" v="14" actId="113"/>
          <ac:spMkLst>
            <pc:docMk/>
            <pc:sldMk cId="3816862836" sldId="256"/>
            <ac:spMk id="10" creationId="{A9562D76-3EAE-1C26-B56B-FD565A54E243}"/>
          </ac:spMkLst>
        </pc:spChg>
      </pc:sldChg>
      <pc:sldChg chg="modSp mod">
        <pc:chgData name="Michelle Cross" userId="1ce66446-85af-424b-9b42-3b50dbc4df8d" providerId="ADAL" clId="{050F7553-B3D7-4759-99B7-F1BF418D40C4}" dt="2026-05-21T12:01:18.567" v="27" actId="20577"/>
        <pc:sldMkLst>
          <pc:docMk/>
          <pc:sldMk cId="754461325" sldId="332"/>
        </pc:sldMkLst>
        <pc:spChg chg="mod">
          <ac:chgData name="Michelle Cross" userId="1ce66446-85af-424b-9b42-3b50dbc4df8d" providerId="ADAL" clId="{050F7553-B3D7-4759-99B7-F1BF418D40C4}" dt="2026-05-21T12:01:18.567" v="27" actId="20577"/>
          <ac:spMkLst>
            <pc:docMk/>
            <pc:sldMk cId="754461325" sldId="332"/>
            <ac:spMk id="4" creationId="{6E7968C2-2988-3DCA-1219-21E4F5777886}"/>
          </ac:spMkLst>
        </pc:spChg>
      </pc:sldChg>
      <pc:sldChg chg="modSp mod">
        <pc:chgData name="Michelle Cross" userId="1ce66446-85af-424b-9b42-3b50dbc4df8d" providerId="ADAL" clId="{050F7553-B3D7-4759-99B7-F1BF418D40C4}" dt="2026-05-21T12:02:44.832" v="28" actId="20577"/>
        <pc:sldMkLst>
          <pc:docMk/>
          <pc:sldMk cId="2126650177" sldId="411"/>
        </pc:sldMkLst>
        <pc:spChg chg="mod">
          <ac:chgData name="Michelle Cross" userId="1ce66446-85af-424b-9b42-3b50dbc4df8d" providerId="ADAL" clId="{050F7553-B3D7-4759-99B7-F1BF418D40C4}" dt="2026-05-21T12:02:44.832" v="28" actId="20577"/>
          <ac:spMkLst>
            <pc:docMk/>
            <pc:sldMk cId="2126650177" sldId="411"/>
            <ac:spMk id="34" creationId="{2218CCD2-9D41-61E0-1101-F67EDB85FFE4}"/>
          </ac:spMkLst>
        </pc:spChg>
      </pc:sldChg>
      <pc:sldChg chg="modSp mod">
        <pc:chgData name="Michelle Cross" userId="1ce66446-85af-424b-9b42-3b50dbc4df8d" providerId="ADAL" clId="{050F7553-B3D7-4759-99B7-F1BF418D40C4}" dt="2026-05-21T11:59:57.551" v="24" actId="20577"/>
        <pc:sldMkLst>
          <pc:docMk/>
          <pc:sldMk cId="2517654574" sldId="412"/>
        </pc:sldMkLst>
        <pc:spChg chg="mod">
          <ac:chgData name="Michelle Cross" userId="1ce66446-85af-424b-9b42-3b50dbc4df8d" providerId="ADAL" clId="{050F7553-B3D7-4759-99B7-F1BF418D40C4}" dt="2026-05-21T11:59:57.551" v="24" actId="20577"/>
          <ac:spMkLst>
            <pc:docMk/>
            <pc:sldMk cId="2517654574" sldId="412"/>
            <ac:spMk id="2" creationId="{5FB2BD37-90A0-35CD-BB7E-52A3E53CEA6E}"/>
          </ac:spMkLst>
        </pc:spChg>
      </pc:sldChg>
      <pc:sldChg chg="modSp mod">
        <pc:chgData name="Michelle Cross" userId="1ce66446-85af-424b-9b42-3b50dbc4df8d" providerId="ADAL" clId="{050F7553-B3D7-4759-99B7-F1BF418D40C4}" dt="2026-05-21T11:59:43.743" v="21" actId="20577"/>
        <pc:sldMkLst>
          <pc:docMk/>
          <pc:sldMk cId="1145382610" sldId="500"/>
        </pc:sldMkLst>
        <pc:spChg chg="mod">
          <ac:chgData name="Michelle Cross" userId="1ce66446-85af-424b-9b42-3b50dbc4df8d" providerId="ADAL" clId="{050F7553-B3D7-4759-99B7-F1BF418D40C4}" dt="2026-05-21T11:59:43.743" v="21" actId="20577"/>
          <ac:spMkLst>
            <pc:docMk/>
            <pc:sldMk cId="1145382610" sldId="500"/>
            <ac:spMk id="34" creationId="{CC085631-8B3C-97E7-2025-1FC9B5E58B9E}"/>
          </ac:spMkLst>
        </pc:spChg>
      </pc:sldChg>
      <pc:sldChg chg="modSp mod">
        <pc:chgData name="Michelle Cross" userId="1ce66446-85af-424b-9b42-3b50dbc4df8d" providerId="ADAL" clId="{050F7553-B3D7-4759-99B7-F1BF418D40C4}" dt="2026-05-21T11:58:52.357" v="19" actId="20577"/>
        <pc:sldMkLst>
          <pc:docMk/>
          <pc:sldMk cId="2083774137" sldId="525"/>
        </pc:sldMkLst>
        <pc:spChg chg="mod">
          <ac:chgData name="Michelle Cross" userId="1ce66446-85af-424b-9b42-3b50dbc4df8d" providerId="ADAL" clId="{050F7553-B3D7-4759-99B7-F1BF418D40C4}" dt="2026-05-21T11:58:52.357" v="19" actId="20577"/>
          <ac:spMkLst>
            <pc:docMk/>
            <pc:sldMk cId="2083774137" sldId="525"/>
            <ac:spMk id="3" creationId="{D13A527E-18C1-F3EE-8FB4-C8B045DE7AAE}"/>
          </ac:spMkLst>
        </pc:spChg>
      </pc:sldChg>
      <pc:sldChg chg="modSp mod">
        <pc:chgData name="Michelle Cross" userId="1ce66446-85af-424b-9b42-3b50dbc4df8d" providerId="ADAL" clId="{050F7553-B3D7-4759-99B7-F1BF418D40C4}" dt="2026-05-21T11:58:33.850" v="17" actId="14100"/>
        <pc:sldMkLst>
          <pc:docMk/>
          <pc:sldMk cId="1958191486" sldId="526"/>
        </pc:sldMkLst>
        <pc:spChg chg="mod">
          <ac:chgData name="Michelle Cross" userId="1ce66446-85af-424b-9b42-3b50dbc4df8d" providerId="ADAL" clId="{050F7553-B3D7-4759-99B7-F1BF418D40C4}" dt="2026-05-21T11:58:33.850" v="17" actId="14100"/>
          <ac:spMkLst>
            <pc:docMk/>
            <pc:sldMk cId="1958191486" sldId="526"/>
            <ac:spMk id="6" creationId="{2BD48EA5-C881-B17A-21FC-1844A2CFD46D}"/>
          </ac:spMkLst>
        </pc:spChg>
        <pc:spChg chg="mod">
          <ac:chgData name="Michelle Cross" userId="1ce66446-85af-424b-9b42-3b50dbc4df8d" providerId="ADAL" clId="{050F7553-B3D7-4759-99B7-F1BF418D40C4}" dt="2026-05-21T11:58:33.850" v="17" actId="14100"/>
          <ac:spMkLst>
            <pc:docMk/>
            <pc:sldMk cId="1958191486" sldId="526"/>
            <ac:spMk id="9" creationId="{C8AD037A-ED27-81F1-999D-0F5B9FAA152A}"/>
          </ac:spMkLst>
        </pc:spChg>
        <pc:spChg chg="mod">
          <ac:chgData name="Michelle Cross" userId="1ce66446-85af-424b-9b42-3b50dbc4df8d" providerId="ADAL" clId="{050F7553-B3D7-4759-99B7-F1BF418D40C4}" dt="2026-05-21T11:58:33.850" v="17" actId="14100"/>
          <ac:spMkLst>
            <pc:docMk/>
            <pc:sldMk cId="1958191486" sldId="526"/>
            <ac:spMk id="12" creationId="{3242E434-511A-6E7A-B779-D1AB00045863}"/>
          </ac:spMkLst>
        </pc:spChg>
        <pc:spChg chg="mod">
          <ac:chgData name="Michelle Cross" userId="1ce66446-85af-424b-9b42-3b50dbc4df8d" providerId="ADAL" clId="{050F7553-B3D7-4759-99B7-F1BF418D40C4}" dt="2026-05-21T11:58:33.850" v="17" actId="14100"/>
          <ac:spMkLst>
            <pc:docMk/>
            <pc:sldMk cId="1958191486" sldId="526"/>
            <ac:spMk id="25" creationId="{0C2E3EAB-B8F6-A8B0-E70D-9DE3A11755D9}"/>
          </ac:spMkLst>
        </pc:spChg>
      </pc:sldChg>
      <pc:sldMasterChg chg="delSp mod modSldLayout">
        <pc:chgData name="Michelle Cross" userId="1ce66446-85af-424b-9b42-3b50dbc4df8d" providerId="ADAL" clId="{050F7553-B3D7-4759-99B7-F1BF418D40C4}" dt="2026-05-21T12:06:28.453" v="34" actId="20577"/>
        <pc:sldMasterMkLst>
          <pc:docMk/>
          <pc:sldMasterMk cId="2859247836" sldId="2147483648"/>
        </pc:sldMasterMkLst>
        <pc:spChg chg="del">
          <ac:chgData name="Michelle Cross" userId="1ce66446-85af-424b-9b42-3b50dbc4df8d" providerId="ADAL" clId="{050F7553-B3D7-4759-99B7-F1BF418D40C4}" dt="2026-05-21T12:05:37.484" v="31" actId="33475"/>
          <ac:spMkLst>
            <pc:docMk/>
            <pc:sldMasterMk cId="2859247836" sldId="2147483648"/>
            <ac:spMk id="7" creationId="{A43A788C-1926-1DBA-835E-EE3B559A33A0}"/>
          </ac:spMkLst>
        </pc:spChg>
        <pc:sldLayoutChg chg="modSp mod">
          <pc:chgData name="Michelle Cross" userId="1ce66446-85af-424b-9b42-3b50dbc4df8d" providerId="ADAL" clId="{050F7553-B3D7-4759-99B7-F1BF418D40C4}" dt="2026-05-21T12:05:32.055" v="30" actId="14429"/>
          <pc:sldLayoutMkLst>
            <pc:docMk/>
            <pc:sldMasterMk cId="2859247836" sldId="2147483648"/>
            <pc:sldLayoutMk cId="3854100206" sldId="2147483649"/>
          </pc:sldLayoutMkLst>
          <pc:picChg chg="mod modVis">
            <ac:chgData name="Michelle Cross" userId="1ce66446-85af-424b-9b42-3b50dbc4df8d" providerId="ADAL" clId="{050F7553-B3D7-4759-99B7-F1BF418D40C4}" dt="2026-05-21T12:05:32.055" v="30" actId="14429"/>
            <ac:picMkLst>
              <pc:docMk/>
              <pc:sldMasterMk cId="2859247836" sldId="2147483648"/>
              <pc:sldLayoutMk cId="3854100206" sldId="2147483649"/>
              <ac:picMk id="5" creationId="{8CC77CF1-C247-5901-9264-6EB371AA947B}"/>
            </ac:picMkLst>
          </pc:picChg>
        </pc:sldLayoutChg>
        <pc:sldLayoutChg chg="modSp mod">
          <pc:chgData name="Michelle Cross" userId="1ce66446-85af-424b-9b42-3b50dbc4df8d" providerId="ADAL" clId="{050F7553-B3D7-4759-99B7-F1BF418D40C4}" dt="2026-05-21T12:06:28.453" v="34" actId="20577"/>
          <pc:sldLayoutMkLst>
            <pc:docMk/>
            <pc:sldMasterMk cId="2859247836" sldId="2147483648"/>
            <pc:sldLayoutMk cId="3376332377" sldId="2147483667"/>
          </pc:sldLayoutMkLst>
          <pc:spChg chg="mod">
            <ac:chgData name="Michelle Cross" userId="1ce66446-85af-424b-9b42-3b50dbc4df8d" providerId="ADAL" clId="{050F7553-B3D7-4759-99B7-F1BF418D40C4}" dt="2026-05-21T12:06:28.453" v="34" actId="20577"/>
            <ac:spMkLst>
              <pc:docMk/>
              <pc:sldMasterMk cId="2859247836" sldId="2147483648"/>
              <pc:sldLayoutMk cId="3376332377" sldId="2147483667"/>
              <ac:spMk id="6" creationId="{8740AD85-746F-2D45-EB45-A93BFF52B62F}"/>
            </ac:spMkLst>
          </pc:spChg>
        </pc:sldLayoutChg>
      </pc:sldMasterChg>
    </pc:docChg>
  </pc:docChgLst>
  <pc:docChgLst>
    <pc:chgData name="Julie Silec" userId="e33c71f4-39da-440f-a9cb-d0438fa229f2" providerId="ADAL" clId="{21267095-89F9-5716-A2A1-81A29FD6C046}"/>
    <pc:docChg chg="undo redo custSel addSld delSld modSld">
      <pc:chgData name="Julie Silec" userId="e33c71f4-39da-440f-a9cb-d0438fa229f2" providerId="ADAL" clId="{21267095-89F9-5716-A2A1-81A29FD6C046}" dt="2026-05-21T00:58:38.503" v="719" actId="3064"/>
      <pc:docMkLst>
        <pc:docMk/>
      </pc:docMkLst>
      <pc:sldChg chg="addSp delSp modSp mod">
        <pc:chgData name="Julie Silec" userId="e33c71f4-39da-440f-a9cb-d0438fa229f2" providerId="ADAL" clId="{21267095-89F9-5716-A2A1-81A29FD6C046}" dt="2026-05-21T00:37:51.445" v="476" actId="164"/>
        <pc:sldMkLst>
          <pc:docMk/>
          <pc:sldMk cId="754461325" sldId="332"/>
        </pc:sldMkLst>
        <pc:spChg chg="mod">
          <ac:chgData name="Julie Silec" userId="e33c71f4-39da-440f-a9cb-d0438fa229f2" providerId="ADAL" clId="{21267095-89F9-5716-A2A1-81A29FD6C046}" dt="2026-05-21T00:36:04.864" v="456" actId="14100"/>
          <ac:spMkLst>
            <pc:docMk/>
            <pc:sldMk cId="754461325" sldId="332"/>
            <ac:spMk id="3" creationId="{9B250074-D017-1D0B-0093-2123BDE926EA}"/>
          </ac:spMkLst>
        </pc:spChg>
        <pc:spChg chg="mod">
          <ac:chgData name="Julie Silec" userId="e33c71f4-39da-440f-a9cb-d0438fa229f2" providerId="ADAL" clId="{21267095-89F9-5716-A2A1-81A29FD6C046}" dt="2026-05-21T00:35:31.664" v="447" actId="14100"/>
          <ac:spMkLst>
            <pc:docMk/>
            <pc:sldMk cId="754461325" sldId="332"/>
            <ac:spMk id="4" creationId="{6E7968C2-2988-3DCA-1219-21E4F5777886}"/>
          </ac:spMkLst>
        </pc:spChg>
        <pc:spChg chg="mod">
          <ac:chgData name="Julie Silec" userId="e33c71f4-39da-440f-a9cb-d0438fa229f2" providerId="ADAL" clId="{21267095-89F9-5716-A2A1-81A29FD6C046}" dt="2026-05-21T00:35:58.431" v="454" actId="14100"/>
          <ac:spMkLst>
            <pc:docMk/>
            <pc:sldMk cId="754461325" sldId="332"/>
            <ac:spMk id="5" creationId="{56264D15-E648-938F-73D6-149B30EEB1EF}"/>
          </ac:spMkLst>
        </pc:spChg>
        <pc:spChg chg="mod">
          <ac:chgData name="Julie Silec" userId="e33c71f4-39da-440f-a9cb-d0438fa229f2" providerId="ADAL" clId="{21267095-89F9-5716-A2A1-81A29FD6C046}" dt="2026-05-21T00:35:54.192" v="452" actId="1076"/>
          <ac:spMkLst>
            <pc:docMk/>
            <pc:sldMk cId="754461325" sldId="332"/>
            <ac:spMk id="6" creationId="{7B85F208-ED77-5231-936D-7A97A127038E}"/>
          </ac:spMkLst>
        </pc:spChg>
        <pc:spChg chg="mod topLvl">
          <ac:chgData name="Julie Silec" userId="e33c71f4-39da-440f-a9cb-d0438fa229f2" providerId="ADAL" clId="{21267095-89F9-5716-A2A1-81A29FD6C046}" dt="2026-05-20T23:58:10.792" v="80" actId="207"/>
          <ac:spMkLst>
            <pc:docMk/>
            <pc:sldMk cId="754461325" sldId="332"/>
            <ac:spMk id="8" creationId="{091583FF-D122-E55C-78C2-55EA5B77F1C4}"/>
          </ac:spMkLst>
        </pc:spChg>
        <pc:spChg chg="mod topLvl">
          <ac:chgData name="Julie Silec" userId="e33c71f4-39da-440f-a9cb-d0438fa229f2" providerId="ADAL" clId="{21267095-89F9-5716-A2A1-81A29FD6C046}" dt="2026-05-20T23:58:15.833" v="81" actId="207"/>
          <ac:spMkLst>
            <pc:docMk/>
            <pc:sldMk cId="754461325" sldId="332"/>
            <ac:spMk id="9" creationId="{77B30A81-EEA1-7024-340D-02B6C4E18AFB}"/>
          </ac:spMkLst>
        </pc:spChg>
        <pc:spChg chg="mod topLvl">
          <ac:chgData name="Julie Silec" userId="e33c71f4-39da-440f-a9cb-d0438fa229f2" providerId="ADAL" clId="{21267095-89F9-5716-A2A1-81A29FD6C046}" dt="2026-05-20T23:58:57.915" v="82" actId="338"/>
          <ac:spMkLst>
            <pc:docMk/>
            <pc:sldMk cId="754461325" sldId="332"/>
            <ac:spMk id="11" creationId="{731BEBD5-DDD0-F06B-55F4-4E7B3B8E6653}"/>
          </ac:spMkLst>
        </pc:spChg>
        <pc:spChg chg="mod topLvl">
          <ac:chgData name="Julie Silec" userId="e33c71f4-39da-440f-a9cb-d0438fa229f2" providerId="ADAL" clId="{21267095-89F9-5716-A2A1-81A29FD6C046}" dt="2026-05-20T23:58:57.915" v="82" actId="338"/>
          <ac:spMkLst>
            <pc:docMk/>
            <pc:sldMk cId="754461325" sldId="332"/>
            <ac:spMk id="12" creationId="{3B27FE5A-43FB-6B55-E37E-9D8A2FFF6075}"/>
          </ac:spMkLst>
        </pc:spChg>
        <pc:spChg chg="mod topLvl">
          <ac:chgData name="Julie Silec" userId="e33c71f4-39da-440f-a9cb-d0438fa229f2" providerId="ADAL" clId="{21267095-89F9-5716-A2A1-81A29FD6C046}" dt="2026-05-21T00:37:51.445" v="476" actId="164"/>
          <ac:spMkLst>
            <pc:docMk/>
            <pc:sldMk cId="754461325" sldId="332"/>
            <ac:spMk id="14" creationId="{D5F3EBBF-4EA8-CCB9-CB8E-25DA5DBD2BB4}"/>
          </ac:spMkLst>
        </pc:spChg>
        <pc:spChg chg="mod topLvl">
          <ac:chgData name="Julie Silec" userId="e33c71f4-39da-440f-a9cb-d0438fa229f2" providerId="ADAL" clId="{21267095-89F9-5716-A2A1-81A29FD6C046}" dt="2026-05-21T00:37:51.445" v="476" actId="164"/>
          <ac:spMkLst>
            <pc:docMk/>
            <pc:sldMk cId="754461325" sldId="332"/>
            <ac:spMk id="15" creationId="{82E080A3-1225-668D-45A4-6FD15184BFF9}"/>
          </ac:spMkLst>
        </pc:spChg>
        <pc:spChg chg="add del mod">
          <ac:chgData name="Julie Silec" userId="e33c71f4-39da-440f-a9cb-d0438fa229f2" providerId="ADAL" clId="{21267095-89F9-5716-A2A1-81A29FD6C046}" dt="2026-05-21T00:33:27.251" v="427" actId="478"/>
          <ac:spMkLst>
            <pc:docMk/>
            <pc:sldMk cId="754461325" sldId="332"/>
            <ac:spMk id="20" creationId="{A7A3F177-8D0B-9C37-39C9-9EA77410F38B}"/>
          </ac:spMkLst>
        </pc:spChg>
        <pc:spChg chg="add mod">
          <ac:chgData name="Julie Silec" userId="e33c71f4-39da-440f-a9cb-d0438fa229f2" providerId="ADAL" clId="{21267095-89F9-5716-A2A1-81A29FD6C046}" dt="2026-05-21T00:34:34.535" v="437" actId="14100"/>
          <ac:spMkLst>
            <pc:docMk/>
            <pc:sldMk cId="754461325" sldId="332"/>
            <ac:spMk id="21" creationId="{CE4A7194-D136-A757-1793-457B92EC490B}"/>
          </ac:spMkLst>
        </pc:spChg>
        <pc:grpChg chg="del">
          <ac:chgData name="Julie Silec" userId="e33c71f4-39da-440f-a9cb-d0438fa229f2" providerId="ADAL" clId="{21267095-89F9-5716-A2A1-81A29FD6C046}" dt="2026-05-20T23:52:12.389" v="0" actId="165"/>
          <ac:grpSpMkLst>
            <pc:docMk/>
            <pc:sldMk cId="754461325" sldId="332"/>
            <ac:grpSpMk id="7" creationId="{DCD42B90-1F01-5A70-F6C9-FB8B067E9959}"/>
          </ac:grpSpMkLst>
        </pc:grpChg>
        <pc:grpChg chg="del mod">
          <ac:chgData name="Julie Silec" userId="e33c71f4-39da-440f-a9cb-d0438fa229f2" providerId="ADAL" clId="{21267095-89F9-5716-A2A1-81A29FD6C046}" dt="2026-05-20T23:55:51.521" v="60" actId="165"/>
          <ac:grpSpMkLst>
            <pc:docMk/>
            <pc:sldMk cId="754461325" sldId="332"/>
            <ac:grpSpMk id="10" creationId="{816CABCC-8FAB-5695-E2D5-0822AB757B43}"/>
          </ac:grpSpMkLst>
        </pc:grpChg>
        <pc:grpChg chg="del mod">
          <ac:chgData name="Julie Silec" userId="e33c71f4-39da-440f-a9cb-d0438fa229f2" providerId="ADAL" clId="{21267095-89F9-5716-A2A1-81A29FD6C046}" dt="2026-05-20T23:57:39.885" v="75" actId="165"/>
          <ac:grpSpMkLst>
            <pc:docMk/>
            <pc:sldMk cId="754461325" sldId="332"/>
            <ac:grpSpMk id="13" creationId="{FD8D96DB-521C-A7A1-72FA-777D7F801E67}"/>
          </ac:grpSpMkLst>
        </pc:grpChg>
        <pc:grpChg chg="add mod">
          <ac:chgData name="Julie Silec" userId="e33c71f4-39da-440f-a9cb-d0438fa229f2" providerId="ADAL" clId="{21267095-89F9-5716-A2A1-81A29FD6C046}" dt="2026-05-21T00:36:42.058" v="465" actId="1076"/>
          <ac:grpSpMkLst>
            <pc:docMk/>
            <pc:sldMk cId="754461325" sldId="332"/>
            <ac:grpSpMk id="17" creationId="{AB9B7F31-9358-E39E-C42B-4A352BD71314}"/>
          </ac:grpSpMkLst>
        </pc:grpChg>
        <pc:grpChg chg="add mod">
          <ac:chgData name="Julie Silec" userId="e33c71f4-39da-440f-a9cb-d0438fa229f2" providerId="ADAL" clId="{21267095-89F9-5716-A2A1-81A29FD6C046}" dt="2026-05-21T00:36:57.831" v="467" actId="1076"/>
          <ac:grpSpMkLst>
            <pc:docMk/>
            <pc:sldMk cId="754461325" sldId="332"/>
            <ac:grpSpMk id="18" creationId="{48E8E81C-3AB4-A5B3-29A4-9319830F9BF0}"/>
          </ac:grpSpMkLst>
        </pc:grpChg>
        <pc:grpChg chg="add del mod">
          <ac:chgData name="Julie Silec" userId="e33c71f4-39da-440f-a9cb-d0438fa229f2" providerId="ADAL" clId="{21267095-89F9-5716-A2A1-81A29FD6C046}" dt="2026-05-21T00:37:16.230" v="468" actId="165"/>
          <ac:grpSpMkLst>
            <pc:docMk/>
            <pc:sldMk cId="754461325" sldId="332"/>
            <ac:grpSpMk id="19" creationId="{3DD1C384-A40F-2DB8-2B3F-CEE991B9F7BC}"/>
          </ac:grpSpMkLst>
        </pc:grpChg>
        <pc:grpChg chg="add mod">
          <ac:chgData name="Julie Silec" userId="e33c71f4-39da-440f-a9cb-d0438fa229f2" providerId="ADAL" clId="{21267095-89F9-5716-A2A1-81A29FD6C046}" dt="2026-05-21T00:37:51.445" v="476" actId="164"/>
          <ac:grpSpMkLst>
            <pc:docMk/>
            <pc:sldMk cId="754461325" sldId="332"/>
            <ac:grpSpMk id="22" creationId="{B48DF4BA-CA39-0256-E3E4-0F10C411C7B2}"/>
          </ac:grpSpMkLst>
        </pc:grpChg>
      </pc:sldChg>
      <pc:sldChg chg="delSp modSp mod">
        <pc:chgData name="Julie Silec" userId="e33c71f4-39da-440f-a9cb-d0438fa229f2" providerId="ADAL" clId="{21267095-89F9-5716-A2A1-81A29FD6C046}" dt="2026-05-21T00:58:38.503" v="719" actId="3064"/>
        <pc:sldMkLst>
          <pc:docMk/>
          <pc:sldMk cId="2517654574" sldId="412"/>
        </pc:sldMkLst>
        <pc:spChg chg="mod topLvl">
          <ac:chgData name="Julie Silec" userId="e33c71f4-39da-440f-a9cb-d0438fa229f2" providerId="ADAL" clId="{21267095-89F9-5716-A2A1-81A29FD6C046}" dt="2026-05-21T00:58:38.503" v="719" actId="3064"/>
          <ac:spMkLst>
            <pc:docMk/>
            <pc:sldMk cId="2517654574" sldId="412"/>
            <ac:spMk id="3" creationId="{FCA7B593-21AB-3022-FBC2-F7E4F919FB49}"/>
          </ac:spMkLst>
        </pc:spChg>
        <pc:spChg chg="mod topLvl">
          <ac:chgData name="Julie Silec" userId="e33c71f4-39da-440f-a9cb-d0438fa229f2" providerId="ADAL" clId="{21267095-89F9-5716-A2A1-81A29FD6C046}" dt="2026-05-21T00:51:31.064" v="621" actId="1038"/>
          <ac:spMkLst>
            <pc:docMk/>
            <pc:sldMk cId="2517654574" sldId="412"/>
            <ac:spMk id="5" creationId="{5B3E7E4E-51FA-5AB8-26A4-78324D6497AC}"/>
          </ac:spMkLst>
        </pc:spChg>
        <pc:spChg chg="mod topLvl">
          <ac:chgData name="Julie Silec" userId="e33c71f4-39da-440f-a9cb-d0438fa229f2" providerId="ADAL" clId="{21267095-89F9-5716-A2A1-81A29FD6C046}" dt="2026-05-21T00:57:03.725" v="681" actId="3064"/>
          <ac:spMkLst>
            <pc:docMk/>
            <pc:sldMk cId="2517654574" sldId="412"/>
            <ac:spMk id="6" creationId="{9C9B5954-EACF-BFFC-1FA7-21E68AF0C852}"/>
          </ac:spMkLst>
        </pc:spChg>
        <pc:spChg chg="mod topLvl">
          <ac:chgData name="Julie Silec" userId="e33c71f4-39da-440f-a9cb-d0438fa229f2" providerId="ADAL" clId="{21267095-89F9-5716-A2A1-81A29FD6C046}" dt="2026-05-21T00:51:31.064" v="621" actId="1038"/>
          <ac:spMkLst>
            <pc:docMk/>
            <pc:sldMk cId="2517654574" sldId="412"/>
            <ac:spMk id="7" creationId="{DB89704B-EAA0-126C-FD91-3CE68374054D}"/>
          </ac:spMkLst>
        </pc:spChg>
        <pc:spChg chg="mod topLvl">
          <ac:chgData name="Julie Silec" userId="e33c71f4-39da-440f-a9cb-d0438fa229f2" providerId="ADAL" clId="{21267095-89F9-5716-A2A1-81A29FD6C046}" dt="2026-05-21T00:57:03.725" v="681" actId="3064"/>
          <ac:spMkLst>
            <pc:docMk/>
            <pc:sldMk cId="2517654574" sldId="412"/>
            <ac:spMk id="8" creationId="{7909B15E-A51F-A2DF-44B6-CAB411A66079}"/>
          </ac:spMkLst>
        </pc:spChg>
        <pc:spChg chg="mod topLvl">
          <ac:chgData name="Julie Silec" userId="e33c71f4-39da-440f-a9cb-d0438fa229f2" providerId="ADAL" clId="{21267095-89F9-5716-A2A1-81A29FD6C046}" dt="2026-05-21T00:51:31.064" v="621" actId="1038"/>
          <ac:spMkLst>
            <pc:docMk/>
            <pc:sldMk cId="2517654574" sldId="412"/>
            <ac:spMk id="9" creationId="{F93F9104-8D10-2845-6DB2-A96D22F06D91}"/>
          </ac:spMkLst>
        </pc:spChg>
        <pc:spChg chg="mod topLvl">
          <ac:chgData name="Julie Silec" userId="e33c71f4-39da-440f-a9cb-d0438fa229f2" providerId="ADAL" clId="{21267095-89F9-5716-A2A1-81A29FD6C046}" dt="2026-05-21T00:57:03.725" v="681" actId="3064"/>
          <ac:spMkLst>
            <pc:docMk/>
            <pc:sldMk cId="2517654574" sldId="412"/>
            <ac:spMk id="32" creationId="{72222F02-077C-B12C-453D-AB53A4D15114}"/>
          </ac:spMkLst>
        </pc:spChg>
        <pc:spChg chg="mod topLvl">
          <ac:chgData name="Julie Silec" userId="e33c71f4-39da-440f-a9cb-d0438fa229f2" providerId="ADAL" clId="{21267095-89F9-5716-A2A1-81A29FD6C046}" dt="2026-05-21T00:51:31.064" v="621" actId="1038"/>
          <ac:spMkLst>
            <pc:docMk/>
            <pc:sldMk cId="2517654574" sldId="412"/>
            <ac:spMk id="33" creationId="{37D72C79-EFF4-431C-5ACA-4DD6779B72BC}"/>
          </ac:spMkLst>
        </pc:spChg>
        <pc:spChg chg="mod topLvl">
          <ac:chgData name="Julie Silec" userId="e33c71f4-39da-440f-a9cb-d0438fa229f2" providerId="ADAL" clId="{21267095-89F9-5716-A2A1-81A29FD6C046}" dt="2026-05-21T00:57:03.725" v="681" actId="3064"/>
          <ac:spMkLst>
            <pc:docMk/>
            <pc:sldMk cId="2517654574" sldId="412"/>
            <ac:spMk id="34" creationId="{B194DF10-796B-6673-2EF2-05B025A44C02}"/>
          </ac:spMkLst>
        </pc:spChg>
        <pc:spChg chg="mod">
          <ac:chgData name="Julie Silec" userId="e33c71f4-39da-440f-a9cb-d0438fa229f2" providerId="ADAL" clId="{21267095-89F9-5716-A2A1-81A29FD6C046}" dt="2026-05-21T00:02:10.868" v="96" actId="165"/>
          <ac:spMkLst>
            <pc:docMk/>
            <pc:sldMk cId="2517654574" sldId="412"/>
            <ac:spMk id="35" creationId="{42649B77-5404-3F19-FD0D-12D34224DEAC}"/>
          </ac:spMkLst>
        </pc:spChg>
        <pc:spChg chg="mod">
          <ac:chgData name="Julie Silec" userId="e33c71f4-39da-440f-a9cb-d0438fa229f2" providerId="ADAL" clId="{21267095-89F9-5716-A2A1-81A29FD6C046}" dt="2026-05-21T00:02:27.099" v="100" actId="165"/>
          <ac:spMkLst>
            <pc:docMk/>
            <pc:sldMk cId="2517654574" sldId="412"/>
            <ac:spMk id="37" creationId="{55DEF9A3-FC4F-5A17-6E77-A42481825806}"/>
          </ac:spMkLst>
        </pc:spChg>
        <pc:spChg chg="mod">
          <ac:chgData name="Julie Silec" userId="e33c71f4-39da-440f-a9cb-d0438fa229f2" providerId="ADAL" clId="{21267095-89F9-5716-A2A1-81A29FD6C046}" dt="2026-05-21T00:02:27.099" v="100" actId="165"/>
          <ac:spMkLst>
            <pc:docMk/>
            <pc:sldMk cId="2517654574" sldId="412"/>
            <ac:spMk id="38" creationId="{2F94CAB9-9A70-1816-96C9-0D6A96FD6AA1}"/>
          </ac:spMkLst>
        </pc:spChg>
        <pc:spChg chg="mod">
          <ac:chgData name="Julie Silec" userId="e33c71f4-39da-440f-a9cb-d0438fa229f2" providerId="ADAL" clId="{21267095-89F9-5716-A2A1-81A29FD6C046}" dt="2026-05-21T00:02:27.099" v="100" actId="165"/>
          <ac:spMkLst>
            <pc:docMk/>
            <pc:sldMk cId="2517654574" sldId="412"/>
            <ac:spMk id="39" creationId="{A1D24F5A-93D7-A554-E03B-240D37170F3C}"/>
          </ac:spMkLst>
        </pc:spChg>
        <pc:spChg chg="mod">
          <ac:chgData name="Julie Silec" userId="e33c71f4-39da-440f-a9cb-d0438fa229f2" providerId="ADAL" clId="{21267095-89F9-5716-A2A1-81A29FD6C046}" dt="2026-05-21T00:02:27.099" v="100" actId="165"/>
          <ac:spMkLst>
            <pc:docMk/>
            <pc:sldMk cId="2517654574" sldId="412"/>
            <ac:spMk id="40" creationId="{0A87F6A0-805A-F18B-7B19-3D6B4718A924}"/>
          </ac:spMkLst>
        </pc:spChg>
        <pc:spChg chg="mod">
          <ac:chgData name="Julie Silec" userId="e33c71f4-39da-440f-a9cb-d0438fa229f2" providerId="ADAL" clId="{21267095-89F9-5716-A2A1-81A29FD6C046}" dt="2026-05-21T00:02:22.926" v="99" actId="165"/>
          <ac:spMkLst>
            <pc:docMk/>
            <pc:sldMk cId="2517654574" sldId="412"/>
            <ac:spMk id="42" creationId="{1886F7D9-2CBB-43BD-4AFD-6F25438789A3}"/>
          </ac:spMkLst>
        </pc:spChg>
        <pc:spChg chg="mod">
          <ac:chgData name="Julie Silec" userId="e33c71f4-39da-440f-a9cb-d0438fa229f2" providerId="ADAL" clId="{21267095-89F9-5716-A2A1-81A29FD6C046}" dt="2026-05-21T00:02:22.926" v="99" actId="165"/>
          <ac:spMkLst>
            <pc:docMk/>
            <pc:sldMk cId="2517654574" sldId="412"/>
            <ac:spMk id="43" creationId="{50937244-98B8-DEB5-49C4-2AD27C796347}"/>
          </ac:spMkLst>
        </pc:spChg>
        <pc:spChg chg="mod">
          <ac:chgData name="Julie Silec" userId="e33c71f4-39da-440f-a9cb-d0438fa229f2" providerId="ADAL" clId="{21267095-89F9-5716-A2A1-81A29FD6C046}" dt="2026-05-21T00:02:22.926" v="99" actId="165"/>
          <ac:spMkLst>
            <pc:docMk/>
            <pc:sldMk cId="2517654574" sldId="412"/>
            <ac:spMk id="44" creationId="{154BDA0A-942A-61AE-81B9-BC77A93D4598}"/>
          </ac:spMkLst>
        </pc:spChg>
        <pc:spChg chg="mod">
          <ac:chgData name="Julie Silec" userId="e33c71f4-39da-440f-a9cb-d0438fa229f2" providerId="ADAL" clId="{21267095-89F9-5716-A2A1-81A29FD6C046}" dt="2026-05-21T00:02:22.926" v="99" actId="165"/>
          <ac:spMkLst>
            <pc:docMk/>
            <pc:sldMk cId="2517654574" sldId="412"/>
            <ac:spMk id="46" creationId="{A1D9BE67-7A14-396D-7733-530567B0F1C2}"/>
          </ac:spMkLst>
        </pc:spChg>
        <pc:spChg chg="mod">
          <ac:chgData name="Julie Silec" userId="e33c71f4-39da-440f-a9cb-d0438fa229f2" providerId="ADAL" clId="{21267095-89F9-5716-A2A1-81A29FD6C046}" dt="2026-05-21T00:02:22.926" v="99" actId="165"/>
          <ac:spMkLst>
            <pc:docMk/>
            <pc:sldMk cId="2517654574" sldId="412"/>
            <ac:spMk id="47" creationId="{68E6AC26-D55A-EC77-2C8E-F03796C18507}"/>
          </ac:spMkLst>
        </pc:spChg>
        <pc:spChg chg="mod">
          <ac:chgData name="Julie Silec" userId="e33c71f4-39da-440f-a9cb-d0438fa229f2" providerId="ADAL" clId="{21267095-89F9-5716-A2A1-81A29FD6C046}" dt="2026-05-21T00:02:22.926" v="99" actId="165"/>
          <ac:spMkLst>
            <pc:docMk/>
            <pc:sldMk cId="2517654574" sldId="412"/>
            <ac:spMk id="48" creationId="{25C64E5E-306B-BFA9-261C-296F65C1BD83}"/>
          </ac:spMkLst>
        </pc:spChg>
        <pc:spChg chg="mod">
          <ac:chgData name="Julie Silec" userId="e33c71f4-39da-440f-a9cb-d0438fa229f2" providerId="ADAL" clId="{21267095-89F9-5716-A2A1-81A29FD6C046}" dt="2026-05-21T00:02:19.482" v="98" actId="165"/>
          <ac:spMkLst>
            <pc:docMk/>
            <pc:sldMk cId="2517654574" sldId="412"/>
            <ac:spMk id="50" creationId="{14B2802F-ABF7-0F1E-61DE-23722B7D6D66}"/>
          </ac:spMkLst>
        </pc:spChg>
        <pc:spChg chg="mod">
          <ac:chgData name="Julie Silec" userId="e33c71f4-39da-440f-a9cb-d0438fa229f2" providerId="ADAL" clId="{21267095-89F9-5716-A2A1-81A29FD6C046}" dt="2026-05-21T00:02:19.482" v="98" actId="165"/>
          <ac:spMkLst>
            <pc:docMk/>
            <pc:sldMk cId="2517654574" sldId="412"/>
            <ac:spMk id="51" creationId="{E3D4F1EE-99C0-F6A8-504E-902A0792DD53}"/>
          </ac:spMkLst>
        </pc:spChg>
        <pc:spChg chg="mod">
          <ac:chgData name="Julie Silec" userId="e33c71f4-39da-440f-a9cb-d0438fa229f2" providerId="ADAL" clId="{21267095-89F9-5716-A2A1-81A29FD6C046}" dt="2026-05-21T00:02:19.482" v="98" actId="165"/>
          <ac:spMkLst>
            <pc:docMk/>
            <pc:sldMk cId="2517654574" sldId="412"/>
            <ac:spMk id="52" creationId="{4CB647E0-4AC0-ED22-3B1B-50400E96BBFA}"/>
          </ac:spMkLst>
        </pc:spChg>
        <pc:spChg chg="mod">
          <ac:chgData name="Julie Silec" userId="e33c71f4-39da-440f-a9cb-d0438fa229f2" providerId="ADAL" clId="{21267095-89F9-5716-A2A1-81A29FD6C046}" dt="2026-05-21T00:02:19.482" v="98" actId="165"/>
          <ac:spMkLst>
            <pc:docMk/>
            <pc:sldMk cId="2517654574" sldId="412"/>
            <ac:spMk id="54" creationId="{97DA2936-7256-73F3-3C70-8614711F5315}"/>
          </ac:spMkLst>
        </pc:spChg>
        <pc:spChg chg="mod">
          <ac:chgData name="Julie Silec" userId="e33c71f4-39da-440f-a9cb-d0438fa229f2" providerId="ADAL" clId="{21267095-89F9-5716-A2A1-81A29FD6C046}" dt="2026-05-21T00:02:19.482" v="98" actId="165"/>
          <ac:spMkLst>
            <pc:docMk/>
            <pc:sldMk cId="2517654574" sldId="412"/>
            <ac:spMk id="55" creationId="{FF5E89C6-CE6A-877E-FBEE-34B7B6F6D003}"/>
          </ac:spMkLst>
        </pc:spChg>
        <pc:spChg chg="mod">
          <ac:chgData name="Julie Silec" userId="e33c71f4-39da-440f-a9cb-d0438fa229f2" providerId="ADAL" clId="{21267095-89F9-5716-A2A1-81A29FD6C046}" dt="2026-05-21T00:02:15.155" v="97" actId="165"/>
          <ac:spMkLst>
            <pc:docMk/>
            <pc:sldMk cId="2517654574" sldId="412"/>
            <ac:spMk id="57" creationId="{A9EF7D01-555F-8EF5-2CEA-4AA96B52D545}"/>
          </ac:spMkLst>
        </pc:spChg>
        <pc:spChg chg="mod">
          <ac:chgData name="Julie Silec" userId="e33c71f4-39da-440f-a9cb-d0438fa229f2" providerId="ADAL" clId="{21267095-89F9-5716-A2A1-81A29FD6C046}" dt="2026-05-21T00:02:15.155" v="97" actId="165"/>
          <ac:spMkLst>
            <pc:docMk/>
            <pc:sldMk cId="2517654574" sldId="412"/>
            <ac:spMk id="58" creationId="{7152053C-5A82-4933-40B2-3574BB7F6E93}"/>
          </ac:spMkLst>
        </pc:spChg>
        <pc:spChg chg="mod">
          <ac:chgData name="Julie Silec" userId="e33c71f4-39da-440f-a9cb-d0438fa229f2" providerId="ADAL" clId="{21267095-89F9-5716-A2A1-81A29FD6C046}" dt="2026-05-21T00:02:15.155" v="97" actId="165"/>
          <ac:spMkLst>
            <pc:docMk/>
            <pc:sldMk cId="2517654574" sldId="412"/>
            <ac:spMk id="59" creationId="{4C270E1B-AB82-5F03-3942-5334B6BB32E0}"/>
          </ac:spMkLst>
        </pc:spChg>
        <pc:spChg chg="mod">
          <ac:chgData name="Julie Silec" userId="e33c71f4-39da-440f-a9cb-d0438fa229f2" providerId="ADAL" clId="{21267095-89F9-5716-A2A1-81A29FD6C046}" dt="2026-05-21T00:02:15.155" v="97" actId="165"/>
          <ac:spMkLst>
            <pc:docMk/>
            <pc:sldMk cId="2517654574" sldId="412"/>
            <ac:spMk id="60" creationId="{5F6C1C5D-BFAF-BBDB-335C-209132843D09}"/>
          </ac:spMkLst>
        </pc:spChg>
        <pc:spChg chg="mod">
          <ac:chgData name="Julie Silec" userId="e33c71f4-39da-440f-a9cb-d0438fa229f2" providerId="ADAL" clId="{21267095-89F9-5716-A2A1-81A29FD6C046}" dt="2026-05-21T00:02:15.155" v="97" actId="165"/>
          <ac:spMkLst>
            <pc:docMk/>
            <pc:sldMk cId="2517654574" sldId="412"/>
            <ac:spMk id="61" creationId="{6EC902C7-AC84-ADC8-0A6E-AECC2202CBE0}"/>
          </ac:spMkLst>
        </pc:spChg>
        <pc:spChg chg="mod">
          <ac:chgData name="Julie Silec" userId="e33c71f4-39da-440f-a9cb-d0438fa229f2" providerId="ADAL" clId="{21267095-89F9-5716-A2A1-81A29FD6C046}" dt="2026-05-21T00:02:15.155" v="97" actId="165"/>
          <ac:spMkLst>
            <pc:docMk/>
            <pc:sldMk cId="2517654574" sldId="412"/>
            <ac:spMk id="62" creationId="{54B85B37-D77C-FAB8-DCCF-B5CF7C085D19}"/>
          </ac:spMkLst>
        </pc:spChg>
        <pc:spChg chg="mod">
          <ac:chgData name="Julie Silec" userId="e33c71f4-39da-440f-a9cb-d0438fa229f2" providerId="ADAL" clId="{21267095-89F9-5716-A2A1-81A29FD6C046}" dt="2026-05-21T00:02:15.155" v="97" actId="165"/>
          <ac:spMkLst>
            <pc:docMk/>
            <pc:sldMk cId="2517654574" sldId="412"/>
            <ac:spMk id="63" creationId="{A6274C3F-317A-3DDA-9300-5EC2F0EDF72E}"/>
          </ac:spMkLst>
        </pc:spChg>
        <pc:spChg chg="mod">
          <ac:chgData name="Julie Silec" userId="e33c71f4-39da-440f-a9cb-d0438fa229f2" providerId="ADAL" clId="{21267095-89F9-5716-A2A1-81A29FD6C046}" dt="2026-05-21T00:02:10.868" v="96" actId="165"/>
          <ac:spMkLst>
            <pc:docMk/>
            <pc:sldMk cId="2517654574" sldId="412"/>
            <ac:spMk id="65" creationId="{55FF3ADB-83EC-626A-5F09-44D33F213C26}"/>
          </ac:spMkLst>
        </pc:spChg>
        <pc:spChg chg="mod">
          <ac:chgData name="Julie Silec" userId="e33c71f4-39da-440f-a9cb-d0438fa229f2" providerId="ADAL" clId="{21267095-89F9-5716-A2A1-81A29FD6C046}" dt="2026-05-21T00:02:10.868" v="96" actId="165"/>
          <ac:spMkLst>
            <pc:docMk/>
            <pc:sldMk cId="2517654574" sldId="412"/>
            <ac:spMk id="66" creationId="{22ABC52D-281C-1747-BA47-BBCE94D82353}"/>
          </ac:spMkLst>
        </pc:spChg>
        <pc:spChg chg="mod">
          <ac:chgData name="Julie Silec" userId="e33c71f4-39da-440f-a9cb-d0438fa229f2" providerId="ADAL" clId="{21267095-89F9-5716-A2A1-81A29FD6C046}" dt="2026-05-21T00:02:10.868" v="96" actId="165"/>
          <ac:spMkLst>
            <pc:docMk/>
            <pc:sldMk cId="2517654574" sldId="412"/>
            <ac:spMk id="67" creationId="{5B01ADD1-FAF5-792B-8E15-BEB1EF6D6691}"/>
          </ac:spMkLst>
        </pc:spChg>
        <pc:spChg chg="mod">
          <ac:chgData name="Julie Silec" userId="e33c71f4-39da-440f-a9cb-d0438fa229f2" providerId="ADAL" clId="{21267095-89F9-5716-A2A1-81A29FD6C046}" dt="2026-05-21T00:02:10.868" v="96" actId="165"/>
          <ac:spMkLst>
            <pc:docMk/>
            <pc:sldMk cId="2517654574" sldId="412"/>
            <ac:spMk id="68" creationId="{20C1FA5F-77D3-33CC-42BD-040B9D6F0403}"/>
          </ac:spMkLst>
        </pc:spChg>
        <pc:spChg chg="mod">
          <ac:chgData name="Julie Silec" userId="e33c71f4-39da-440f-a9cb-d0438fa229f2" providerId="ADAL" clId="{21267095-89F9-5716-A2A1-81A29FD6C046}" dt="2026-05-21T00:02:10.868" v="96" actId="165"/>
          <ac:spMkLst>
            <pc:docMk/>
            <pc:sldMk cId="2517654574" sldId="412"/>
            <ac:spMk id="69" creationId="{554DE6FA-4289-4234-4895-01E1E44926F5}"/>
          </ac:spMkLst>
        </pc:spChg>
        <pc:spChg chg="mod">
          <ac:chgData name="Julie Silec" userId="e33c71f4-39da-440f-a9cb-d0438fa229f2" providerId="ADAL" clId="{21267095-89F9-5716-A2A1-81A29FD6C046}" dt="2026-05-21T00:02:10.868" v="96" actId="165"/>
          <ac:spMkLst>
            <pc:docMk/>
            <pc:sldMk cId="2517654574" sldId="412"/>
            <ac:spMk id="70" creationId="{08F0DC5C-930B-1C3E-F979-77A9D98D904B}"/>
          </ac:spMkLst>
        </pc:spChg>
        <pc:spChg chg="mod">
          <ac:chgData name="Julie Silec" userId="e33c71f4-39da-440f-a9cb-d0438fa229f2" providerId="ADAL" clId="{21267095-89F9-5716-A2A1-81A29FD6C046}" dt="2026-05-21T00:02:10.868" v="96" actId="165"/>
          <ac:spMkLst>
            <pc:docMk/>
            <pc:sldMk cId="2517654574" sldId="412"/>
            <ac:spMk id="71" creationId="{4748B868-9AEB-D7B4-C9DB-8543CC32467D}"/>
          </ac:spMkLst>
        </pc:spChg>
        <pc:spChg chg="mod">
          <ac:chgData name="Julie Silec" userId="e33c71f4-39da-440f-a9cb-d0438fa229f2" providerId="ADAL" clId="{21267095-89F9-5716-A2A1-81A29FD6C046}" dt="2026-05-21T00:02:10.868" v="96" actId="165"/>
          <ac:spMkLst>
            <pc:docMk/>
            <pc:sldMk cId="2517654574" sldId="412"/>
            <ac:spMk id="72" creationId="{B8635CB4-ABA3-51CE-C9D3-20FF3E444659}"/>
          </ac:spMkLst>
        </pc:spChg>
        <pc:grpChg chg="mod">
          <ac:chgData name="Julie Silec" userId="e33c71f4-39da-440f-a9cb-d0438fa229f2" providerId="ADAL" clId="{21267095-89F9-5716-A2A1-81A29FD6C046}" dt="2026-05-21T00:51:31.064" v="621" actId="1038"/>
          <ac:grpSpMkLst>
            <pc:docMk/>
            <pc:sldMk cId="2517654574" sldId="412"/>
            <ac:grpSpMk id="4" creationId="{7C1753AE-AB4C-1C6E-0EDD-477EDD9A4C57}"/>
          </ac:grpSpMkLst>
        </pc:grpChg>
        <pc:grpChg chg="mod topLvl">
          <ac:chgData name="Julie Silec" userId="e33c71f4-39da-440f-a9cb-d0438fa229f2" providerId="ADAL" clId="{21267095-89F9-5716-A2A1-81A29FD6C046}" dt="2026-05-21T00:03:28.974" v="117" actId="1037"/>
          <ac:grpSpMkLst>
            <pc:docMk/>
            <pc:sldMk cId="2517654574" sldId="412"/>
            <ac:grpSpMk id="10" creationId="{2DB808F7-13F0-0AFA-A8AF-B92D1D5D8D00}"/>
          </ac:grpSpMkLst>
        </pc:grpChg>
        <pc:grpChg chg="mod topLvl">
          <ac:chgData name="Julie Silec" userId="e33c71f4-39da-440f-a9cb-d0438fa229f2" providerId="ADAL" clId="{21267095-89F9-5716-A2A1-81A29FD6C046}" dt="2026-05-21T00:03:28.974" v="117" actId="1037"/>
          <ac:grpSpMkLst>
            <pc:docMk/>
            <pc:sldMk cId="2517654574" sldId="412"/>
            <ac:grpSpMk id="11" creationId="{ADBECF22-F27A-1698-61E1-39A8EF4F1AE3}"/>
          </ac:grpSpMkLst>
        </pc:grpChg>
        <pc:grpChg chg="mod topLvl">
          <ac:chgData name="Julie Silec" userId="e33c71f4-39da-440f-a9cb-d0438fa229f2" providerId="ADAL" clId="{21267095-89F9-5716-A2A1-81A29FD6C046}" dt="2026-05-21T00:03:28.974" v="117" actId="1037"/>
          <ac:grpSpMkLst>
            <pc:docMk/>
            <pc:sldMk cId="2517654574" sldId="412"/>
            <ac:grpSpMk id="12" creationId="{DEFE7006-CB5B-04C2-2D3B-EBA1594AA5F1}"/>
          </ac:grpSpMkLst>
        </pc:grpChg>
        <pc:grpChg chg="mod topLvl">
          <ac:chgData name="Julie Silec" userId="e33c71f4-39da-440f-a9cb-d0438fa229f2" providerId="ADAL" clId="{21267095-89F9-5716-A2A1-81A29FD6C046}" dt="2026-05-21T00:03:28.974" v="117" actId="1037"/>
          <ac:grpSpMkLst>
            <pc:docMk/>
            <pc:sldMk cId="2517654574" sldId="412"/>
            <ac:grpSpMk id="13" creationId="{EBFD6D12-23B6-D6F3-1625-2DC6D36FDF0C}"/>
          </ac:grpSpMkLst>
        </pc:grpChg>
        <pc:grpChg chg="del">
          <ac:chgData name="Julie Silec" userId="e33c71f4-39da-440f-a9cb-d0438fa229f2" providerId="ADAL" clId="{21267095-89F9-5716-A2A1-81A29FD6C046}" dt="2026-05-21T00:02:19.482" v="98" actId="165"/>
          <ac:grpSpMkLst>
            <pc:docMk/>
            <pc:sldMk cId="2517654574" sldId="412"/>
            <ac:grpSpMk id="16" creationId="{66FAFE19-0892-0E1D-3AA4-1BE9A4A49B45}"/>
          </ac:grpSpMkLst>
        </pc:grpChg>
        <pc:grpChg chg="del">
          <ac:chgData name="Julie Silec" userId="e33c71f4-39da-440f-a9cb-d0438fa229f2" providerId="ADAL" clId="{21267095-89F9-5716-A2A1-81A29FD6C046}" dt="2026-05-21T00:02:27.099" v="100" actId="165"/>
          <ac:grpSpMkLst>
            <pc:docMk/>
            <pc:sldMk cId="2517654574" sldId="412"/>
            <ac:grpSpMk id="18" creationId="{93E1777D-831A-CA4C-AF86-3B890D903369}"/>
          </ac:grpSpMkLst>
        </pc:grpChg>
        <pc:grpChg chg="mod">
          <ac:chgData name="Julie Silec" userId="e33c71f4-39da-440f-a9cb-d0438fa229f2" providerId="ADAL" clId="{21267095-89F9-5716-A2A1-81A29FD6C046}" dt="2026-05-21T00:02:22.926" v="99" actId="165"/>
          <ac:grpSpMkLst>
            <pc:docMk/>
            <pc:sldMk cId="2517654574" sldId="412"/>
            <ac:grpSpMk id="45" creationId="{391E0165-B75C-F46D-66E2-D60CEC5D6141}"/>
          </ac:grpSpMkLst>
        </pc:grpChg>
        <pc:grpChg chg="mod">
          <ac:chgData name="Julie Silec" userId="e33c71f4-39da-440f-a9cb-d0438fa229f2" providerId="ADAL" clId="{21267095-89F9-5716-A2A1-81A29FD6C046}" dt="2026-05-21T00:02:19.482" v="98" actId="165"/>
          <ac:grpSpMkLst>
            <pc:docMk/>
            <pc:sldMk cId="2517654574" sldId="412"/>
            <ac:grpSpMk id="53" creationId="{1B45F23E-D7C7-BC82-462B-C08F6F9BE8F5}"/>
          </ac:grpSpMkLst>
        </pc:grpChg>
      </pc:sldChg>
      <pc:sldChg chg="addSp delSp modSp mod">
        <pc:chgData name="Julie Silec" userId="e33c71f4-39da-440f-a9cb-d0438fa229f2" providerId="ADAL" clId="{21267095-89F9-5716-A2A1-81A29FD6C046}" dt="2026-05-21T00:56:01.896" v="667" actId="3064"/>
        <pc:sldMkLst>
          <pc:docMk/>
          <pc:sldMk cId="1145382610" sldId="500"/>
        </pc:sldMkLst>
        <pc:spChg chg="mod">
          <ac:chgData name="Julie Silec" userId="e33c71f4-39da-440f-a9cb-d0438fa229f2" providerId="ADAL" clId="{21267095-89F9-5716-A2A1-81A29FD6C046}" dt="2026-05-21T00:54:32.686" v="655" actId="465"/>
          <ac:spMkLst>
            <pc:docMk/>
            <pc:sldMk cId="1145382610" sldId="500"/>
            <ac:spMk id="4" creationId="{EE528046-6766-8F12-79AB-ED109C31A1A3}"/>
          </ac:spMkLst>
        </pc:spChg>
        <pc:spChg chg="mod">
          <ac:chgData name="Julie Silec" userId="e33c71f4-39da-440f-a9cb-d0438fa229f2" providerId="ADAL" clId="{21267095-89F9-5716-A2A1-81A29FD6C046}" dt="2026-05-21T00:54:03.516" v="646" actId="164"/>
          <ac:spMkLst>
            <pc:docMk/>
            <pc:sldMk cId="1145382610" sldId="500"/>
            <ac:spMk id="7" creationId="{B037559F-C003-E4AD-3C30-E3F1313D3E37}"/>
          </ac:spMkLst>
        </pc:spChg>
        <pc:spChg chg="mod">
          <ac:chgData name="Julie Silec" userId="e33c71f4-39da-440f-a9cb-d0438fa229f2" providerId="ADAL" clId="{21267095-89F9-5716-A2A1-81A29FD6C046}" dt="2026-05-21T00:56:01.896" v="667" actId="3064"/>
          <ac:spMkLst>
            <pc:docMk/>
            <pc:sldMk cId="1145382610" sldId="500"/>
            <ac:spMk id="9" creationId="{ED97C65B-BA38-968F-5528-F8D88C0FD08C}"/>
          </ac:spMkLst>
        </pc:spChg>
        <pc:spChg chg="mod">
          <ac:chgData name="Julie Silec" userId="e33c71f4-39da-440f-a9cb-d0438fa229f2" providerId="ADAL" clId="{21267095-89F9-5716-A2A1-81A29FD6C046}" dt="2026-05-21T00:54:32.686" v="655" actId="465"/>
          <ac:spMkLst>
            <pc:docMk/>
            <pc:sldMk cId="1145382610" sldId="500"/>
            <ac:spMk id="11" creationId="{0B073692-F695-B156-45CC-D4B319812DE1}"/>
          </ac:spMkLst>
        </pc:spChg>
        <pc:spChg chg="mod">
          <ac:chgData name="Julie Silec" userId="e33c71f4-39da-440f-a9cb-d0438fa229f2" providerId="ADAL" clId="{21267095-89F9-5716-A2A1-81A29FD6C046}" dt="2026-05-21T00:53:39.334" v="641" actId="164"/>
          <ac:spMkLst>
            <pc:docMk/>
            <pc:sldMk cId="1145382610" sldId="500"/>
            <ac:spMk id="12" creationId="{E88C7F25-1F83-846D-4528-42B34216669B}"/>
          </ac:spMkLst>
        </pc:spChg>
        <pc:spChg chg="mod">
          <ac:chgData name="Julie Silec" userId="e33c71f4-39da-440f-a9cb-d0438fa229f2" providerId="ADAL" clId="{21267095-89F9-5716-A2A1-81A29FD6C046}" dt="2026-05-21T00:54:03.516" v="646" actId="164"/>
          <ac:spMkLst>
            <pc:docMk/>
            <pc:sldMk cId="1145382610" sldId="500"/>
            <ac:spMk id="13" creationId="{E7F26730-7753-8459-6D28-E321EC2D71D7}"/>
          </ac:spMkLst>
        </pc:spChg>
        <pc:spChg chg="mod">
          <ac:chgData name="Julie Silec" userId="e33c71f4-39da-440f-a9cb-d0438fa229f2" providerId="ADAL" clId="{21267095-89F9-5716-A2A1-81A29FD6C046}" dt="2026-05-21T00:56:01.896" v="667" actId="3064"/>
          <ac:spMkLst>
            <pc:docMk/>
            <pc:sldMk cId="1145382610" sldId="500"/>
            <ac:spMk id="14" creationId="{BCE6A864-C755-0146-C026-44DE0E947D74}"/>
          </ac:spMkLst>
        </pc:spChg>
        <pc:spChg chg="mod">
          <ac:chgData name="Julie Silec" userId="e33c71f4-39da-440f-a9cb-d0438fa229f2" providerId="ADAL" clId="{21267095-89F9-5716-A2A1-81A29FD6C046}" dt="2026-05-21T00:56:01.896" v="667" actId="3064"/>
          <ac:spMkLst>
            <pc:docMk/>
            <pc:sldMk cId="1145382610" sldId="500"/>
            <ac:spMk id="16" creationId="{E0E7EAD8-BB8E-7CBC-D445-E7F6EA142FD0}"/>
          </ac:spMkLst>
        </pc:spChg>
        <pc:spChg chg="mod">
          <ac:chgData name="Julie Silec" userId="e33c71f4-39da-440f-a9cb-d0438fa229f2" providerId="ADAL" clId="{21267095-89F9-5716-A2A1-81A29FD6C046}" dt="2026-05-21T00:56:01.896" v="667" actId="3064"/>
          <ac:spMkLst>
            <pc:docMk/>
            <pc:sldMk cId="1145382610" sldId="500"/>
            <ac:spMk id="17" creationId="{957B6A2E-CA47-6776-53C0-2C4D92D2895A}"/>
          </ac:spMkLst>
        </pc:spChg>
        <pc:spChg chg="mod">
          <ac:chgData name="Julie Silec" userId="e33c71f4-39da-440f-a9cb-d0438fa229f2" providerId="ADAL" clId="{21267095-89F9-5716-A2A1-81A29FD6C046}" dt="2026-05-21T00:55:11.408" v="659" actId="2085"/>
          <ac:spMkLst>
            <pc:docMk/>
            <pc:sldMk cId="1145382610" sldId="500"/>
            <ac:spMk id="18" creationId="{C97599C2-4BDB-22D1-2F28-5794B3BE96AE}"/>
          </ac:spMkLst>
        </pc:spChg>
        <pc:spChg chg="mod">
          <ac:chgData name="Julie Silec" userId="e33c71f4-39da-440f-a9cb-d0438fa229f2" providerId="ADAL" clId="{21267095-89F9-5716-A2A1-81A29FD6C046}" dt="2026-05-21T00:56:01.896" v="667" actId="3064"/>
          <ac:spMkLst>
            <pc:docMk/>
            <pc:sldMk cId="1145382610" sldId="500"/>
            <ac:spMk id="20" creationId="{71645616-B37D-67F7-D7F4-187C185B0BF9}"/>
          </ac:spMkLst>
        </pc:spChg>
        <pc:spChg chg="mod">
          <ac:chgData name="Julie Silec" userId="e33c71f4-39da-440f-a9cb-d0438fa229f2" providerId="ADAL" clId="{21267095-89F9-5716-A2A1-81A29FD6C046}" dt="2026-05-21T00:56:01.896" v="667" actId="3064"/>
          <ac:spMkLst>
            <pc:docMk/>
            <pc:sldMk cId="1145382610" sldId="500"/>
            <ac:spMk id="25" creationId="{B0DE0A85-524E-E103-7CDA-BF920B0C6F48}"/>
          </ac:spMkLst>
        </pc:spChg>
        <pc:spChg chg="add del mod">
          <ac:chgData name="Julie Silec" userId="e33c71f4-39da-440f-a9cb-d0438fa229f2" providerId="ADAL" clId="{21267095-89F9-5716-A2A1-81A29FD6C046}" dt="2026-05-21T00:06:30.303" v="144" actId="478"/>
          <ac:spMkLst>
            <pc:docMk/>
            <pc:sldMk cId="1145382610" sldId="500"/>
            <ac:spMk id="26" creationId="{22393B8D-E6CE-C745-B360-622D0710FB1E}"/>
          </ac:spMkLst>
        </pc:spChg>
        <pc:spChg chg="add del mod">
          <ac:chgData name="Julie Silec" userId="e33c71f4-39da-440f-a9cb-d0438fa229f2" providerId="ADAL" clId="{21267095-89F9-5716-A2A1-81A29FD6C046}" dt="2026-05-21T00:49:49.727" v="599" actId="478"/>
          <ac:spMkLst>
            <pc:docMk/>
            <pc:sldMk cId="1145382610" sldId="500"/>
            <ac:spMk id="26" creationId="{5AD718B2-D75F-BAA8-3810-4F2BD69A815F}"/>
          </ac:spMkLst>
        </pc:spChg>
        <pc:spChg chg="add del mod">
          <ac:chgData name="Julie Silec" userId="e33c71f4-39da-440f-a9cb-d0438fa229f2" providerId="ADAL" clId="{21267095-89F9-5716-A2A1-81A29FD6C046}" dt="2026-05-21T00:50:33.372" v="614" actId="478"/>
          <ac:spMkLst>
            <pc:docMk/>
            <pc:sldMk cId="1145382610" sldId="500"/>
            <ac:spMk id="27" creationId="{E8DC938E-833A-05B0-984C-02E76699A35D}"/>
          </ac:spMkLst>
        </pc:spChg>
        <pc:spChg chg="mod">
          <ac:chgData name="Julie Silec" userId="e33c71f4-39da-440f-a9cb-d0438fa229f2" providerId="ADAL" clId="{21267095-89F9-5716-A2A1-81A29FD6C046}" dt="2026-05-21T00:05:08.523" v="131"/>
          <ac:spMkLst>
            <pc:docMk/>
            <pc:sldMk cId="1145382610" sldId="500"/>
            <ac:spMk id="28" creationId="{B03EC78C-E69C-F968-8FF7-F5B94B2AA80B}"/>
          </ac:spMkLst>
        </pc:spChg>
        <pc:spChg chg="add del mod">
          <ac:chgData name="Julie Silec" userId="e33c71f4-39da-440f-a9cb-d0438fa229f2" providerId="ADAL" clId="{21267095-89F9-5716-A2A1-81A29FD6C046}" dt="2026-05-21T00:53:01.551" v="634" actId="478"/>
          <ac:spMkLst>
            <pc:docMk/>
            <pc:sldMk cId="1145382610" sldId="500"/>
            <ac:spMk id="28" creationId="{CC777890-4805-6F6A-3B71-EB2900CFA8DD}"/>
          </ac:spMkLst>
        </pc:spChg>
        <pc:spChg chg="mod">
          <ac:chgData name="Julie Silec" userId="e33c71f4-39da-440f-a9cb-d0438fa229f2" providerId="ADAL" clId="{21267095-89F9-5716-A2A1-81A29FD6C046}" dt="2026-05-21T00:05:08.523" v="131"/>
          <ac:spMkLst>
            <pc:docMk/>
            <pc:sldMk cId="1145382610" sldId="500"/>
            <ac:spMk id="29" creationId="{0F03BEFB-F26A-22F8-9EF0-DF4A88BF027D}"/>
          </ac:spMkLst>
        </pc:spChg>
        <pc:spChg chg="add del mod">
          <ac:chgData name="Julie Silec" userId="e33c71f4-39da-440f-a9cb-d0438fa229f2" providerId="ADAL" clId="{21267095-89F9-5716-A2A1-81A29FD6C046}" dt="2026-05-21T00:53:00.224" v="633" actId="478"/>
          <ac:spMkLst>
            <pc:docMk/>
            <pc:sldMk cId="1145382610" sldId="500"/>
            <ac:spMk id="29" creationId="{9D7E9F00-572A-2015-0E7D-BEB30464D09F}"/>
          </ac:spMkLst>
        </pc:spChg>
        <pc:spChg chg="mod">
          <ac:chgData name="Julie Silec" userId="e33c71f4-39da-440f-a9cb-d0438fa229f2" providerId="ADAL" clId="{21267095-89F9-5716-A2A1-81A29FD6C046}" dt="2026-05-21T00:05:08.523" v="131"/>
          <ac:spMkLst>
            <pc:docMk/>
            <pc:sldMk cId="1145382610" sldId="500"/>
            <ac:spMk id="30" creationId="{964153EB-D94F-1DF5-C651-4B8CC8E8CDA9}"/>
          </ac:spMkLst>
        </pc:spChg>
        <pc:spChg chg="add del mod">
          <ac:chgData name="Julie Silec" userId="e33c71f4-39da-440f-a9cb-d0438fa229f2" providerId="ADAL" clId="{21267095-89F9-5716-A2A1-81A29FD6C046}" dt="2026-05-21T00:54:40.552" v="657" actId="478"/>
          <ac:spMkLst>
            <pc:docMk/>
            <pc:sldMk cId="1145382610" sldId="500"/>
            <ac:spMk id="30" creationId="{CCC8E668-27F8-523E-B635-1ADE6BA436E5}"/>
          </ac:spMkLst>
        </pc:spChg>
        <pc:spChg chg="mod">
          <ac:chgData name="Julie Silec" userId="e33c71f4-39da-440f-a9cb-d0438fa229f2" providerId="ADAL" clId="{21267095-89F9-5716-A2A1-81A29FD6C046}" dt="2026-05-21T00:05:08.523" v="131"/>
          <ac:spMkLst>
            <pc:docMk/>
            <pc:sldMk cId="1145382610" sldId="500"/>
            <ac:spMk id="31" creationId="{E0DAF630-C9F0-136E-C4DC-10B1BA89C5F5}"/>
          </ac:spMkLst>
        </pc:spChg>
        <pc:spChg chg="mod">
          <ac:chgData name="Julie Silec" userId="e33c71f4-39da-440f-a9cb-d0438fa229f2" providerId="ADAL" clId="{21267095-89F9-5716-A2A1-81A29FD6C046}" dt="2026-05-21T00:54:23.322" v="654" actId="164"/>
          <ac:spMkLst>
            <pc:docMk/>
            <pc:sldMk cId="1145382610" sldId="500"/>
            <ac:spMk id="32" creationId="{33AFD7EB-AB16-6C57-C86D-54C480E7D7EC}"/>
          </ac:spMkLst>
        </pc:spChg>
        <pc:spChg chg="mod">
          <ac:chgData name="Julie Silec" userId="e33c71f4-39da-440f-a9cb-d0438fa229f2" providerId="ADAL" clId="{21267095-89F9-5716-A2A1-81A29FD6C046}" dt="2026-05-21T00:56:01.896" v="667" actId="3064"/>
          <ac:spMkLst>
            <pc:docMk/>
            <pc:sldMk cId="1145382610" sldId="500"/>
            <ac:spMk id="33" creationId="{9EEC29BF-1487-206C-EAC2-F90FFCF4B06E}"/>
          </ac:spMkLst>
        </pc:spChg>
        <pc:spChg chg="mod">
          <ac:chgData name="Julie Silec" userId="e33c71f4-39da-440f-a9cb-d0438fa229f2" providerId="ADAL" clId="{21267095-89F9-5716-A2A1-81A29FD6C046}" dt="2026-05-21T00:56:01.896" v="667" actId="3064"/>
          <ac:spMkLst>
            <pc:docMk/>
            <pc:sldMk cId="1145382610" sldId="500"/>
            <ac:spMk id="34" creationId="{CC085631-8B3C-97E7-2025-1FC9B5E58B9E}"/>
          </ac:spMkLst>
        </pc:spChg>
        <pc:spChg chg="mod">
          <ac:chgData name="Julie Silec" userId="e33c71f4-39da-440f-a9cb-d0438fa229f2" providerId="ADAL" clId="{21267095-89F9-5716-A2A1-81A29FD6C046}" dt="2026-05-21T00:05:08.523" v="131"/>
          <ac:spMkLst>
            <pc:docMk/>
            <pc:sldMk cId="1145382610" sldId="500"/>
            <ac:spMk id="35" creationId="{D7E6C2FA-C16C-3C61-0166-DA1D928A58CA}"/>
          </ac:spMkLst>
        </pc:spChg>
        <pc:spChg chg="mod">
          <ac:chgData name="Julie Silec" userId="e33c71f4-39da-440f-a9cb-d0438fa229f2" providerId="ADAL" clId="{21267095-89F9-5716-A2A1-81A29FD6C046}" dt="2026-05-21T00:05:08.523" v="131"/>
          <ac:spMkLst>
            <pc:docMk/>
            <pc:sldMk cId="1145382610" sldId="500"/>
            <ac:spMk id="36" creationId="{92542344-6019-F097-477C-27C55FDBFF8C}"/>
          </ac:spMkLst>
        </pc:spChg>
        <pc:spChg chg="mod">
          <ac:chgData name="Julie Silec" userId="e33c71f4-39da-440f-a9cb-d0438fa229f2" providerId="ADAL" clId="{21267095-89F9-5716-A2A1-81A29FD6C046}" dt="2026-05-21T00:05:08.523" v="131"/>
          <ac:spMkLst>
            <pc:docMk/>
            <pc:sldMk cId="1145382610" sldId="500"/>
            <ac:spMk id="37" creationId="{D97C1928-01B7-9BFB-9D8F-A5D59F7755E5}"/>
          </ac:spMkLst>
        </pc:spChg>
        <pc:spChg chg="mod">
          <ac:chgData name="Julie Silec" userId="e33c71f4-39da-440f-a9cb-d0438fa229f2" providerId="ADAL" clId="{21267095-89F9-5716-A2A1-81A29FD6C046}" dt="2026-05-21T00:05:08.523" v="131"/>
          <ac:spMkLst>
            <pc:docMk/>
            <pc:sldMk cId="1145382610" sldId="500"/>
            <ac:spMk id="38" creationId="{A9FA54DA-8263-B059-884A-423B5CB268F5}"/>
          </ac:spMkLst>
        </pc:spChg>
        <pc:spChg chg="mod">
          <ac:chgData name="Julie Silec" userId="e33c71f4-39da-440f-a9cb-d0438fa229f2" providerId="ADAL" clId="{21267095-89F9-5716-A2A1-81A29FD6C046}" dt="2026-05-21T00:05:08.523" v="131"/>
          <ac:spMkLst>
            <pc:docMk/>
            <pc:sldMk cId="1145382610" sldId="500"/>
            <ac:spMk id="39" creationId="{5D58EE77-3B5E-15A3-9B0C-AB1005C9B9D6}"/>
          </ac:spMkLst>
        </pc:spChg>
        <pc:spChg chg="mod">
          <ac:chgData name="Julie Silec" userId="e33c71f4-39da-440f-a9cb-d0438fa229f2" providerId="ADAL" clId="{21267095-89F9-5716-A2A1-81A29FD6C046}" dt="2026-05-21T00:56:01.896" v="667" actId="3064"/>
          <ac:spMkLst>
            <pc:docMk/>
            <pc:sldMk cId="1145382610" sldId="500"/>
            <ac:spMk id="93" creationId="{46381E28-E854-7D98-E80A-ACBA76DBA876}"/>
          </ac:spMkLst>
        </pc:spChg>
        <pc:spChg chg="mod">
          <ac:chgData name="Julie Silec" userId="e33c71f4-39da-440f-a9cb-d0438fa229f2" providerId="ADAL" clId="{21267095-89F9-5716-A2A1-81A29FD6C046}" dt="2026-05-21T00:56:01.896" v="667" actId="3064"/>
          <ac:spMkLst>
            <pc:docMk/>
            <pc:sldMk cId="1145382610" sldId="500"/>
            <ac:spMk id="99" creationId="{E65B3679-8A5A-9A27-CC4F-3A22A550EABF}"/>
          </ac:spMkLst>
        </pc:spChg>
        <pc:spChg chg="mod">
          <ac:chgData name="Julie Silec" userId="e33c71f4-39da-440f-a9cb-d0438fa229f2" providerId="ADAL" clId="{21267095-89F9-5716-A2A1-81A29FD6C046}" dt="2026-05-21T00:54:15.760" v="653" actId="164"/>
          <ac:spMkLst>
            <pc:docMk/>
            <pc:sldMk cId="1145382610" sldId="500"/>
            <ac:spMk id="100" creationId="{BBAC6392-FECD-30EF-A9AE-2625700938E2}"/>
          </ac:spMkLst>
        </pc:spChg>
        <pc:grpChg chg="mod">
          <ac:chgData name="Julie Silec" userId="e33c71f4-39da-440f-a9cb-d0438fa229f2" providerId="ADAL" clId="{21267095-89F9-5716-A2A1-81A29FD6C046}" dt="2026-05-21T00:53:39.334" v="641" actId="164"/>
          <ac:grpSpMkLst>
            <pc:docMk/>
            <pc:sldMk cId="1145382610" sldId="500"/>
            <ac:grpSpMk id="5" creationId="{B7DA6C6A-CBFD-722E-1632-EFF80CC1638E}"/>
          </ac:grpSpMkLst>
        </pc:grpChg>
        <pc:grpChg chg="mod">
          <ac:chgData name="Julie Silec" userId="e33c71f4-39da-440f-a9cb-d0438fa229f2" providerId="ADAL" clId="{21267095-89F9-5716-A2A1-81A29FD6C046}" dt="2026-05-21T00:54:03.516" v="646" actId="164"/>
          <ac:grpSpMkLst>
            <pc:docMk/>
            <pc:sldMk cId="1145382610" sldId="500"/>
            <ac:grpSpMk id="19" creationId="{54A606F2-5DE7-9BF9-CA86-DBABC31EE9E8}"/>
          </ac:grpSpMkLst>
        </pc:grpChg>
        <pc:grpChg chg="add del mod">
          <ac:chgData name="Julie Silec" userId="e33c71f4-39da-440f-a9cb-d0438fa229f2" providerId="ADAL" clId="{21267095-89F9-5716-A2A1-81A29FD6C046}" dt="2026-05-21T00:06:31.131" v="145" actId="478"/>
          <ac:grpSpMkLst>
            <pc:docMk/>
            <pc:sldMk cId="1145382610" sldId="500"/>
            <ac:grpSpMk id="27" creationId="{E7BBC319-D9AC-AEAA-62CD-4A2A331A228A}"/>
          </ac:grpSpMkLst>
        </pc:grpChg>
        <pc:grpChg chg="add mod">
          <ac:chgData name="Julie Silec" userId="e33c71f4-39da-440f-a9cb-d0438fa229f2" providerId="ADAL" clId="{21267095-89F9-5716-A2A1-81A29FD6C046}" dt="2026-05-21T00:54:15.422" v="652" actId="1035"/>
          <ac:grpSpMkLst>
            <pc:docMk/>
            <pc:sldMk cId="1145382610" sldId="500"/>
            <ac:grpSpMk id="31" creationId="{0BF0F34B-8423-2E82-4D02-C14C66901E5C}"/>
          </ac:grpSpMkLst>
        </pc:grpChg>
        <pc:grpChg chg="add mod">
          <ac:chgData name="Julie Silec" userId="e33c71f4-39da-440f-a9cb-d0438fa229f2" providerId="ADAL" clId="{21267095-89F9-5716-A2A1-81A29FD6C046}" dt="2026-05-21T00:54:15.422" v="652" actId="1035"/>
          <ac:grpSpMkLst>
            <pc:docMk/>
            <pc:sldMk cId="1145382610" sldId="500"/>
            <ac:grpSpMk id="35" creationId="{5938B9A7-3B35-C302-7AF7-603536ADDD21}"/>
          </ac:grpSpMkLst>
        </pc:grpChg>
        <pc:grpChg chg="add mod">
          <ac:chgData name="Julie Silec" userId="e33c71f4-39da-440f-a9cb-d0438fa229f2" providerId="ADAL" clId="{21267095-89F9-5716-A2A1-81A29FD6C046}" dt="2026-05-21T00:54:15.422" v="652" actId="1035"/>
          <ac:grpSpMkLst>
            <pc:docMk/>
            <pc:sldMk cId="1145382610" sldId="500"/>
            <ac:grpSpMk id="36" creationId="{BC926EEB-37ED-46EA-E7D3-62AC98C8EA7F}"/>
          </ac:grpSpMkLst>
        </pc:grpChg>
        <pc:grpChg chg="add mod">
          <ac:chgData name="Julie Silec" userId="e33c71f4-39da-440f-a9cb-d0438fa229f2" providerId="ADAL" clId="{21267095-89F9-5716-A2A1-81A29FD6C046}" dt="2026-05-21T00:54:15.760" v="653" actId="164"/>
          <ac:grpSpMkLst>
            <pc:docMk/>
            <pc:sldMk cId="1145382610" sldId="500"/>
            <ac:grpSpMk id="37" creationId="{97A19498-D964-17AC-DDFE-8C7F6FFC4885}"/>
          </ac:grpSpMkLst>
        </pc:grpChg>
        <pc:grpChg chg="add mod">
          <ac:chgData name="Julie Silec" userId="e33c71f4-39da-440f-a9cb-d0438fa229f2" providerId="ADAL" clId="{21267095-89F9-5716-A2A1-81A29FD6C046}" dt="2026-05-21T00:54:23.322" v="654" actId="164"/>
          <ac:grpSpMkLst>
            <pc:docMk/>
            <pc:sldMk cId="1145382610" sldId="500"/>
            <ac:grpSpMk id="38" creationId="{31C2CA36-E0AD-31A5-878A-7B70C2C463F0}"/>
          </ac:grpSpMkLst>
        </pc:grpChg>
        <pc:grpChg chg="mod">
          <ac:chgData name="Julie Silec" userId="e33c71f4-39da-440f-a9cb-d0438fa229f2" providerId="ADAL" clId="{21267095-89F9-5716-A2A1-81A29FD6C046}" dt="2026-05-21T00:54:49.349" v="658" actId="1035"/>
          <ac:grpSpMkLst>
            <pc:docMk/>
            <pc:sldMk cId="1145382610" sldId="500"/>
            <ac:grpSpMk id="67" creationId="{229B62E9-A5D8-B508-A928-F8EF0979E6A4}"/>
          </ac:grpSpMkLst>
        </pc:grpChg>
        <pc:grpChg chg="mod">
          <ac:chgData name="Julie Silec" userId="e33c71f4-39da-440f-a9cb-d0438fa229f2" providerId="ADAL" clId="{21267095-89F9-5716-A2A1-81A29FD6C046}" dt="2026-05-21T00:53:48.579" v="642" actId="164"/>
          <ac:grpSpMkLst>
            <pc:docMk/>
            <pc:sldMk cId="1145382610" sldId="500"/>
            <ac:grpSpMk id="89" creationId="{3A31A555-221B-FCF1-23CC-11A8654DB7EF}"/>
          </ac:grpSpMkLst>
        </pc:grpChg>
        <pc:grpChg chg="mod">
          <ac:chgData name="Julie Silec" userId="e33c71f4-39da-440f-a9cb-d0438fa229f2" providerId="ADAL" clId="{21267095-89F9-5716-A2A1-81A29FD6C046}" dt="2026-05-21T00:54:23.322" v="654" actId="164"/>
          <ac:grpSpMkLst>
            <pc:docMk/>
            <pc:sldMk cId="1145382610" sldId="500"/>
            <ac:grpSpMk id="96" creationId="{47F48D98-368A-5AEB-DC62-A4D27AF5F496}"/>
          </ac:grpSpMkLst>
        </pc:grpChg>
        <pc:grpChg chg="mod">
          <ac:chgData name="Julie Silec" userId="e33c71f4-39da-440f-a9cb-d0438fa229f2" providerId="ADAL" clId="{21267095-89F9-5716-A2A1-81A29FD6C046}" dt="2026-05-21T00:54:15.760" v="653" actId="164"/>
          <ac:grpSpMkLst>
            <pc:docMk/>
            <pc:sldMk cId="1145382610" sldId="500"/>
            <ac:grpSpMk id="97" creationId="{33754505-EA86-9E3A-6679-D790F826D55B}"/>
          </ac:grpSpMkLst>
        </pc:grpChg>
        <pc:cxnChg chg="mod">
          <ac:chgData name="Julie Silec" userId="e33c71f4-39da-440f-a9cb-d0438fa229f2" providerId="ADAL" clId="{21267095-89F9-5716-A2A1-81A29FD6C046}" dt="2026-05-21T00:54:15.760" v="653" actId="164"/>
          <ac:cxnSpMkLst>
            <pc:docMk/>
            <pc:sldMk cId="1145382610" sldId="500"/>
            <ac:cxnSpMk id="98" creationId="{D3C6D806-8C7C-8651-4361-89CE28C5EB01}"/>
          </ac:cxnSpMkLst>
        </pc:cxnChg>
      </pc:sldChg>
      <pc:sldChg chg="addSp delSp modSp mod">
        <pc:chgData name="Julie Silec" userId="e33c71f4-39da-440f-a9cb-d0438fa229f2" providerId="ADAL" clId="{21267095-89F9-5716-A2A1-81A29FD6C046}" dt="2026-05-21T00:51:10.149" v="619" actId="20577"/>
        <pc:sldMkLst>
          <pc:docMk/>
          <pc:sldMk cId="2083774137" sldId="525"/>
        </pc:sldMkLst>
        <pc:spChg chg="mod">
          <ac:chgData name="Julie Silec" userId="e33c71f4-39da-440f-a9cb-d0438fa229f2" providerId="ADAL" clId="{21267095-89F9-5716-A2A1-81A29FD6C046}" dt="2026-05-21T00:50:55.022" v="617" actId="255"/>
          <ac:spMkLst>
            <pc:docMk/>
            <pc:sldMk cId="2083774137" sldId="525"/>
            <ac:spMk id="2" creationId="{0E91084D-B336-12F8-A3B5-21F304802B15}"/>
          </ac:spMkLst>
        </pc:spChg>
        <pc:spChg chg="mod">
          <ac:chgData name="Julie Silec" userId="e33c71f4-39da-440f-a9cb-d0438fa229f2" providerId="ADAL" clId="{21267095-89F9-5716-A2A1-81A29FD6C046}" dt="2026-05-21T00:51:10.149" v="619" actId="20577"/>
          <ac:spMkLst>
            <pc:docMk/>
            <pc:sldMk cId="2083774137" sldId="525"/>
            <ac:spMk id="6" creationId="{F105834A-0B93-4915-3F2B-992AE9861852}"/>
          </ac:spMkLst>
        </pc:spChg>
        <pc:spChg chg="mod">
          <ac:chgData name="Julie Silec" userId="e33c71f4-39da-440f-a9cb-d0438fa229f2" providerId="ADAL" clId="{21267095-89F9-5716-A2A1-81A29FD6C046}" dt="2026-05-21T00:44:38.009" v="553" actId="1037"/>
          <ac:spMkLst>
            <pc:docMk/>
            <pc:sldMk cId="2083774137" sldId="525"/>
            <ac:spMk id="7" creationId="{A987AD48-4FD4-0C8F-763A-1D24F0D35697}"/>
          </ac:spMkLst>
        </pc:spChg>
        <pc:spChg chg="mod">
          <ac:chgData name="Julie Silec" userId="e33c71f4-39da-440f-a9cb-d0438fa229f2" providerId="ADAL" clId="{21267095-89F9-5716-A2A1-81A29FD6C046}" dt="2026-05-21T00:17:33.610" v="229"/>
          <ac:spMkLst>
            <pc:docMk/>
            <pc:sldMk cId="2083774137" sldId="525"/>
            <ac:spMk id="10" creationId="{35C25819-1316-51ED-3C78-5C2CD61A25E3}"/>
          </ac:spMkLst>
        </pc:spChg>
        <pc:spChg chg="mod">
          <ac:chgData name="Julie Silec" userId="e33c71f4-39da-440f-a9cb-d0438fa229f2" providerId="ADAL" clId="{21267095-89F9-5716-A2A1-81A29FD6C046}" dt="2026-05-21T00:44:38.009" v="553" actId="1037"/>
          <ac:spMkLst>
            <pc:docMk/>
            <pc:sldMk cId="2083774137" sldId="525"/>
            <ac:spMk id="11" creationId="{6B02A077-E60E-1F11-B50A-EEC3F0E0F4B1}"/>
          </ac:spMkLst>
        </pc:spChg>
        <pc:spChg chg="mod">
          <ac:chgData name="Julie Silec" userId="e33c71f4-39da-440f-a9cb-d0438fa229f2" providerId="ADAL" clId="{21267095-89F9-5716-A2A1-81A29FD6C046}" dt="2026-05-21T00:44:38.009" v="553" actId="1037"/>
          <ac:spMkLst>
            <pc:docMk/>
            <pc:sldMk cId="2083774137" sldId="525"/>
            <ac:spMk id="12" creationId="{09D73B82-084B-9AB6-DBD5-ACA12080B43D}"/>
          </ac:spMkLst>
        </pc:spChg>
        <pc:spChg chg="mod">
          <ac:chgData name="Julie Silec" userId="e33c71f4-39da-440f-a9cb-d0438fa229f2" providerId="ADAL" clId="{21267095-89F9-5716-A2A1-81A29FD6C046}" dt="2026-05-21T00:17:33.610" v="229"/>
          <ac:spMkLst>
            <pc:docMk/>
            <pc:sldMk cId="2083774137" sldId="525"/>
            <ac:spMk id="14" creationId="{69EF6989-9AB9-0496-AADF-6CAD4873A6E0}"/>
          </ac:spMkLst>
        </pc:spChg>
        <pc:spChg chg="mod">
          <ac:chgData name="Julie Silec" userId="e33c71f4-39da-440f-a9cb-d0438fa229f2" providerId="ADAL" clId="{21267095-89F9-5716-A2A1-81A29FD6C046}" dt="2026-05-21T00:17:33.610" v="229"/>
          <ac:spMkLst>
            <pc:docMk/>
            <pc:sldMk cId="2083774137" sldId="525"/>
            <ac:spMk id="15" creationId="{A6095BC2-7927-2488-0FAF-BC917A71055F}"/>
          </ac:spMkLst>
        </pc:spChg>
        <pc:spChg chg="mod">
          <ac:chgData name="Julie Silec" userId="e33c71f4-39da-440f-a9cb-d0438fa229f2" providerId="ADAL" clId="{21267095-89F9-5716-A2A1-81A29FD6C046}" dt="2026-05-21T00:17:33.610" v="229"/>
          <ac:spMkLst>
            <pc:docMk/>
            <pc:sldMk cId="2083774137" sldId="525"/>
            <ac:spMk id="17" creationId="{E54C3AC0-F068-C225-F2C7-B02D14D3BEB2}"/>
          </ac:spMkLst>
        </pc:spChg>
        <pc:spChg chg="mod">
          <ac:chgData name="Julie Silec" userId="e33c71f4-39da-440f-a9cb-d0438fa229f2" providerId="ADAL" clId="{21267095-89F9-5716-A2A1-81A29FD6C046}" dt="2026-05-21T00:17:33.610" v="229"/>
          <ac:spMkLst>
            <pc:docMk/>
            <pc:sldMk cId="2083774137" sldId="525"/>
            <ac:spMk id="18" creationId="{5BE7D147-AC31-7EB8-DE2C-238AEE784735}"/>
          </ac:spMkLst>
        </pc:spChg>
        <pc:spChg chg="mod">
          <ac:chgData name="Julie Silec" userId="e33c71f4-39da-440f-a9cb-d0438fa229f2" providerId="ADAL" clId="{21267095-89F9-5716-A2A1-81A29FD6C046}" dt="2026-05-21T00:17:33.610" v="229"/>
          <ac:spMkLst>
            <pc:docMk/>
            <pc:sldMk cId="2083774137" sldId="525"/>
            <ac:spMk id="19" creationId="{B31C0F89-E5D0-CEF9-F876-7C06FF88303A}"/>
          </ac:spMkLst>
        </pc:spChg>
        <pc:spChg chg="mod">
          <ac:chgData name="Julie Silec" userId="e33c71f4-39da-440f-a9cb-d0438fa229f2" providerId="ADAL" clId="{21267095-89F9-5716-A2A1-81A29FD6C046}" dt="2026-05-21T00:17:33.610" v="229"/>
          <ac:spMkLst>
            <pc:docMk/>
            <pc:sldMk cId="2083774137" sldId="525"/>
            <ac:spMk id="20" creationId="{B19DE42E-0ABF-0C1F-9B8A-ED37D186A5AE}"/>
          </ac:spMkLst>
        </pc:spChg>
        <pc:spChg chg="mod">
          <ac:chgData name="Julie Silec" userId="e33c71f4-39da-440f-a9cb-d0438fa229f2" providerId="ADAL" clId="{21267095-89F9-5716-A2A1-81A29FD6C046}" dt="2026-05-21T00:17:33.610" v="229"/>
          <ac:spMkLst>
            <pc:docMk/>
            <pc:sldMk cId="2083774137" sldId="525"/>
            <ac:spMk id="21" creationId="{C7757786-B12E-F920-DDD4-0BA52662A2AC}"/>
          </ac:spMkLst>
        </pc:spChg>
        <pc:spChg chg="mod">
          <ac:chgData name="Julie Silec" userId="e33c71f4-39da-440f-a9cb-d0438fa229f2" providerId="ADAL" clId="{21267095-89F9-5716-A2A1-81A29FD6C046}" dt="2026-05-21T00:17:33.610" v="229"/>
          <ac:spMkLst>
            <pc:docMk/>
            <pc:sldMk cId="2083774137" sldId="525"/>
            <ac:spMk id="23" creationId="{9448E68A-8FA7-A2E6-6FF8-1C129C22FEB7}"/>
          </ac:spMkLst>
        </pc:spChg>
        <pc:spChg chg="mod">
          <ac:chgData name="Julie Silec" userId="e33c71f4-39da-440f-a9cb-d0438fa229f2" providerId="ADAL" clId="{21267095-89F9-5716-A2A1-81A29FD6C046}" dt="2026-05-21T00:17:33.610" v="229"/>
          <ac:spMkLst>
            <pc:docMk/>
            <pc:sldMk cId="2083774137" sldId="525"/>
            <ac:spMk id="24" creationId="{EFB84AAE-A3C2-D208-FCC4-85B150922203}"/>
          </ac:spMkLst>
        </pc:spChg>
        <pc:spChg chg="mod">
          <ac:chgData name="Julie Silec" userId="e33c71f4-39da-440f-a9cb-d0438fa229f2" providerId="ADAL" clId="{21267095-89F9-5716-A2A1-81A29FD6C046}" dt="2026-05-21T00:17:48.933" v="236"/>
          <ac:spMkLst>
            <pc:docMk/>
            <pc:sldMk cId="2083774137" sldId="525"/>
            <ac:spMk id="28" creationId="{B46ADCEC-A898-0F11-8B06-191AEBEBCD75}"/>
          </ac:spMkLst>
        </pc:spChg>
        <pc:spChg chg="mod">
          <ac:chgData name="Julie Silec" userId="e33c71f4-39da-440f-a9cb-d0438fa229f2" providerId="ADAL" clId="{21267095-89F9-5716-A2A1-81A29FD6C046}" dt="2026-05-21T00:44:38.009" v="553" actId="1037"/>
          <ac:spMkLst>
            <pc:docMk/>
            <pc:sldMk cId="2083774137" sldId="525"/>
            <ac:spMk id="29" creationId="{CA93C475-BE3E-2CAF-328B-AE50D805F7CD}"/>
          </ac:spMkLst>
        </pc:spChg>
        <pc:spChg chg="mod">
          <ac:chgData name="Julie Silec" userId="e33c71f4-39da-440f-a9cb-d0438fa229f2" providerId="ADAL" clId="{21267095-89F9-5716-A2A1-81A29FD6C046}" dt="2026-05-21T00:17:48.933" v="236"/>
          <ac:spMkLst>
            <pc:docMk/>
            <pc:sldMk cId="2083774137" sldId="525"/>
            <ac:spMk id="30" creationId="{39A898DD-7F15-B96A-A897-533C9EFF58F3}"/>
          </ac:spMkLst>
        </pc:spChg>
        <pc:spChg chg="mod">
          <ac:chgData name="Julie Silec" userId="e33c71f4-39da-440f-a9cb-d0438fa229f2" providerId="ADAL" clId="{21267095-89F9-5716-A2A1-81A29FD6C046}" dt="2026-05-21T00:17:48.933" v="236"/>
          <ac:spMkLst>
            <pc:docMk/>
            <pc:sldMk cId="2083774137" sldId="525"/>
            <ac:spMk id="32" creationId="{6FFD8CBA-D7E9-0BA9-8D4F-32E93CA890C4}"/>
          </ac:spMkLst>
        </pc:spChg>
        <pc:spChg chg="mod">
          <ac:chgData name="Julie Silec" userId="e33c71f4-39da-440f-a9cb-d0438fa229f2" providerId="ADAL" clId="{21267095-89F9-5716-A2A1-81A29FD6C046}" dt="2026-05-21T00:17:48.933" v="236"/>
          <ac:spMkLst>
            <pc:docMk/>
            <pc:sldMk cId="2083774137" sldId="525"/>
            <ac:spMk id="35" creationId="{31028CC0-D557-4E84-4756-A1BF6826DB97}"/>
          </ac:spMkLst>
        </pc:spChg>
        <pc:spChg chg="mod">
          <ac:chgData name="Julie Silec" userId="e33c71f4-39da-440f-a9cb-d0438fa229f2" providerId="ADAL" clId="{21267095-89F9-5716-A2A1-81A29FD6C046}" dt="2026-05-21T00:17:48.933" v="236"/>
          <ac:spMkLst>
            <pc:docMk/>
            <pc:sldMk cId="2083774137" sldId="525"/>
            <ac:spMk id="36" creationId="{2AAEE281-5FB2-6E0F-3363-4244ED5C0460}"/>
          </ac:spMkLst>
        </pc:spChg>
        <pc:spChg chg="mod">
          <ac:chgData name="Julie Silec" userId="e33c71f4-39da-440f-a9cb-d0438fa229f2" providerId="ADAL" clId="{21267095-89F9-5716-A2A1-81A29FD6C046}" dt="2026-05-21T00:44:38.009" v="553" actId="1037"/>
          <ac:spMkLst>
            <pc:docMk/>
            <pc:sldMk cId="2083774137" sldId="525"/>
            <ac:spMk id="37" creationId="{A617DB1F-F76B-0ADB-BCF8-B8B54FA7A842}"/>
          </ac:spMkLst>
        </pc:spChg>
        <pc:spChg chg="mod">
          <ac:chgData name="Julie Silec" userId="e33c71f4-39da-440f-a9cb-d0438fa229f2" providerId="ADAL" clId="{21267095-89F9-5716-A2A1-81A29FD6C046}" dt="2026-05-21T00:44:38.009" v="553" actId="1037"/>
          <ac:spMkLst>
            <pc:docMk/>
            <pc:sldMk cId="2083774137" sldId="525"/>
            <ac:spMk id="38" creationId="{1C9BC6A8-8C93-B7E3-2DAD-8A944D908C31}"/>
          </ac:spMkLst>
        </pc:spChg>
        <pc:spChg chg="mod">
          <ac:chgData name="Julie Silec" userId="e33c71f4-39da-440f-a9cb-d0438fa229f2" providerId="ADAL" clId="{21267095-89F9-5716-A2A1-81A29FD6C046}" dt="2026-05-21T00:44:38.009" v="553" actId="1037"/>
          <ac:spMkLst>
            <pc:docMk/>
            <pc:sldMk cId="2083774137" sldId="525"/>
            <ac:spMk id="39" creationId="{30F64CF5-29AB-769E-72C3-87942F799B79}"/>
          </ac:spMkLst>
        </pc:spChg>
        <pc:spChg chg="mod">
          <ac:chgData name="Julie Silec" userId="e33c71f4-39da-440f-a9cb-d0438fa229f2" providerId="ADAL" clId="{21267095-89F9-5716-A2A1-81A29FD6C046}" dt="2026-05-21T00:44:38.009" v="553" actId="1037"/>
          <ac:spMkLst>
            <pc:docMk/>
            <pc:sldMk cId="2083774137" sldId="525"/>
            <ac:spMk id="40" creationId="{A4E82133-CF73-CBD8-E6D0-D6F53F43DFAE}"/>
          </ac:spMkLst>
        </pc:spChg>
        <pc:spChg chg="mod">
          <ac:chgData name="Julie Silec" userId="e33c71f4-39da-440f-a9cb-d0438fa229f2" providerId="ADAL" clId="{21267095-89F9-5716-A2A1-81A29FD6C046}" dt="2026-05-21T00:17:48.933" v="236"/>
          <ac:spMkLst>
            <pc:docMk/>
            <pc:sldMk cId="2083774137" sldId="525"/>
            <ac:spMk id="42" creationId="{493C93FD-F2DE-FFDD-A49B-2B0FBED46930}"/>
          </ac:spMkLst>
        </pc:spChg>
        <pc:spChg chg="mod">
          <ac:chgData name="Julie Silec" userId="e33c71f4-39da-440f-a9cb-d0438fa229f2" providerId="ADAL" clId="{21267095-89F9-5716-A2A1-81A29FD6C046}" dt="2026-05-21T00:17:48.933" v="236"/>
          <ac:spMkLst>
            <pc:docMk/>
            <pc:sldMk cId="2083774137" sldId="525"/>
            <ac:spMk id="47" creationId="{3AAF38F8-E3B0-01D6-1880-AD5BE4251C4D}"/>
          </ac:spMkLst>
        </pc:spChg>
        <pc:spChg chg="mod">
          <ac:chgData name="Julie Silec" userId="e33c71f4-39da-440f-a9cb-d0438fa229f2" providerId="ADAL" clId="{21267095-89F9-5716-A2A1-81A29FD6C046}" dt="2026-05-21T00:17:48.933" v="236"/>
          <ac:spMkLst>
            <pc:docMk/>
            <pc:sldMk cId="2083774137" sldId="525"/>
            <ac:spMk id="52" creationId="{351E6B6F-EA07-D2DB-4CD7-D4C0CE777CCB}"/>
          </ac:spMkLst>
        </pc:spChg>
        <pc:spChg chg="mod">
          <ac:chgData name="Julie Silec" userId="e33c71f4-39da-440f-a9cb-d0438fa229f2" providerId="ADAL" clId="{21267095-89F9-5716-A2A1-81A29FD6C046}" dt="2026-05-21T00:17:48.933" v="236"/>
          <ac:spMkLst>
            <pc:docMk/>
            <pc:sldMk cId="2083774137" sldId="525"/>
            <ac:spMk id="54" creationId="{959F8911-D66F-FB5E-E1F4-4D0E3608E0A1}"/>
          </ac:spMkLst>
        </pc:spChg>
        <pc:spChg chg="mod">
          <ac:chgData name="Julie Silec" userId="e33c71f4-39da-440f-a9cb-d0438fa229f2" providerId="ADAL" clId="{21267095-89F9-5716-A2A1-81A29FD6C046}" dt="2026-05-21T00:17:48.933" v="236"/>
          <ac:spMkLst>
            <pc:docMk/>
            <pc:sldMk cId="2083774137" sldId="525"/>
            <ac:spMk id="55" creationId="{D21C5816-EDDB-9637-04CF-4F6B18F991EE}"/>
          </ac:spMkLst>
        </pc:spChg>
        <pc:spChg chg="mod">
          <ac:chgData name="Julie Silec" userId="e33c71f4-39da-440f-a9cb-d0438fa229f2" providerId="ADAL" clId="{21267095-89F9-5716-A2A1-81A29FD6C046}" dt="2026-05-21T00:19:06.076" v="249"/>
          <ac:spMkLst>
            <pc:docMk/>
            <pc:sldMk cId="2083774137" sldId="525"/>
            <ac:spMk id="58" creationId="{7070C314-5F6B-70CB-FA9A-FA7D2DED1B27}"/>
          </ac:spMkLst>
        </pc:spChg>
        <pc:spChg chg="mod">
          <ac:chgData name="Julie Silec" userId="e33c71f4-39da-440f-a9cb-d0438fa229f2" providerId="ADAL" clId="{21267095-89F9-5716-A2A1-81A29FD6C046}" dt="2026-05-21T00:19:06.076" v="249"/>
          <ac:spMkLst>
            <pc:docMk/>
            <pc:sldMk cId="2083774137" sldId="525"/>
            <ac:spMk id="59" creationId="{245D4B52-4F90-9E47-C5C9-E1379E1E7839}"/>
          </ac:spMkLst>
        </pc:spChg>
        <pc:spChg chg="mod">
          <ac:chgData name="Julie Silec" userId="e33c71f4-39da-440f-a9cb-d0438fa229f2" providerId="ADAL" clId="{21267095-89F9-5716-A2A1-81A29FD6C046}" dt="2026-05-21T00:19:06.076" v="249"/>
          <ac:spMkLst>
            <pc:docMk/>
            <pc:sldMk cId="2083774137" sldId="525"/>
            <ac:spMk id="60" creationId="{D6903F56-9FF5-0A35-19DA-C19AE8BECEF0}"/>
          </ac:spMkLst>
        </pc:spChg>
        <pc:spChg chg="mod">
          <ac:chgData name="Julie Silec" userId="e33c71f4-39da-440f-a9cb-d0438fa229f2" providerId="ADAL" clId="{21267095-89F9-5716-A2A1-81A29FD6C046}" dt="2026-05-21T00:19:06.076" v="249"/>
          <ac:spMkLst>
            <pc:docMk/>
            <pc:sldMk cId="2083774137" sldId="525"/>
            <ac:spMk id="61" creationId="{55F03167-31B4-F4B0-8374-795AC4787351}"/>
          </ac:spMkLst>
        </pc:spChg>
        <pc:spChg chg="mod">
          <ac:chgData name="Julie Silec" userId="e33c71f4-39da-440f-a9cb-d0438fa229f2" providerId="ADAL" clId="{21267095-89F9-5716-A2A1-81A29FD6C046}" dt="2026-05-21T00:19:06.076" v="249"/>
          <ac:spMkLst>
            <pc:docMk/>
            <pc:sldMk cId="2083774137" sldId="525"/>
            <ac:spMk id="62" creationId="{BDEBA8A7-4357-EDBD-8FA9-570EF8BCC48A}"/>
          </ac:spMkLst>
        </pc:spChg>
        <pc:spChg chg="mod">
          <ac:chgData name="Julie Silec" userId="e33c71f4-39da-440f-a9cb-d0438fa229f2" providerId="ADAL" clId="{21267095-89F9-5716-A2A1-81A29FD6C046}" dt="2026-05-21T00:19:06.076" v="249"/>
          <ac:spMkLst>
            <pc:docMk/>
            <pc:sldMk cId="2083774137" sldId="525"/>
            <ac:spMk id="63" creationId="{E8921A56-C1A2-C551-4F54-E5C13C8017BC}"/>
          </ac:spMkLst>
        </pc:spChg>
        <pc:spChg chg="mod">
          <ac:chgData name="Julie Silec" userId="e33c71f4-39da-440f-a9cb-d0438fa229f2" providerId="ADAL" clId="{21267095-89F9-5716-A2A1-81A29FD6C046}" dt="2026-05-21T00:19:06.076" v="249"/>
          <ac:spMkLst>
            <pc:docMk/>
            <pc:sldMk cId="2083774137" sldId="525"/>
            <ac:spMk id="64" creationId="{954B54DB-62DA-B078-6E59-8A02EBEC51C5}"/>
          </ac:spMkLst>
        </pc:spChg>
        <pc:spChg chg="mod">
          <ac:chgData name="Julie Silec" userId="e33c71f4-39da-440f-a9cb-d0438fa229f2" providerId="ADAL" clId="{21267095-89F9-5716-A2A1-81A29FD6C046}" dt="2026-05-21T00:19:06.076" v="249"/>
          <ac:spMkLst>
            <pc:docMk/>
            <pc:sldMk cId="2083774137" sldId="525"/>
            <ac:spMk id="65" creationId="{2BF2CAF9-9CFA-1049-5A28-B98A70E9700A}"/>
          </ac:spMkLst>
        </pc:spChg>
        <pc:spChg chg="mod">
          <ac:chgData name="Julie Silec" userId="e33c71f4-39da-440f-a9cb-d0438fa229f2" providerId="ADAL" clId="{21267095-89F9-5716-A2A1-81A29FD6C046}" dt="2026-05-21T00:19:06.076" v="249"/>
          <ac:spMkLst>
            <pc:docMk/>
            <pc:sldMk cId="2083774137" sldId="525"/>
            <ac:spMk id="67" creationId="{D16346AF-FFBD-BBD3-B4C6-1BEF32338C11}"/>
          </ac:spMkLst>
        </pc:spChg>
        <pc:spChg chg="mod">
          <ac:chgData name="Julie Silec" userId="e33c71f4-39da-440f-a9cb-d0438fa229f2" providerId="ADAL" clId="{21267095-89F9-5716-A2A1-81A29FD6C046}" dt="2026-05-21T00:19:06.076" v="249"/>
          <ac:spMkLst>
            <pc:docMk/>
            <pc:sldMk cId="2083774137" sldId="525"/>
            <ac:spMk id="68" creationId="{4BA1FFB9-2C45-210A-953F-4CDB6B79F1C8}"/>
          </ac:spMkLst>
        </pc:spChg>
        <pc:spChg chg="mod">
          <ac:chgData name="Julie Silec" userId="e33c71f4-39da-440f-a9cb-d0438fa229f2" providerId="ADAL" clId="{21267095-89F9-5716-A2A1-81A29FD6C046}" dt="2026-05-21T00:21:06.196" v="268"/>
          <ac:spMkLst>
            <pc:docMk/>
            <pc:sldMk cId="2083774137" sldId="525"/>
            <ac:spMk id="71" creationId="{6E0D357E-0AF5-4E50-A4F4-19CF72AA54AB}"/>
          </ac:spMkLst>
        </pc:spChg>
        <pc:spChg chg="mod">
          <ac:chgData name="Julie Silec" userId="e33c71f4-39da-440f-a9cb-d0438fa229f2" providerId="ADAL" clId="{21267095-89F9-5716-A2A1-81A29FD6C046}" dt="2026-05-21T00:21:06.196" v="268"/>
          <ac:spMkLst>
            <pc:docMk/>
            <pc:sldMk cId="2083774137" sldId="525"/>
            <ac:spMk id="72" creationId="{EE5688C5-42CB-B5E0-A360-1A3E4085C973}"/>
          </ac:spMkLst>
        </pc:spChg>
        <pc:spChg chg="mod">
          <ac:chgData name="Julie Silec" userId="e33c71f4-39da-440f-a9cb-d0438fa229f2" providerId="ADAL" clId="{21267095-89F9-5716-A2A1-81A29FD6C046}" dt="2026-05-21T00:21:06.196" v="268"/>
          <ac:spMkLst>
            <pc:docMk/>
            <pc:sldMk cId="2083774137" sldId="525"/>
            <ac:spMk id="73" creationId="{7CC33BAE-B798-A690-9474-3DC9120DBB56}"/>
          </ac:spMkLst>
        </pc:spChg>
        <pc:spChg chg="mod">
          <ac:chgData name="Julie Silec" userId="e33c71f4-39da-440f-a9cb-d0438fa229f2" providerId="ADAL" clId="{21267095-89F9-5716-A2A1-81A29FD6C046}" dt="2026-05-21T00:21:06.196" v="268"/>
          <ac:spMkLst>
            <pc:docMk/>
            <pc:sldMk cId="2083774137" sldId="525"/>
            <ac:spMk id="74" creationId="{197A2B95-3B69-10A7-24F8-7512B921367A}"/>
          </ac:spMkLst>
        </pc:spChg>
        <pc:spChg chg="mod">
          <ac:chgData name="Julie Silec" userId="e33c71f4-39da-440f-a9cb-d0438fa229f2" providerId="ADAL" clId="{21267095-89F9-5716-A2A1-81A29FD6C046}" dt="2026-05-21T00:21:06.196" v="268"/>
          <ac:spMkLst>
            <pc:docMk/>
            <pc:sldMk cId="2083774137" sldId="525"/>
            <ac:spMk id="75" creationId="{6DD516DC-2C05-F48A-AD44-9CE938596967}"/>
          </ac:spMkLst>
        </pc:spChg>
        <pc:spChg chg="mod">
          <ac:chgData name="Julie Silec" userId="e33c71f4-39da-440f-a9cb-d0438fa229f2" providerId="ADAL" clId="{21267095-89F9-5716-A2A1-81A29FD6C046}" dt="2026-05-21T00:21:06.196" v="268"/>
          <ac:spMkLst>
            <pc:docMk/>
            <pc:sldMk cId="2083774137" sldId="525"/>
            <ac:spMk id="76" creationId="{DAC014F6-F33B-A9F9-9983-D8BEC439C705}"/>
          </ac:spMkLst>
        </pc:spChg>
        <pc:spChg chg="mod">
          <ac:chgData name="Julie Silec" userId="e33c71f4-39da-440f-a9cb-d0438fa229f2" providerId="ADAL" clId="{21267095-89F9-5716-A2A1-81A29FD6C046}" dt="2026-05-21T00:21:06.196" v="268"/>
          <ac:spMkLst>
            <pc:docMk/>
            <pc:sldMk cId="2083774137" sldId="525"/>
            <ac:spMk id="78" creationId="{F43B55C2-768A-85AD-8503-81C7A36658D9}"/>
          </ac:spMkLst>
        </pc:spChg>
        <pc:spChg chg="mod">
          <ac:chgData name="Julie Silec" userId="e33c71f4-39da-440f-a9cb-d0438fa229f2" providerId="ADAL" clId="{21267095-89F9-5716-A2A1-81A29FD6C046}" dt="2026-05-21T00:21:06.196" v="268"/>
          <ac:spMkLst>
            <pc:docMk/>
            <pc:sldMk cId="2083774137" sldId="525"/>
            <ac:spMk id="80" creationId="{1DA9A410-91D8-A72D-6C4F-D8BE438987EA}"/>
          </ac:spMkLst>
        </pc:spChg>
        <pc:spChg chg="mod">
          <ac:chgData name="Julie Silec" userId="e33c71f4-39da-440f-a9cb-d0438fa229f2" providerId="ADAL" clId="{21267095-89F9-5716-A2A1-81A29FD6C046}" dt="2026-05-21T00:21:06.196" v="268"/>
          <ac:spMkLst>
            <pc:docMk/>
            <pc:sldMk cId="2083774137" sldId="525"/>
            <ac:spMk id="81" creationId="{D33666FD-3E53-04FF-802F-3FCC2B0D1755}"/>
          </ac:spMkLst>
        </pc:spChg>
        <pc:spChg chg="mod">
          <ac:chgData name="Julie Silec" userId="e33c71f4-39da-440f-a9cb-d0438fa229f2" providerId="ADAL" clId="{21267095-89F9-5716-A2A1-81A29FD6C046}" dt="2026-05-21T00:21:06.196" v="268"/>
          <ac:spMkLst>
            <pc:docMk/>
            <pc:sldMk cId="2083774137" sldId="525"/>
            <ac:spMk id="82" creationId="{76CC2E75-C51B-A453-F1AE-2AED743BF920}"/>
          </ac:spMkLst>
        </pc:spChg>
        <pc:spChg chg="mod">
          <ac:chgData name="Julie Silec" userId="e33c71f4-39da-440f-a9cb-d0438fa229f2" providerId="ADAL" clId="{21267095-89F9-5716-A2A1-81A29FD6C046}" dt="2026-05-21T00:21:09.310" v="270"/>
          <ac:spMkLst>
            <pc:docMk/>
            <pc:sldMk cId="2083774137" sldId="525"/>
            <ac:spMk id="84" creationId="{20D4C550-678A-4199-578A-749D112CCEB8}"/>
          </ac:spMkLst>
        </pc:spChg>
        <pc:spChg chg="mod">
          <ac:chgData name="Julie Silec" userId="e33c71f4-39da-440f-a9cb-d0438fa229f2" providerId="ADAL" clId="{21267095-89F9-5716-A2A1-81A29FD6C046}" dt="2026-05-21T00:21:09.310" v="270"/>
          <ac:spMkLst>
            <pc:docMk/>
            <pc:sldMk cId="2083774137" sldId="525"/>
            <ac:spMk id="85" creationId="{7735B2BC-52BA-9856-E826-455FFEE6CCB3}"/>
          </ac:spMkLst>
        </pc:spChg>
        <pc:spChg chg="mod">
          <ac:chgData name="Julie Silec" userId="e33c71f4-39da-440f-a9cb-d0438fa229f2" providerId="ADAL" clId="{21267095-89F9-5716-A2A1-81A29FD6C046}" dt="2026-05-21T00:21:09.310" v="270"/>
          <ac:spMkLst>
            <pc:docMk/>
            <pc:sldMk cId="2083774137" sldId="525"/>
            <ac:spMk id="86" creationId="{0063E004-863F-8567-050E-AB7A07EB24C8}"/>
          </ac:spMkLst>
        </pc:spChg>
        <pc:spChg chg="mod">
          <ac:chgData name="Julie Silec" userId="e33c71f4-39da-440f-a9cb-d0438fa229f2" providerId="ADAL" clId="{21267095-89F9-5716-A2A1-81A29FD6C046}" dt="2026-05-21T00:21:09.310" v="270"/>
          <ac:spMkLst>
            <pc:docMk/>
            <pc:sldMk cId="2083774137" sldId="525"/>
            <ac:spMk id="87" creationId="{19D866B3-7C1E-7EA1-1A81-0A0FC82C06FC}"/>
          </ac:spMkLst>
        </pc:spChg>
        <pc:spChg chg="mod">
          <ac:chgData name="Julie Silec" userId="e33c71f4-39da-440f-a9cb-d0438fa229f2" providerId="ADAL" clId="{21267095-89F9-5716-A2A1-81A29FD6C046}" dt="2026-05-21T00:21:09.310" v="270"/>
          <ac:spMkLst>
            <pc:docMk/>
            <pc:sldMk cId="2083774137" sldId="525"/>
            <ac:spMk id="88" creationId="{0417BA93-2560-FB77-9701-08F0AA9F9281}"/>
          </ac:spMkLst>
        </pc:spChg>
        <pc:spChg chg="mod">
          <ac:chgData name="Julie Silec" userId="e33c71f4-39da-440f-a9cb-d0438fa229f2" providerId="ADAL" clId="{21267095-89F9-5716-A2A1-81A29FD6C046}" dt="2026-05-21T00:21:09.310" v="270"/>
          <ac:spMkLst>
            <pc:docMk/>
            <pc:sldMk cId="2083774137" sldId="525"/>
            <ac:spMk id="90" creationId="{0E9BC143-46FB-41C7-B96E-52B3B400FFF2}"/>
          </ac:spMkLst>
        </pc:spChg>
        <pc:spChg chg="mod">
          <ac:chgData name="Julie Silec" userId="e33c71f4-39da-440f-a9cb-d0438fa229f2" providerId="ADAL" clId="{21267095-89F9-5716-A2A1-81A29FD6C046}" dt="2026-05-21T00:21:09.310" v="270"/>
          <ac:spMkLst>
            <pc:docMk/>
            <pc:sldMk cId="2083774137" sldId="525"/>
            <ac:spMk id="91" creationId="{B537C45D-AE45-00E1-B371-465C2D123E52}"/>
          </ac:spMkLst>
        </pc:spChg>
        <pc:spChg chg="mod">
          <ac:chgData name="Julie Silec" userId="e33c71f4-39da-440f-a9cb-d0438fa229f2" providerId="ADAL" clId="{21267095-89F9-5716-A2A1-81A29FD6C046}" dt="2026-05-21T00:21:09.310" v="270"/>
          <ac:spMkLst>
            <pc:docMk/>
            <pc:sldMk cId="2083774137" sldId="525"/>
            <ac:spMk id="93" creationId="{1AF81726-15C0-5C23-B36A-BF4C32F07CDA}"/>
          </ac:spMkLst>
        </pc:spChg>
        <pc:spChg chg="mod">
          <ac:chgData name="Julie Silec" userId="e33c71f4-39da-440f-a9cb-d0438fa229f2" providerId="ADAL" clId="{21267095-89F9-5716-A2A1-81A29FD6C046}" dt="2026-05-21T00:21:09.310" v="270"/>
          <ac:spMkLst>
            <pc:docMk/>
            <pc:sldMk cId="2083774137" sldId="525"/>
            <ac:spMk id="94" creationId="{1E445E41-91D9-9A61-20BB-D5DA501C8FB8}"/>
          </ac:spMkLst>
        </pc:spChg>
        <pc:spChg chg="mod">
          <ac:chgData name="Julie Silec" userId="e33c71f4-39da-440f-a9cb-d0438fa229f2" providerId="ADAL" clId="{21267095-89F9-5716-A2A1-81A29FD6C046}" dt="2026-05-21T00:21:09.310" v="270"/>
          <ac:spMkLst>
            <pc:docMk/>
            <pc:sldMk cId="2083774137" sldId="525"/>
            <ac:spMk id="95" creationId="{9270B2E9-AAA0-B563-718E-24EC1B319167}"/>
          </ac:spMkLst>
        </pc:spChg>
        <pc:spChg chg="mod">
          <ac:chgData name="Julie Silec" userId="e33c71f4-39da-440f-a9cb-d0438fa229f2" providerId="ADAL" clId="{21267095-89F9-5716-A2A1-81A29FD6C046}" dt="2026-05-21T00:21:12.477" v="272"/>
          <ac:spMkLst>
            <pc:docMk/>
            <pc:sldMk cId="2083774137" sldId="525"/>
            <ac:spMk id="98" creationId="{4CF9018A-0B55-5708-3526-4354B501FA84}"/>
          </ac:spMkLst>
        </pc:spChg>
        <pc:spChg chg="mod">
          <ac:chgData name="Julie Silec" userId="e33c71f4-39da-440f-a9cb-d0438fa229f2" providerId="ADAL" clId="{21267095-89F9-5716-A2A1-81A29FD6C046}" dt="2026-05-21T00:21:12.477" v="272"/>
          <ac:spMkLst>
            <pc:docMk/>
            <pc:sldMk cId="2083774137" sldId="525"/>
            <ac:spMk id="99" creationId="{256D7329-3F7E-CBF9-399B-2015BE46E34B}"/>
          </ac:spMkLst>
        </pc:spChg>
        <pc:spChg chg="mod">
          <ac:chgData name="Julie Silec" userId="e33c71f4-39da-440f-a9cb-d0438fa229f2" providerId="ADAL" clId="{21267095-89F9-5716-A2A1-81A29FD6C046}" dt="2026-05-21T00:21:12.477" v="272"/>
          <ac:spMkLst>
            <pc:docMk/>
            <pc:sldMk cId="2083774137" sldId="525"/>
            <ac:spMk id="100" creationId="{946F6001-70B2-242C-754A-E60346863F52}"/>
          </ac:spMkLst>
        </pc:spChg>
        <pc:spChg chg="mod">
          <ac:chgData name="Julie Silec" userId="e33c71f4-39da-440f-a9cb-d0438fa229f2" providerId="ADAL" clId="{21267095-89F9-5716-A2A1-81A29FD6C046}" dt="2026-05-21T00:21:12.477" v="272"/>
          <ac:spMkLst>
            <pc:docMk/>
            <pc:sldMk cId="2083774137" sldId="525"/>
            <ac:spMk id="101" creationId="{59DDF1F5-5669-8617-18EF-BEC9562044BF}"/>
          </ac:spMkLst>
        </pc:spChg>
        <pc:spChg chg="mod">
          <ac:chgData name="Julie Silec" userId="e33c71f4-39da-440f-a9cb-d0438fa229f2" providerId="ADAL" clId="{21267095-89F9-5716-A2A1-81A29FD6C046}" dt="2026-05-21T00:21:12.477" v="272"/>
          <ac:spMkLst>
            <pc:docMk/>
            <pc:sldMk cId="2083774137" sldId="525"/>
            <ac:spMk id="102" creationId="{3343C434-B022-CE49-AB2B-C3C3FC004709}"/>
          </ac:spMkLst>
        </pc:spChg>
        <pc:spChg chg="mod">
          <ac:chgData name="Julie Silec" userId="e33c71f4-39da-440f-a9cb-d0438fa229f2" providerId="ADAL" clId="{21267095-89F9-5716-A2A1-81A29FD6C046}" dt="2026-05-21T00:21:12.477" v="272"/>
          <ac:spMkLst>
            <pc:docMk/>
            <pc:sldMk cId="2083774137" sldId="525"/>
            <ac:spMk id="103" creationId="{74416797-AEA1-80FF-AD9F-734E7599C2AE}"/>
          </ac:spMkLst>
        </pc:spChg>
        <pc:spChg chg="mod">
          <ac:chgData name="Julie Silec" userId="e33c71f4-39da-440f-a9cb-d0438fa229f2" providerId="ADAL" clId="{21267095-89F9-5716-A2A1-81A29FD6C046}" dt="2026-05-21T00:21:12.477" v="272"/>
          <ac:spMkLst>
            <pc:docMk/>
            <pc:sldMk cId="2083774137" sldId="525"/>
            <ac:spMk id="104" creationId="{B490DDC3-EE85-5C99-B992-30B6A798E67D}"/>
          </ac:spMkLst>
        </pc:spChg>
        <pc:spChg chg="mod">
          <ac:chgData name="Julie Silec" userId="e33c71f4-39da-440f-a9cb-d0438fa229f2" providerId="ADAL" clId="{21267095-89F9-5716-A2A1-81A29FD6C046}" dt="2026-05-21T00:21:12.477" v="272"/>
          <ac:spMkLst>
            <pc:docMk/>
            <pc:sldMk cId="2083774137" sldId="525"/>
            <ac:spMk id="105" creationId="{666C430B-9459-4019-4C53-2ABF24F4D5CA}"/>
          </ac:spMkLst>
        </pc:spChg>
        <pc:spChg chg="mod">
          <ac:chgData name="Julie Silec" userId="e33c71f4-39da-440f-a9cb-d0438fa229f2" providerId="ADAL" clId="{21267095-89F9-5716-A2A1-81A29FD6C046}" dt="2026-05-21T00:21:12.477" v="272"/>
          <ac:spMkLst>
            <pc:docMk/>
            <pc:sldMk cId="2083774137" sldId="525"/>
            <ac:spMk id="107" creationId="{83FFEDA1-5E9B-FEFE-1AF9-A03FCAD6FD91}"/>
          </ac:spMkLst>
        </pc:spChg>
        <pc:spChg chg="mod">
          <ac:chgData name="Julie Silec" userId="e33c71f4-39da-440f-a9cb-d0438fa229f2" providerId="ADAL" clId="{21267095-89F9-5716-A2A1-81A29FD6C046}" dt="2026-05-21T00:21:12.477" v="272"/>
          <ac:spMkLst>
            <pc:docMk/>
            <pc:sldMk cId="2083774137" sldId="525"/>
            <ac:spMk id="108" creationId="{C9ACB6D5-8276-E849-1FED-404AC4D0E3D6}"/>
          </ac:spMkLst>
        </pc:spChg>
        <pc:spChg chg="mod">
          <ac:chgData name="Julie Silec" userId="e33c71f4-39da-440f-a9cb-d0438fa229f2" providerId="ADAL" clId="{21267095-89F9-5716-A2A1-81A29FD6C046}" dt="2026-05-21T00:22:00.933" v="289"/>
          <ac:spMkLst>
            <pc:docMk/>
            <pc:sldMk cId="2083774137" sldId="525"/>
            <ac:spMk id="112" creationId="{855E3851-7927-C4B8-F6CF-F0B73FAB8A40}"/>
          </ac:spMkLst>
        </pc:spChg>
        <pc:spChg chg="mod">
          <ac:chgData name="Julie Silec" userId="e33c71f4-39da-440f-a9cb-d0438fa229f2" providerId="ADAL" clId="{21267095-89F9-5716-A2A1-81A29FD6C046}" dt="2026-05-21T00:22:00.933" v="289"/>
          <ac:spMkLst>
            <pc:docMk/>
            <pc:sldMk cId="2083774137" sldId="525"/>
            <ac:spMk id="113" creationId="{5A12AA2A-2453-A64B-E298-BAB16D5B3484}"/>
          </ac:spMkLst>
        </pc:spChg>
        <pc:spChg chg="mod">
          <ac:chgData name="Julie Silec" userId="e33c71f4-39da-440f-a9cb-d0438fa229f2" providerId="ADAL" clId="{21267095-89F9-5716-A2A1-81A29FD6C046}" dt="2026-05-21T00:22:00.933" v="289"/>
          <ac:spMkLst>
            <pc:docMk/>
            <pc:sldMk cId="2083774137" sldId="525"/>
            <ac:spMk id="115" creationId="{7397145E-4AB9-3906-F69C-25E32F6EC7B5}"/>
          </ac:spMkLst>
        </pc:spChg>
        <pc:spChg chg="mod">
          <ac:chgData name="Julie Silec" userId="e33c71f4-39da-440f-a9cb-d0438fa229f2" providerId="ADAL" clId="{21267095-89F9-5716-A2A1-81A29FD6C046}" dt="2026-05-21T00:22:00.933" v="289"/>
          <ac:spMkLst>
            <pc:docMk/>
            <pc:sldMk cId="2083774137" sldId="525"/>
            <ac:spMk id="117" creationId="{AD5E8448-6E68-33A9-4C31-4F74CB0B8FDA}"/>
          </ac:spMkLst>
        </pc:spChg>
        <pc:spChg chg="mod">
          <ac:chgData name="Julie Silec" userId="e33c71f4-39da-440f-a9cb-d0438fa229f2" providerId="ADAL" clId="{21267095-89F9-5716-A2A1-81A29FD6C046}" dt="2026-05-21T00:22:00.933" v="289"/>
          <ac:spMkLst>
            <pc:docMk/>
            <pc:sldMk cId="2083774137" sldId="525"/>
            <ac:spMk id="118" creationId="{2B126D9D-51B9-7AF1-28ED-981E5684EEE7}"/>
          </ac:spMkLst>
        </pc:spChg>
        <pc:spChg chg="mod">
          <ac:chgData name="Julie Silec" userId="e33c71f4-39da-440f-a9cb-d0438fa229f2" providerId="ADAL" clId="{21267095-89F9-5716-A2A1-81A29FD6C046}" dt="2026-05-21T00:22:00.933" v="289"/>
          <ac:spMkLst>
            <pc:docMk/>
            <pc:sldMk cId="2083774137" sldId="525"/>
            <ac:spMk id="119" creationId="{3CE1C5B9-AE95-5D8F-9AB8-1BCFFEB23B40}"/>
          </ac:spMkLst>
        </pc:spChg>
        <pc:spChg chg="mod">
          <ac:chgData name="Julie Silec" userId="e33c71f4-39da-440f-a9cb-d0438fa229f2" providerId="ADAL" clId="{21267095-89F9-5716-A2A1-81A29FD6C046}" dt="2026-05-21T00:22:00.933" v="289"/>
          <ac:spMkLst>
            <pc:docMk/>
            <pc:sldMk cId="2083774137" sldId="525"/>
            <ac:spMk id="120" creationId="{B1F3771A-A548-57AA-D374-52848CAA7272}"/>
          </ac:spMkLst>
        </pc:spChg>
        <pc:spChg chg="mod">
          <ac:chgData name="Julie Silec" userId="e33c71f4-39da-440f-a9cb-d0438fa229f2" providerId="ADAL" clId="{21267095-89F9-5716-A2A1-81A29FD6C046}" dt="2026-05-21T00:22:00.933" v="289"/>
          <ac:spMkLst>
            <pc:docMk/>
            <pc:sldMk cId="2083774137" sldId="525"/>
            <ac:spMk id="123" creationId="{9BBD23A2-0239-4144-F228-B48A8DAD1DE1}"/>
          </ac:spMkLst>
        </pc:spChg>
        <pc:spChg chg="mod">
          <ac:chgData name="Julie Silec" userId="e33c71f4-39da-440f-a9cb-d0438fa229f2" providerId="ADAL" clId="{21267095-89F9-5716-A2A1-81A29FD6C046}" dt="2026-05-21T00:22:00.933" v="289"/>
          <ac:spMkLst>
            <pc:docMk/>
            <pc:sldMk cId="2083774137" sldId="525"/>
            <ac:spMk id="125" creationId="{62816F36-EA26-24FE-ACA7-E8234E5C57E8}"/>
          </ac:spMkLst>
        </pc:spChg>
        <pc:spChg chg="mod">
          <ac:chgData name="Julie Silec" userId="e33c71f4-39da-440f-a9cb-d0438fa229f2" providerId="ADAL" clId="{21267095-89F9-5716-A2A1-81A29FD6C046}" dt="2026-05-21T00:22:00.933" v="289"/>
          <ac:spMkLst>
            <pc:docMk/>
            <pc:sldMk cId="2083774137" sldId="525"/>
            <ac:spMk id="127" creationId="{A80BFE45-0C46-859E-CB6E-0AFC9FA23849}"/>
          </ac:spMkLst>
        </pc:spChg>
        <pc:spChg chg="mod">
          <ac:chgData name="Julie Silec" userId="e33c71f4-39da-440f-a9cb-d0438fa229f2" providerId="ADAL" clId="{21267095-89F9-5716-A2A1-81A29FD6C046}" dt="2026-05-21T00:22:03.864" v="291"/>
          <ac:spMkLst>
            <pc:docMk/>
            <pc:sldMk cId="2083774137" sldId="525"/>
            <ac:spMk id="130" creationId="{03DABABA-6AFB-EF89-C44C-9E5591217911}"/>
          </ac:spMkLst>
        </pc:spChg>
        <pc:spChg chg="mod">
          <ac:chgData name="Julie Silec" userId="e33c71f4-39da-440f-a9cb-d0438fa229f2" providerId="ADAL" clId="{21267095-89F9-5716-A2A1-81A29FD6C046}" dt="2026-05-21T00:22:03.864" v="291"/>
          <ac:spMkLst>
            <pc:docMk/>
            <pc:sldMk cId="2083774137" sldId="525"/>
            <ac:spMk id="132" creationId="{19D11FAC-2527-64CA-F85A-9BA58D3CC24B}"/>
          </ac:spMkLst>
        </pc:spChg>
        <pc:spChg chg="mod">
          <ac:chgData name="Julie Silec" userId="e33c71f4-39da-440f-a9cb-d0438fa229f2" providerId="ADAL" clId="{21267095-89F9-5716-A2A1-81A29FD6C046}" dt="2026-05-21T00:22:03.864" v="291"/>
          <ac:spMkLst>
            <pc:docMk/>
            <pc:sldMk cId="2083774137" sldId="525"/>
            <ac:spMk id="133" creationId="{33992E88-C415-9025-AFB5-D8F129A86722}"/>
          </ac:spMkLst>
        </pc:spChg>
        <pc:spChg chg="mod">
          <ac:chgData name="Julie Silec" userId="e33c71f4-39da-440f-a9cb-d0438fa229f2" providerId="ADAL" clId="{21267095-89F9-5716-A2A1-81A29FD6C046}" dt="2026-05-21T00:22:03.864" v="291"/>
          <ac:spMkLst>
            <pc:docMk/>
            <pc:sldMk cId="2083774137" sldId="525"/>
            <ac:spMk id="134" creationId="{51183BA5-BD1E-8E4D-C134-EFC37515E4A7}"/>
          </ac:spMkLst>
        </pc:spChg>
        <pc:spChg chg="mod">
          <ac:chgData name="Julie Silec" userId="e33c71f4-39da-440f-a9cb-d0438fa229f2" providerId="ADAL" clId="{21267095-89F9-5716-A2A1-81A29FD6C046}" dt="2026-05-21T00:22:03.864" v="291"/>
          <ac:spMkLst>
            <pc:docMk/>
            <pc:sldMk cId="2083774137" sldId="525"/>
            <ac:spMk id="136" creationId="{87885450-7004-8116-9749-1C04620BD3F4}"/>
          </ac:spMkLst>
        </pc:spChg>
        <pc:spChg chg="mod">
          <ac:chgData name="Julie Silec" userId="e33c71f4-39da-440f-a9cb-d0438fa229f2" providerId="ADAL" clId="{21267095-89F9-5716-A2A1-81A29FD6C046}" dt="2026-05-21T00:22:03.864" v="291"/>
          <ac:spMkLst>
            <pc:docMk/>
            <pc:sldMk cId="2083774137" sldId="525"/>
            <ac:spMk id="138" creationId="{602C6004-0340-CE8C-2C15-1D3F7196E941}"/>
          </ac:spMkLst>
        </pc:spChg>
        <pc:spChg chg="mod">
          <ac:chgData name="Julie Silec" userId="e33c71f4-39da-440f-a9cb-d0438fa229f2" providerId="ADAL" clId="{21267095-89F9-5716-A2A1-81A29FD6C046}" dt="2026-05-21T00:22:03.864" v="291"/>
          <ac:spMkLst>
            <pc:docMk/>
            <pc:sldMk cId="2083774137" sldId="525"/>
            <ac:spMk id="139" creationId="{5A4D5F42-1DC3-A0E3-6772-F7359219127C}"/>
          </ac:spMkLst>
        </pc:spChg>
        <pc:spChg chg="mod">
          <ac:chgData name="Julie Silec" userId="e33c71f4-39da-440f-a9cb-d0438fa229f2" providerId="ADAL" clId="{21267095-89F9-5716-A2A1-81A29FD6C046}" dt="2026-05-21T00:22:03.864" v="291"/>
          <ac:spMkLst>
            <pc:docMk/>
            <pc:sldMk cId="2083774137" sldId="525"/>
            <ac:spMk id="143" creationId="{19ED4F3F-836B-375F-E05A-E8F34E7D54ED}"/>
          </ac:spMkLst>
        </pc:spChg>
        <pc:spChg chg="mod">
          <ac:chgData name="Julie Silec" userId="e33c71f4-39da-440f-a9cb-d0438fa229f2" providerId="ADAL" clId="{21267095-89F9-5716-A2A1-81A29FD6C046}" dt="2026-05-21T00:22:03.864" v="291"/>
          <ac:spMkLst>
            <pc:docMk/>
            <pc:sldMk cId="2083774137" sldId="525"/>
            <ac:spMk id="144" creationId="{5A64B4E8-5A52-49B4-784A-3BDDE7727095}"/>
          </ac:spMkLst>
        </pc:spChg>
        <pc:spChg chg="mod">
          <ac:chgData name="Julie Silec" userId="e33c71f4-39da-440f-a9cb-d0438fa229f2" providerId="ADAL" clId="{21267095-89F9-5716-A2A1-81A29FD6C046}" dt="2026-05-21T00:22:03.864" v="291"/>
          <ac:spMkLst>
            <pc:docMk/>
            <pc:sldMk cId="2083774137" sldId="525"/>
            <ac:spMk id="145" creationId="{12CAF02C-F839-1E63-D68E-39526EE1D07A}"/>
          </ac:spMkLst>
        </pc:spChg>
        <pc:spChg chg="mod">
          <ac:chgData name="Julie Silec" userId="e33c71f4-39da-440f-a9cb-d0438fa229f2" providerId="ADAL" clId="{21267095-89F9-5716-A2A1-81A29FD6C046}" dt="2026-05-21T00:22:07.817" v="293"/>
          <ac:spMkLst>
            <pc:docMk/>
            <pc:sldMk cId="2083774137" sldId="525"/>
            <ac:spMk id="148" creationId="{3B2256CA-91AE-A3D5-4C26-79A18DCB033C}"/>
          </ac:spMkLst>
        </pc:spChg>
        <pc:spChg chg="mod">
          <ac:chgData name="Julie Silec" userId="e33c71f4-39da-440f-a9cb-d0438fa229f2" providerId="ADAL" clId="{21267095-89F9-5716-A2A1-81A29FD6C046}" dt="2026-05-21T00:22:07.817" v="293"/>
          <ac:spMkLst>
            <pc:docMk/>
            <pc:sldMk cId="2083774137" sldId="525"/>
            <ac:spMk id="151" creationId="{09DF35FA-8493-D163-4F39-F805D38463C8}"/>
          </ac:spMkLst>
        </pc:spChg>
        <pc:spChg chg="mod">
          <ac:chgData name="Julie Silec" userId="e33c71f4-39da-440f-a9cb-d0438fa229f2" providerId="ADAL" clId="{21267095-89F9-5716-A2A1-81A29FD6C046}" dt="2026-05-21T00:22:07.817" v="293"/>
          <ac:spMkLst>
            <pc:docMk/>
            <pc:sldMk cId="2083774137" sldId="525"/>
            <ac:spMk id="152" creationId="{FCF23ABF-24D4-7B82-1526-69E47B1D4AC6}"/>
          </ac:spMkLst>
        </pc:spChg>
        <pc:spChg chg="mod">
          <ac:chgData name="Julie Silec" userId="e33c71f4-39da-440f-a9cb-d0438fa229f2" providerId="ADAL" clId="{21267095-89F9-5716-A2A1-81A29FD6C046}" dt="2026-05-21T00:22:07.817" v="293"/>
          <ac:spMkLst>
            <pc:docMk/>
            <pc:sldMk cId="2083774137" sldId="525"/>
            <ac:spMk id="156" creationId="{8A6906F1-D8B8-4E43-D189-CCE023A509A7}"/>
          </ac:spMkLst>
        </pc:spChg>
        <pc:spChg chg="mod">
          <ac:chgData name="Julie Silec" userId="e33c71f4-39da-440f-a9cb-d0438fa229f2" providerId="ADAL" clId="{21267095-89F9-5716-A2A1-81A29FD6C046}" dt="2026-05-21T00:22:07.817" v="293"/>
          <ac:spMkLst>
            <pc:docMk/>
            <pc:sldMk cId="2083774137" sldId="525"/>
            <ac:spMk id="157" creationId="{309BAA3E-FFC5-3A1F-1886-A0C968039E8D}"/>
          </ac:spMkLst>
        </pc:spChg>
        <pc:spChg chg="mod">
          <ac:chgData name="Julie Silec" userId="e33c71f4-39da-440f-a9cb-d0438fa229f2" providerId="ADAL" clId="{21267095-89F9-5716-A2A1-81A29FD6C046}" dt="2026-05-21T00:22:07.817" v="293"/>
          <ac:spMkLst>
            <pc:docMk/>
            <pc:sldMk cId="2083774137" sldId="525"/>
            <ac:spMk id="159" creationId="{57EBBAB3-443C-B34D-4AF2-2CC12E0B42F9}"/>
          </ac:spMkLst>
        </pc:spChg>
        <pc:spChg chg="mod">
          <ac:chgData name="Julie Silec" userId="e33c71f4-39da-440f-a9cb-d0438fa229f2" providerId="ADAL" clId="{21267095-89F9-5716-A2A1-81A29FD6C046}" dt="2026-05-21T00:22:07.817" v="293"/>
          <ac:spMkLst>
            <pc:docMk/>
            <pc:sldMk cId="2083774137" sldId="525"/>
            <ac:spMk id="160" creationId="{E7272CFB-C8A2-28D7-4132-A6AD1D610E6A}"/>
          </ac:spMkLst>
        </pc:spChg>
        <pc:spChg chg="mod">
          <ac:chgData name="Julie Silec" userId="e33c71f4-39da-440f-a9cb-d0438fa229f2" providerId="ADAL" clId="{21267095-89F9-5716-A2A1-81A29FD6C046}" dt="2026-05-21T00:22:07.817" v="293"/>
          <ac:spMkLst>
            <pc:docMk/>
            <pc:sldMk cId="2083774137" sldId="525"/>
            <ac:spMk id="161" creationId="{0B4C0031-FB47-ED75-AAC6-F2487C8DCC14}"/>
          </ac:spMkLst>
        </pc:spChg>
        <pc:spChg chg="mod">
          <ac:chgData name="Julie Silec" userId="e33c71f4-39da-440f-a9cb-d0438fa229f2" providerId="ADAL" clId="{21267095-89F9-5716-A2A1-81A29FD6C046}" dt="2026-05-21T00:22:07.817" v="293"/>
          <ac:spMkLst>
            <pc:docMk/>
            <pc:sldMk cId="2083774137" sldId="525"/>
            <ac:spMk id="162" creationId="{29F1138F-BA71-8BF5-2626-313698FFE4DC}"/>
          </ac:spMkLst>
        </pc:spChg>
        <pc:spChg chg="mod">
          <ac:chgData name="Julie Silec" userId="e33c71f4-39da-440f-a9cb-d0438fa229f2" providerId="ADAL" clId="{21267095-89F9-5716-A2A1-81A29FD6C046}" dt="2026-05-21T00:22:07.817" v="293"/>
          <ac:spMkLst>
            <pc:docMk/>
            <pc:sldMk cId="2083774137" sldId="525"/>
            <ac:spMk id="165" creationId="{BDD403E4-B120-4A99-4DF0-D05C1B83C129}"/>
          </ac:spMkLst>
        </pc:spChg>
        <pc:spChg chg="add mod">
          <ac:chgData name="Julie Silec" userId="e33c71f4-39da-440f-a9cb-d0438fa229f2" providerId="ADAL" clId="{21267095-89F9-5716-A2A1-81A29FD6C046}" dt="2026-05-21T00:23:19.333" v="317" actId="164"/>
          <ac:spMkLst>
            <pc:docMk/>
            <pc:sldMk cId="2083774137" sldId="525"/>
            <ac:spMk id="166" creationId="{184BE368-CDD9-819E-EE1D-77AAAFDEE521}"/>
          </ac:spMkLst>
        </pc:spChg>
        <pc:spChg chg="mod">
          <ac:chgData name="Julie Silec" userId="e33c71f4-39da-440f-a9cb-d0438fa229f2" providerId="ADAL" clId="{21267095-89F9-5716-A2A1-81A29FD6C046}" dt="2026-05-21T00:23:26.441" v="321"/>
          <ac:spMkLst>
            <pc:docMk/>
            <pc:sldMk cId="2083774137" sldId="525"/>
            <ac:spMk id="169" creationId="{89B11E1D-F829-FB51-091C-B787947A6460}"/>
          </ac:spMkLst>
        </pc:spChg>
        <pc:spChg chg="mod">
          <ac:chgData name="Julie Silec" userId="e33c71f4-39da-440f-a9cb-d0438fa229f2" providerId="ADAL" clId="{21267095-89F9-5716-A2A1-81A29FD6C046}" dt="2026-05-21T00:23:26.441" v="321"/>
          <ac:spMkLst>
            <pc:docMk/>
            <pc:sldMk cId="2083774137" sldId="525"/>
            <ac:spMk id="171" creationId="{69EDACA3-1897-2A6B-A5A9-97F53B64ECAD}"/>
          </ac:spMkLst>
        </pc:spChg>
        <pc:spChg chg="mod">
          <ac:chgData name="Julie Silec" userId="e33c71f4-39da-440f-a9cb-d0438fa229f2" providerId="ADAL" clId="{21267095-89F9-5716-A2A1-81A29FD6C046}" dt="2026-05-21T00:23:26.441" v="321"/>
          <ac:spMkLst>
            <pc:docMk/>
            <pc:sldMk cId="2083774137" sldId="525"/>
            <ac:spMk id="173" creationId="{EA0D81DF-24ED-D3EC-1FA3-8C30265EB321}"/>
          </ac:spMkLst>
        </pc:spChg>
        <pc:spChg chg="mod">
          <ac:chgData name="Julie Silec" userId="e33c71f4-39da-440f-a9cb-d0438fa229f2" providerId="ADAL" clId="{21267095-89F9-5716-A2A1-81A29FD6C046}" dt="2026-05-21T00:23:26.441" v="321"/>
          <ac:spMkLst>
            <pc:docMk/>
            <pc:sldMk cId="2083774137" sldId="525"/>
            <ac:spMk id="174" creationId="{FFE49AC1-4BCE-EAAB-CD7E-D9446494DD7A}"/>
          </ac:spMkLst>
        </pc:spChg>
        <pc:spChg chg="mod">
          <ac:chgData name="Julie Silec" userId="e33c71f4-39da-440f-a9cb-d0438fa229f2" providerId="ADAL" clId="{21267095-89F9-5716-A2A1-81A29FD6C046}" dt="2026-05-21T00:23:26.441" v="321"/>
          <ac:spMkLst>
            <pc:docMk/>
            <pc:sldMk cId="2083774137" sldId="525"/>
            <ac:spMk id="175" creationId="{822D79EE-E0A2-C5F2-D7A2-35DB0568B9B0}"/>
          </ac:spMkLst>
        </pc:spChg>
        <pc:spChg chg="mod">
          <ac:chgData name="Julie Silec" userId="e33c71f4-39da-440f-a9cb-d0438fa229f2" providerId="ADAL" clId="{21267095-89F9-5716-A2A1-81A29FD6C046}" dt="2026-05-21T00:23:26.441" v="321"/>
          <ac:spMkLst>
            <pc:docMk/>
            <pc:sldMk cId="2083774137" sldId="525"/>
            <ac:spMk id="176" creationId="{C80E4266-7BC9-C13F-36C3-A70E4BD76DA9}"/>
          </ac:spMkLst>
        </pc:spChg>
        <pc:spChg chg="mod">
          <ac:chgData name="Julie Silec" userId="e33c71f4-39da-440f-a9cb-d0438fa229f2" providerId="ADAL" clId="{21267095-89F9-5716-A2A1-81A29FD6C046}" dt="2026-05-21T00:23:26.441" v="321"/>
          <ac:spMkLst>
            <pc:docMk/>
            <pc:sldMk cId="2083774137" sldId="525"/>
            <ac:spMk id="177" creationId="{117A0E6C-41E1-7315-80A1-F7CC9E07677A}"/>
          </ac:spMkLst>
        </pc:spChg>
        <pc:spChg chg="mod">
          <ac:chgData name="Julie Silec" userId="e33c71f4-39da-440f-a9cb-d0438fa229f2" providerId="ADAL" clId="{21267095-89F9-5716-A2A1-81A29FD6C046}" dt="2026-05-21T00:23:26.441" v="321"/>
          <ac:spMkLst>
            <pc:docMk/>
            <pc:sldMk cId="2083774137" sldId="525"/>
            <ac:spMk id="180" creationId="{29A6D21B-1FFD-6EE0-74D2-691EA18F69B5}"/>
          </ac:spMkLst>
        </pc:spChg>
        <pc:spChg chg="mod">
          <ac:chgData name="Julie Silec" userId="e33c71f4-39da-440f-a9cb-d0438fa229f2" providerId="ADAL" clId="{21267095-89F9-5716-A2A1-81A29FD6C046}" dt="2026-05-21T00:23:26.441" v="321"/>
          <ac:spMkLst>
            <pc:docMk/>
            <pc:sldMk cId="2083774137" sldId="525"/>
            <ac:spMk id="181" creationId="{BD98AEC5-17B9-0CE6-E73E-FD6ACE46CAB6}"/>
          </ac:spMkLst>
        </pc:spChg>
        <pc:spChg chg="mod">
          <ac:chgData name="Julie Silec" userId="e33c71f4-39da-440f-a9cb-d0438fa229f2" providerId="ADAL" clId="{21267095-89F9-5716-A2A1-81A29FD6C046}" dt="2026-05-21T00:23:26.441" v="321"/>
          <ac:spMkLst>
            <pc:docMk/>
            <pc:sldMk cId="2083774137" sldId="525"/>
            <ac:spMk id="182" creationId="{44016EAE-1189-C9BA-A3AA-2460557ED832}"/>
          </ac:spMkLst>
        </pc:spChg>
        <pc:spChg chg="mod">
          <ac:chgData name="Julie Silec" userId="e33c71f4-39da-440f-a9cb-d0438fa229f2" providerId="ADAL" clId="{21267095-89F9-5716-A2A1-81A29FD6C046}" dt="2026-05-21T00:23:29.511" v="323"/>
          <ac:spMkLst>
            <pc:docMk/>
            <pc:sldMk cId="2083774137" sldId="525"/>
            <ac:spMk id="184" creationId="{4E6DB251-319C-021D-D732-72F60E2FAAF8}"/>
          </ac:spMkLst>
        </pc:spChg>
        <pc:spChg chg="mod">
          <ac:chgData name="Julie Silec" userId="e33c71f4-39da-440f-a9cb-d0438fa229f2" providerId="ADAL" clId="{21267095-89F9-5716-A2A1-81A29FD6C046}" dt="2026-05-21T00:23:29.511" v="323"/>
          <ac:spMkLst>
            <pc:docMk/>
            <pc:sldMk cId="2083774137" sldId="525"/>
            <ac:spMk id="186" creationId="{95A32326-435F-2CEE-5BD3-489649BBAA4C}"/>
          </ac:spMkLst>
        </pc:spChg>
        <pc:spChg chg="mod">
          <ac:chgData name="Julie Silec" userId="e33c71f4-39da-440f-a9cb-d0438fa229f2" providerId="ADAL" clId="{21267095-89F9-5716-A2A1-81A29FD6C046}" dt="2026-05-21T00:23:29.511" v="323"/>
          <ac:spMkLst>
            <pc:docMk/>
            <pc:sldMk cId="2083774137" sldId="525"/>
            <ac:spMk id="187" creationId="{FD795B22-DBF8-358D-374D-879AC10D85DC}"/>
          </ac:spMkLst>
        </pc:spChg>
        <pc:spChg chg="mod">
          <ac:chgData name="Julie Silec" userId="e33c71f4-39da-440f-a9cb-d0438fa229f2" providerId="ADAL" clId="{21267095-89F9-5716-A2A1-81A29FD6C046}" dt="2026-05-21T00:23:29.511" v="323"/>
          <ac:spMkLst>
            <pc:docMk/>
            <pc:sldMk cId="2083774137" sldId="525"/>
            <ac:spMk id="189" creationId="{1123F229-90CC-882A-088C-DC49845D8863}"/>
          </ac:spMkLst>
        </pc:spChg>
        <pc:spChg chg="mod">
          <ac:chgData name="Julie Silec" userId="e33c71f4-39da-440f-a9cb-d0438fa229f2" providerId="ADAL" clId="{21267095-89F9-5716-A2A1-81A29FD6C046}" dt="2026-05-21T00:23:29.511" v="323"/>
          <ac:spMkLst>
            <pc:docMk/>
            <pc:sldMk cId="2083774137" sldId="525"/>
            <ac:spMk id="190" creationId="{F831F0C4-95E1-7100-A013-1E2D7E3AF845}"/>
          </ac:spMkLst>
        </pc:spChg>
        <pc:spChg chg="mod">
          <ac:chgData name="Julie Silec" userId="e33c71f4-39da-440f-a9cb-d0438fa229f2" providerId="ADAL" clId="{21267095-89F9-5716-A2A1-81A29FD6C046}" dt="2026-05-21T00:23:29.511" v="323"/>
          <ac:spMkLst>
            <pc:docMk/>
            <pc:sldMk cId="2083774137" sldId="525"/>
            <ac:spMk id="191" creationId="{013898EB-811F-ED2B-0F80-D3914BA96500}"/>
          </ac:spMkLst>
        </pc:spChg>
        <pc:spChg chg="mod">
          <ac:chgData name="Julie Silec" userId="e33c71f4-39da-440f-a9cb-d0438fa229f2" providerId="ADAL" clId="{21267095-89F9-5716-A2A1-81A29FD6C046}" dt="2026-05-21T00:23:29.511" v="323"/>
          <ac:spMkLst>
            <pc:docMk/>
            <pc:sldMk cId="2083774137" sldId="525"/>
            <ac:spMk id="193" creationId="{A170C4A7-B257-3A1E-0974-3D6B1A0705EE}"/>
          </ac:spMkLst>
        </pc:spChg>
        <pc:spChg chg="mod">
          <ac:chgData name="Julie Silec" userId="e33c71f4-39da-440f-a9cb-d0438fa229f2" providerId="ADAL" clId="{21267095-89F9-5716-A2A1-81A29FD6C046}" dt="2026-05-21T00:23:29.511" v="323"/>
          <ac:spMkLst>
            <pc:docMk/>
            <pc:sldMk cId="2083774137" sldId="525"/>
            <ac:spMk id="194" creationId="{0AB95F1C-46B5-3B52-1D06-8D3250A1C901}"/>
          </ac:spMkLst>
        </pc:spChg>
        <pc:spChg chg="mod">
          <ac:chgData name="Julie Silec" userId="e33c71f4-39da-440f-a9cb-d0438fa229f2" providerId="ADAL" clId="{21267095-89F9-5716-A2A1-81A29FD6C046}" dt="2026-05-21T00:23:29.511" v="323"/>
          <ac:spMkLst>
            <pc:docMk/>
            <pc:sldMk cId="2083774137" sldId="525"/>
            <ac:spMk id="196" creationId="{B500165A-B37C-1A27-E2B8-CA2B2F44DC24}"/>
          </ac:spMkLst>
        </pc:spChg>
        <pc:spChg chg="mod">
          <ac:chgData name="Julie Silec" userId="e33c71f4-39da-440f-a9cb-d0438fa229f2" providerId="ADAL" clId="{21267095-89F9-5716-A2A1-81A29FD6C046}" dt="2026-05-21T00:23:29.511" v="323"/>
          <ac:spMkLst>
            <pc:docMk/>
            <pc:sldMk cId="2083774137" sldId="525"/>
            <ac:spMk id="197" creationId="{49D5DF9C-3132-81B2-2331-60BE5BF84C10}"/>
          </ac:spMkLst>
        </pc:spChg>
        <pc:spChg chg="mod">
          <ac:chgData name="Julie Silec" userId="e33c71f4-39da-440f-a9cb-d0438fa229f2" providerId="ADAL" clId="{21267095-89F9-5716-A2A1-81A29FD6C046}" dt="2026-05-21T00:23:33.235" v="325"/>
          <ac:spMkLst>
            <pc:docMk/>
            <pc:sldMk cId="2083774137" sldId="525"/>
            <ac:spMk id="201" creationId="{FD2D374E-9E71-0F0B-4C01-C27A07F6FE7D}"/>
          </ac:spMkLst>
        </pc:spChg>
        <pc:spChg chg="mod">
          <ac:chgData name="Julie Silec" userId="e33c71f4-39da-440f-a9cb-d0438fa229f2" providerId="ADAL" clId="{21267095-89F9-5716-A2A1-81A29FD6C046}" dt="2026-05-21T00:23:33.235" v="325"/>
          <ac:spMkLst>
            <pc:docMk/>
            <pc:sldMk cId="2083774137" sldId="525"/>
            <ac:spMk id="202" creationId="{FFEAFA95-0D21-0D3E-EDF7-65D515EEBB4B}"/>
          </ac:spMkLst>
        </pc:spChg>
        <pc:spChg chg="mod">
          <ac:chgData name="Julie Silec" userId="e33c71f4-39da-440f-a9cb-d0438fa229f2" providerId="ADAL" clId="{21267095-89F9-5716-A2A1-81A29FD6C046}" dt="2026-05-21T00:23:33.235" v="325"/>
          <ac:spMkLst>
            <pc:docMk/>
            <pc:sldMk cId="2083774137" sldId="525"/>
            <ac:spMk id="203" creationId="{8D0AB8FE-1D5A-CBB2-236E-534B9DE839CC}"/>
          </ac:spMkLst>
        </pc:spChg>
        <pc:spChg chg="mod">
          <ac:chgData name="Julie Silec" userId="e33c71f4-39da-440f-a9cb-d0438fa229f2" providerId="ADAL" clId="{21267095-89F9-5716-A2A1-81A29FD6C046}" dt="2026-05-21T00:23:33.235" v="325"/>
          <ac:spMkLst>
            <pc:docMk/>
            <pc:sldMk cId="2083774137" sldId="525"/>
            <ac:spMk id="204" creationId="{F082A3CE-8739-5B44-8B1D-CC58F9B82DB2}"/>
          </ac:spMkLst>
        </pc:spChg>
        <pc:spChg chg="mod">
          <ac:chgData name="Julie Silec" userId="e33c71f4-39da-440f-a9cb-d0438fa229f2" providerId="ADAL" clId="{21267095-89F9-5716-A2A1-81A29FD6C046}" dt="2026-05-21T00:23:33.235" v="325"/>
          <ac:spMkLst>
            <pc:docMk/>
            <pc:sldMk cId="2083774137" sldId="525"/>
            <ac:spMk id="205" creationId="{256FCE57-B24A-6B6E-8480-58A9B8671805}"/>
          </ac:spMkLst>
        </pc:spChg>
        <pc:spChg chg="mod">
          <ac:chgData name="Julie Silec" userId="e33c71f4-39da-440f-a9cb-d0438fa229f2" providerId="ADAL" clId="{21267095-89F9-5716-A2A1-81A29FD6C046}" dt="2026-05-21T00:23:33.235" v="325"/>
          <ac:spMkLst>
            <pc:docMk/>
            <pc:sldMk cId="2083774137" sldId="525"/>
            <ac:spMk id="206" creationId="{828DA39F-B733-0E22-B307-89B052144B47}"/>
          </ac:spMkLst>
        </pc:spChg>
        <pc:spChg chg="mod">
          <ac:chgData name="Julie Silec" userId="e33c71f4-39da-440f-a9cb-d0438fa229f2" providerId="ADAL" clId="{21267095-89F9-5716-A2A1-81A29FD6C046}" dt="2026-05-21T00:23:33.235" v="325"/>
          <ac:spMkLst>
            <pc:docMk/>
            <pc:sldMk cId="2083774137" sldId="525"/>
            <ac:spMk id="209" creationId="{8A2DF306-FECB-5430-E06B-7B2F187E6E0B}"/>
          </ac:spMkLst>
        </pc:spChg>
        <pc:spChg chg="mod">
          <ac:chgData name="Julie Silec" userId="e33c71f4-39da-440f-a9cb-d0438fa229f2" providerId="ADAL" clId="{21267095-89F9-5716-A2A1-81A29FD6C046}" dt="2026-05-21T00:23:33.235" v="325"/>
          <ac:spMkLst>
            <pc:docMk/>
            <pc:sldMk cId="2083774137" sldId="525"/>
            <ac:spMk id="210" creationId="{F41C65B5-5175-B54E-7C71-FFF965525514}"/>
          </ac:spMkLst>
        </pc:spChg>
        <pc:spChg chg="mod">
          <ac:chgData name="Julie Silec" userId="e33c71f4-39da-440f-a9cb-d0438fa229f2" providerId="ADAL" clId="{21267095-89F9-5716-A2A1-81A29FD6C046}" dt="2026-05-21T00:23:33.235" v="325"/>
          <ac:spMkLst>
            <pc:docMk/>
            <pc:sldMk cId="2083774137" sldId="525"/>
            <ac:spMk id="211" creationId="{A1ED19C0-FCE1-9EA2-98FD-710C91243BC7}"/>
          </ac:spMkLst>
        </pc:spChg>
        <pc:spChg chg="mod">
          <ac:chgData name="Julie Silec" userId="e33c71f4-39da-440f-a9cb-d0438fa229f2" providerId="ADAL" clId="{21267095-89F9-5716-A2A1-81A29FD6C046}" dt="2026-05-21T00:23:33.235" v="325"/>
          <ac:spMkLst>
            <pc:docMk/>
            <pc:sldMk cId="2083774137" sldId="525"/>
            <ac:spMk id="212" creationId="{DA93CEA9-7F02-DB4C-E3E1-7EEC7936076C}"/>
          </ac:spMkLst>
        </pc:spChg>
        <pc:spChg chg="mod topLvl">
          <ac:chgData name="Julie Silec" userId="e33c71f4-39da-440f-a9cb-d0438fa229f2" providerId="ADAL" clId="{21267095-89F9-5716-A2A1-81A29FD6C046}" dt="2026-05-21T00:24:30.014" v="342" actId="164"/>
          <ac:spMkLst>
            <pc:docMk/>
            <pc:sldMk cId="2083774137" sldId="525"/>
            <ac:spMk id="214" creationId="{049D0A27-BF05-5F5E-970C-CCE57CDE5796}"/>
          </ac:spMkLst>
        </pc:spChg>
        <pc:spChg chg="mod">
          <ac:chgData name="Julie Silec" userId="e33c71f4-39da-440f-a9cb-d0438fa229f2" providerId="ADAL" clId="{21267095-89F9-5716-A2A1-81A29FD6C046}" dt="2026-05-21T00:24:10.473" v="336" actId="165"/>
          <ac:spMkLst>
            <pc:docMk/>
            <pc:sldMk cId="2083774137" sldId="525"/>
            <ac:spMk id="216" creationId="{2A7E6766-12D5-A304-412F-92F2B9B81F56}"/>
          </ac:spMkLst>
        </pc:spChg>
        <pc:spChg chg="mod">
          <ac:chgData name="Julie Silec" userId="e33c71f4-39da-440f-a9cb-d0438fa229f2" providerId="ADAL" clId="{21267095-89F9-5716-A2A1-81A29FD6C046}" dt="2026-05-21T00:24:10.473" v="336" actId="165"/>
          <ac:spMkLst>
            <pc:docMk/>
            <pc:sldMk cId="2083774137" sldId="525"/>
            <ac:spMk id="217" creationId="{2B0EEA63-BCA6-82D6-47A5-AAC9208FA94C}"/>
          </ac:spMkLst>
        </pc:spChg>
        <pc:spChg chg="mod">
          <ac:chgData name="Julie Silec" userId="e33c71f4-39da-440f-a9cb-d0438fa229f2" providerId="ADAL" clId="{21267095-89F9-5716-A2A1-81A29FD6C046}" dt="2026-05-21T00:24:10.473" v="336" actId="165"/>
          <ac:spMkLst>
            <pc:docMk/>
            <pc:sldMk cId="2083774137" sldId="525"/>
            <ac:spMk id="218" creationId="{53DA408A-07F4-9D1A-2610-8F12D35A0394}"/>
          </ac:spMkLst>
        </pc:spChg>
        <pc:spChg chg="mod">
          <ac:chgData name="Julie Silec" userId="e33c71f4-39da-440f-a9cb-d0438fa229f2" providerId="ADAL" clId="{21267095-89F9-5716-A2A1-81A29FD6C046}" dt="2026-05-21T00:24:10.473" v="336" actId="165"/>
          <ac:spMkLst>
            <pc:docMk/>
            <pc:sldMk cId="2083774137" sldId="525"/>
            <ac:spMk id="219" creationId="{6A797314-489B-8272-F860-842F54B837E0}"/>
          </ac:spMkLst>
        </pc:spChg>
        <pc:spChg chg="mod">
          <ac:chgData name="Julie Silec" userId="e33c71f4-39da-440f-a9cb-d0438fa229f2" providerId="ADAL" clId="{21267095-89F9-5716-A2A1-81A29FD6C046}" dt="2026-05-21T00:24:10.473" v="336" actId="165"/>
          <ac:spMkLst>
            <pc:docMk/>
            <pc:sldMk cId="2083774137" sldId="525"/>
            <ac:spMk id="220" creationId="{A6FB1EF5-326D-2A4B-0F9B-796FA1B2D27A}"/>
          </ac:spMkLst>
        </pc:spChg>
        <pc:spChg chg="mod">
          <ac:chgData name="Julie Silec" userId="e33c71f4-39da-440f-a9cb-d0438fa229f2" providerId="ADAL" clId="{21267095-89F9-5716-A2A1-81A29FD6C046}" dt="2026-05-21T00:24:10.473" v="336" actId="165"/>
          <ac:spMkLst>
            <pc:docMk/>
            <pc:sldMk cId="2083774137" sldId="525"/>
            <ac:spMk id="222" creationId="{1E6AC3C2-4634-3E07-6C57-6C1F39BCF10C}"/>
          </ac:spMkLst>
        </pc:spChg>
        <pc:spChg chg="mod">
          <ac:chgData name="Julie Silec" userId="e33c71f4-39da-440f-a9cb-d0438fa229f2" providerId="ADAL" clId="{21267095-89F9-5716-A2A1-81A29FD6C046}" dt="2026-05-21T00:24:10.473" v="336" actId="165"/>
          <ac:spMkLst>
            <pc:docMk/>
            <pc:sldMk cId="2083774137" sldId="525"/>
            <ac:spMk id="223" creationId="{A1C8EE55-FA14-F8AD-0BCB-DD4D317F656F}"/>
          </ac:spMkLst>
        </pc:spChg>
        <pc:spChg chg="mod">
          <ac:chgData name="Julie Silec" userId="e33c71f4-39da-440f-a9cb-d0438fa229f2" providerId="ADAL" clId="{21267095-89F9-5716-A2A1-81A29FD6C046}" dt="2026-05-21T00:24:10.473" v="336" actId="165"/>
          <ac:spMkLst>
            <pc:docMk/>
            <pc:sldMk cId="2083774137" sldId="525"/>
            <ac:spMk id="226" creationId="{D2044B27-931B-FEC7-8278-94869D41A996}"/>
          </ac:spMkLst>
        </pc:spChg>
        <pc:spChg chg="mod">
          <ac:chgData name="Julie Silec" userId="e33c71f4-39da-440f-a9cb-d0438fa229f2" providerId="ADAL" clId="{21267095-89F9-5716-A2A1-81A29FD6C046}" dt="2026-05-21T00:24:10.473" v="336" actId="165"/>
          <ac:spMkLst>
            <pc:docMk/>
            <pc:sldMk cId="2083774137" sldId="525"/>
            <ac:spMk id="227" creationId="{D307B691-D98D-F293-07B2-FBCDE973C9FF}"/>
          </ac:spMkLst>
        </pc:spChg>
        <pc:spChg chg="add del mod">
          <ac:chgData name="Julie Silec" userId="e33c71f4-39da-440f-a9cb-d0438fa229f2" providerId="ADAL" clId="{21267095-89F9-5716-A2A1-81A29FD6C046}" dt="2026-05-21T00:25:42.272" v="363" actId="478"/>
          <ac:spMkLst>
            <pc:docMk/>
            <pc:sldMk cId="2083774137" sldId="525"/>
            <ac:spMk id="229" creationId="{E0180AAB-EEDC-A4CF-D920-DF54AF1B85F9}"/>
          </ac:spMkLst>
        </pc:spChg>
        <pc:spChg chg="mod">
          <ac:chgData name="Julie Silec" userId="e33c71f4-39da-440f-a9cb-d0438fa229f2" providerId="ADAL" clId="{21267095-89F9-5716-A2A1-81A29FD6C046}" dt="2026-05-21T00:25:50.604" v="367"/>
          <ac:spMkLst>
            <pc:docMk/>
            <pc:sldMk cId="2083774137" sldId="525"/>
            <ac:spMk id="233" creationId="{56DF1BAD-315A-2746-386F-CF242F97D77A}"/>
          </ac:spMkLst>
        </pc:spChg>
        <pc:spChg chg="mod">
          <ac:chgData name="Julie Silec" userId="e33c71f4-39da-440f-a9cb-d0438fa229f2" providerId="ADAL" clId="{21267095-89F9-5716-A2A1-81A29FD6C046}" dt="2026-05-21T00:25:50.604" v="367"/>
          <ac:spMkLst>
            <pc:docMk/>
            <pc:sldMk cId="2083774137" sldId="525"/>
            <ac:spMk id="234" creationId="{01F56C73-F414-F662-272E-966FFBA96956}"/>
          </ac:spMkLst>
        </pc:spChg>
        <pc:spChg chg="mod">
          <ac:chgData name="Julie Silec" userId="e33c71f4-39da-440f-a9cb-d0438fa229f2" providerId="ADAL" clId="{21267095-89F9-5716-A2A1-81A29FD6C046}" dt="2026-05-21T00:25:50.604" v="367"/>
          <ac:spMkLst>
            <pc:docMk/>
            <pc:sldMk cId="2083774137" sldId="525"/>
            <ac:spMk id="235" creationId="{3DC0A4AE-892E-4CDC-E9C1-7EA79FF44BB1}"/>
          </ac:spMkLst>
        </pc:spChg>
        <pc:spChg chg="mod">
          <ac:chgData name="Julie Silec" userId="e33c71f4-39da-440f-a9cb-d0438fa229f2" providerId="ADAL" clId="{21267095-89F9-5716-A2A1-81A29FD6C046}" dt="2026-05-21T00:25:50.604" v="367"/>
          <ac:spMkLst>
            <pc:docMk/>
            <pc:sldMk cId="2083774137" sldId="525"/>
            <ac:spMk id="237" creationId="{1AE339C8-98FE-3FA7-5246-8118A39AC95B}"/>
          </ac:spMkLst>
        </pc:spChg>
        <pc:spChg chg="mod">
          <ac:chgData name="Julie Silec" userId="e33c71f4-39da-440f-a9cb-d0438fa229f2" providerId="ADAL" clId="{21267095-89F9-5716-A2A1-81A29FD6C046}" dt="2026-05-21T00:25:50.604" v="367"/>
          <ac:spMkLst>
            <pc:docMk/>
            <pc:sldMk cId="2083774137" sldId="525"/>
            <ac:spMk id="240" creationId="{10DD83CB-A8DF-0952-0E82-A0F0ED1CFBD4}"/>
          </ac:spMkLst>
        </pc:spChg>
        <pc:spChg chg="mod">
          <ac:chgData name="Julie Silec" userId="e33c71f4-39da-440f-a9cb-d0438fa229f2" providerId="ADAL" clId="{21267095-89F9-5716-A2A1-81A29FD6C046}" dt="2026-05-21T00:25:50.604" v="367"/>
          <ac:spMkLst>
            <pc:docMk/>
            <pc:sldMk cId="2083774137" sldId="525"/>
            <ac:spMk id="241" creationId="{33A4539F-F851-5830-A3B6-CD81B0FAC690}"/>
          </ac:spMkLst>
        </pc:spChg>
        <pc:spChg chg="mod">
          <ac:chgData name="Julie Silec" userId="e33c71f4-39da-440f-a9cb-d0438fa229f2" providerId="ADAL" clId="{21267095-89F9-5716-A2A1-81A29FD6C046}" dt="2026-05-21T00:25:50.604" v="367"/>
          <ac:spMkLst>
            <pc:docMk/>
            <pc:sldMk cId="2083774137" sldId="525"/>
            <ac:spMk id="243" creationId="{C07E82E2-0D58-F954-E764-686C4B026E25}"/>
          </ac:spMkLst>
        </pc:spChg>
        <pc:spChg chg="mod">
          <ac:chgData name="Julie Silec" userId="e33c71f4-39da-440f-a9cb-d0438fa229f2" providerId="ADAL" clId="{21267095-89F9-5716-A2A1-81A29FD6C046}" dt="2026-05-21T00:25:50.604" v="367"/>
          <ac:spMkLst>
            <pc:docMk/>
            <pc:sldMk cId="2083774137" sldId="525"/>
            <ac:spMk id="244" creationId="{5ED794E6-B274-8211-7145-7390B2A96108}"/>
          </ac:spMkLst>
        </pc:spChg>
        <pc:spChg chg="mod">
          <ac:chgData name="Julie Silec" userId="e33c71f4-39da-440f-a9cb-d0438fa229f2" providerId="ADAL" clId="{21267095-89F9-5716-A2A1-81A29FD6C046}" dt="2026-05-21T00:25:50.604" v="367"/>
          <ac:spMkLst>
            <pc:docMk/>
            <pc:sldMk cId="2083774137" sldId="525"/>
            <ac:spMk id="245" creationId="{A217163F-D478-706D-DA53-AED79639BEBC}"/>
          </ac:spMkLst>
        </pc:spChg>
        <pc:spChg chg="mod">
          <ac:chgData name="Julie Silec" userId="e33c71f4-39da-440f-a9cb-d0438fa229f2" providerId="ADAL" clId="{21267095-89F9-5716-A2A1-81A29FD6C046}" dt="2026-05-21T00:25:50.604" v="367"/>
          <ac:spMkLst>
            <pc:docMk/>
            <pc:sldMk cId="2083774137" sldId="525"/>
            <ac:spMk id="248" creationId="{DAD6CB3F-82AA-7306-CD08-0BA72A26AE23}"/>
          </ac:spMkLst>
        </pc:spChg>
        <pc:spChg chg="mod">
          <ac:chgData name="Julie Silec" userId="e33c71f4-39da-440f-a9cb-d0438fa229f2" providerId="ADAL" clId="{21267095-89F9-5716-A2A1-81A29FD6C046}" dt="2026-05-21T00:25:53.878" v="369"/>
          <ac:spMkLst>
            <pc:docMk/>
            <pc:sldMk cId="2083774137" sldId="525"/>
            <ac:spMk id="252" creationId="{E4E22F44-29B6-1AE3-5B9D-A9736EBEEC8B}"/>
          </ac:spMkLst>
        </pc:spChg>
        <pc:spChg chg="mod">
          <ac:chgData name="Julie Silec" userId="e33c71f4-39da-440f-a9cb-d0438fa229f2" providerId="ADAL" clId="{21267095-89F9-5716-A2A1-81A29FD6C046}" dt="2026-05-21T00:25:53.878" v="369"/>
          <ac:spMkLst>
            <pc:docMk/>
            <pc:sldMk cId="2083774137" sldId="525"/>
            <ac:spMk id="254" creationId="{60FF923B-BFAB-093E-2F61-C4D006DC24BD}"/>
          </ac:spMkLst>
        </pc:spChg>
        <pc:spChg chg="mod">
          <ac:chgData name="Julie Silec" userId="e33c71f4-39da-440f-a9cb-d0438fa229f2" providerId="ADAL" clId="{21267095-89F9-5716-A2A1-81A29FD6C046}" dt="2026-05-21T00:25:53.878" v="369"/>
          <ac:spMkLst>
            <pc:docMk/>
            <pc:sldMk cId="2083774137" sldId="525"/>
            <ac:spMk id="255" creationId="{27B9A6D5-1263-3ABE-6DDD-5E4B0329AEC1}"/>
          </ac:spMkLst>
        </pc:spChg>
        <pc:spChg chg="mod">
          <ac:chgData name="Julie Silec" userId="e33c71f4-39da-440f-a9cb-d0438fa229f2" providerId="ADAL" clId="{21267095-89F9-5716-A2A1-81A29FD6C046}" dt="2026-05-21T00:25:53.878" v="369"/>
          <ac:spMkLst>
            <pc:docMk/>
            <pc:sldMk cId="2083774137" sldId="525"/>
            <ac:spMk id="257" creationId="{291463D2-9150-3F76-3728-4CDD4C18479E}"/>
          </ac:spMkLst>
        </pc:spChg>
        <pc:spChg chg="mod">
          <ac:chgData name="Julie Silec" userId="e33c71f4-39da-440f-a9cb-d0438fa229f2" providerId="ADAL" clId="{21267095-89F9-5716-A2A1-81A29FD6C046}" dt="2026-05-21T00:25:53.878" v="369"/>
          <ac:spMkLst>
            <pc:docMk/>
            <pc:sldMk cId="2083774137" sldId="525"/>
            <ac:spMk id="258" creationId="{245E4CAD-9F5E-C9F5-2D95-132D9A990BE9}"/>
          </ac:spMkLst>
        </pc:spChg>
        <pc:spChg chg="mod">
          <ac:chgData name="Julie Silec" userId="e33c71f4-39da-440f-a9cb-d0438fa229f2" providerId="ADAL" clId="{21267095-89F9-5716-A2A1-81A29FD6C046}" dt="2026-05-21T00:25:53.878" v="369"/>
          <ac:spMkLst>
            <pc:docMk/>
            <pc:sldMk cId="2083774137" sldId="525"/>
            <ac:spMk id="262" creationId="{C4462402-3943-89A9-D0DA-A7A1D1376B35}"/>
          </ac:spMkLst>
        </pc:spChg>
        <pc:spChg chg="mod">
          <ac:chgData name="Julie Silec" userId="e33c71f4-39da-440f-a9cb-d0438fa229f2" providerId="ADAL" clId="{21267095-89F9-5716-A2A1-81A29FD6C046}" dt="2026-05-21T00:25:53.878" v="369"/>
          <ac:spMkLst>
            <pc:docMk/>
            <pc:sldMk cId="2083774137" sldId="525"/>
            <ac:spMk id="265" creationId="{7EED85D1-B2F5-0DDB-B1B7-C0A446FA5AEB}"/>
          </ac:spMkLst>
        </pc:spChg>
        <pc:spChg chg="mod">
          <ac:chgData name="Julie Silec" userId="e33c71f4-39da-440f-a9cb-d0438fa229f2" providerId="ADAL" clId="{21267095-89F9-5716-A2A1-81A29FD6C046}" dt="2026-05-21T00:25:53.878" v="369"/>
          <ac:spMkLst>
            <pc:docMk/>
            <pc:sldMk cId="2083774137" sldId="525"/>
            <ac:spMk id="269" creationId="{CFE3BAA5-CEDF-AD5A-6BF6-7918CE33D677}"/>
          </ac:spMkLst>
        </pc:spChg>
        <pc:spChg chg="mod">
          <ac:chgData name="Julie Silec" userId="e33c71f4-39da-440f-a9cb-d0438fa229f2" providerId="ADAL" clId="{21267095-89F9-5716-A2A1-81A29FD6C046}" dt="2026-05-21T00:25:53.878" v="369"/>
          <ac:spMkLst>
            <pc:docMk/>
            <pc:sldMk cId="2083774137" sldId="525"/>
            <ac:spMk id="270" creationId="{26A85C33-6628-14AA-67C8-86F648145E11}"/>
          </ac:spMkLst>
        </pc:spChg>
        <pc:spChg chg="mod">
          <ac:chgData name="Julie Silec" userId="e33c71f4-39da-440f-a9cb-d0438fa229f2" providerId="ADAL" clId="{21267095-89F9-5716-A2A1-81A29FD6C046}" dt="2026-05-21T00:25:53.878" v="369"/>
          <ac:spMkLst>
            <pc:docMk/>
            <pc:sldMk cId="2083774137" sldId="525"/>
            <ac:spMk id="271" creationId="{C0CB9DD0-34B8-A0A8-9353-EF4535915BAC}"/>
          </ac:spMkLst>
        </pc:spChg>
        <pc:spChg chg="mod">
          <ac:chgData name="Julie Silec" userId="e33c71f4-39da-440f-a9cb-d0438fa229f2" providerId="ADAL" clId="{21267095-89F9-5716-A2A1-81A29FD6C046}" dt="2026-05-21T00:25:57.068" v="371"/>
          <ac:spMkLst>
            <pc:docMk/>
            <pc:sldMk cId="2083774137" sldId="525"/>
            <ac:spMk id="275" creationId="{032488F2-967A-FE11-ADF2-0EDC50F45F83}"/>
          </ac:spMkLst>
        </pc:spChg>
        <pc:spChg chg="mod">
          <ac:chgData name="Julie Silec" userId="e33c71f4-39da-440f-a9cb-d0438fa229f2" providerId="ADAL" clId="{21267095-89F9-5716-A2A1-81A29FD6C046}" dt="2026-05-21T00:25:57.068" v="371"/>
          <ac:spMkLst>
            <pc:docMk/>
            <pc:sldMk cId="2083774137" sldId="525"/>
            <ac:spMk id="276" creationId="{25ACDA38-CD0B-E13F-17C4-5979A6ABE880}"/>
          </ac:spMkLst>
        </pc:spChg>
        <pc:spChg chg="mod">
          <ac:chgData name="Julie Silec" userId="e33c71f4-39da-440f-a9cb-d0438fa229f2" providerId="ADAL" clId="{21267095-89F9-5716-A2A1-81A29FD6C046}" dt="2026-05-21T00:25:57.068" v="371"/>
          <ac:spMkLst>
            <pc:docMk/>
            <pc:sldMk cId="2083774137" sldId="525"/>
            <ac:spMk id="277" creationId="{3AFCF621-3375-A19F-DED5-730D41558857}"/>
          </ac:spMkLst>
        </pc:spChg>
        <pc:spChg chg="mod">
          <ac:chgData name="Julie Silec" userId="e33c71f4-39da-440f-a9cb-d0438fa229f2" providerId="ADAL" clId="{21267095-89F9-5716-A2A1-81A29FD6C046}" dt="2026-05-21T00:25:57.068" v="371"/>
          <ac:spMkLst>
            <pc:docMk/>
            <pc:sldMk cId="2083774137" sldId="525"/>
            <ac:spMk id="278" creationId="{285A4B3A-559E-FDF3-E8E2-AAB00D9E771A}"/>
          </ac:spMkLst>
        </pc:spChg>
        <pc:spChg chg="mod">
          <ac:chgData name="Julie Silec" userId="e33c71f4-39da-440f-a9cb-d0438fa229f2" providerId="ADAL" clId="{21267095-89F9-5716-A2A1-81A29FD6C046}" dt="2026-05-21T00:25:57.068" v="371"/>
          <ac:spMkLst>
            <pc:docMk/>
            <pc:sldMk cId="2083774137" sldId="525"/>
            <ac:spMk id="279" creationId="{9707772A-9F0B-AF1F-7CD8-0B7FCE9B29DF}"/>
          </ac:spMkLst>
        </pc:spChg>
        <pc:spChg chg="mod">
          <ac:chgData name="Julie Silec" userId="e33c71f4-39da-440f-a9cb-d0438fa229f2" providerId="ADAL" clId="{21267095-89F9-5716-A2A1-81A29FD6C046}" dt="2026-05-21T00:25:57.068" v="371"/>
          <ac:spMkLst>
            <pc:docMk/>
            <pc:sldMk cId="2083774137" sldId="525"/>
            <ac:spMk id="280" creationId="{28F35E0F-D9A3-68F9-B7C5-F6386F2AA89C}"/>
          </ac:spMkLst>
        </pc:spChg>
        <pc:spChg chg="mod">
          <ac:chgData name="Julie Silec" userId="e33c71f4-39da-440f-a9cb-d0438fa229f2" providerId="ADAL" clId="{21267095-89F9-5716-A2A1-81A29FD6C046}" dt="2026-05-21T00:25:57.068" v="371"/>
          <ac:spMkLst>
            <pc:docMk/>
            <pc:sldMk cId="2083774137" sldId="525"/>
            <ac:spMk id="287" creationId="{7F7EE05F-FAF5-EFD8-E21E-C3541BE3AE7F}"/>
          </ac:spMkLst>
        </pc:spChg>
        <pc:spChg chg="mod">
          <ac:chgData name="Julie Silec" userId="e33c71f4-39da-440f-a9cb-d0438fa229f2" providerId="ADAL" clId="{21267095-89F9-5716-A2A1-81A29FD6C046}" dt="2026-05-21T00:25:57.068" v="371"/>
          <ac:spMkLst>
            <pc:docMk/>
            <pc:sldMk cId="2083774137" sldId="525"/>
            <ac:spMk id="288" creationId="{10B479D1-FF0A-1462-581C-5E72168B1286}"/>
          </ac:spMkLst>
        </pc:spChg>
        <pc:spChg chg="mod">
          <ac:chgData name="Julie Silec" userId="e33c71f4-39da-440f-a9cb-d0438fa229f2" providerId="ADAL" clId="{21267095-89F9-5716-A2A1-81A29FD6C046}" dt="2026-05-21T00:25:57.068" v="371"/>
          <ac:spMkLst>
            <pc:docMk/>
            <pc:sldMk cId="2083774137" sldId="525"/>
            <ac:spMk id="289" creationId="{BD0F7B2C-FEFE-D31D-FBDC-D6390866B979}"/>
          </ac:spMkLst>
        </pc:spChg>
        <pc:spChg chg="mod">
          <ac:chgData name="Julie Silec" userId="e33c71f4-39da-440f-a9cb-d0438fa229f2" providerId="ADAL" clId="{21267095-89F9-5716-A2A1-81A29FD6C046}" dt="2026-05-21T00:25:57.068" v="371"/>
          <ac:spMkLst>
            <pc:docMk/>
            <pc:sldMk cId="2083774137" sldId="525"/>
            <ac:spMk id="291" creationId="{36D11B4B-1457-C7B3-4683-CE8FE99FBBAA}"/>
          </ac:spMkLst>
        </pc:spChg>
        <pc:grpChg chg="del mod">
          <ac:chgData name="Julie Silec" userId="e33c71f4-39da-440f-a9cb-d0438fa229f2" providerId="ADAL" clId="{21267095-89F9-5716-A2A1-81A29FD6C046}" dt="2026-05-21T00:17:39.328" v="232" actId="478"/>
          <ac:grpSpMkLst>
            <pc:docMk/>
            <pc:sldMk cId="2083774137" sldId="525"/>
            <ac:grpSpMk id="4" creationId="{C366C6EB-3190-D1F4-31FE-6664ECCB5602}"/>
          </ac:grpSpMkLst>
        </pc:grpChg>
        <pc:grpChg chg="del mod">
          <ac:chgData name="Julie Silec" userId="e33c71f4-39da-440f-a9cb-d0438fa229f2" providerId="ADAL" clId="{21267095-89F9-5716-A2A1-81A29FD6C046}" dt="2026-05-21T00:24:33.394" v="345" actId="478"/>
          <ac:grpSpMkLst>
            <pc:docMk/>
            <pc:sldMk cId="2083774137" sldId="525"/>
            <ac:grpSpMk id="25" creationId="{D3527FFD-8E52-6C4F-9234-9B034D41E77A}"/>
          </ac:grpSpMkLst>
        </pc:grpChg>
        <pc:grpChg chg="del mod">
          <ac:chgData name="Julie Silec" userId="e33c71f4-39da-440f-a9cb-d0438fa229f2" providerId="ADAL" clId="{21267095-89F9-5716-A2A1-81A29FD6C046}" dt="2026-05-21T00:23:23.814" v="320" actId="478"/>
          <ac:grpSpMkLst>
            <pc:docMk/>
            <pc:sldMk cId="2083774137" sldId="525"/>
            <ac:grpSpMk id="57" creationId="{3E5A1A73-33AD-D2B9-2E6A-3252FD0D14C0}"/>
          </ac:grpSpMkLst>
        </pc:grpChg>
        <pc:grpChg chg="del mod">
          <ac:chgData name="Julie Silec" userId="e33c71f4-39da-440f-a9cb-d0438fa229f2" providerId="ADAL" clId="{21267095-89F9-5716-A2A1-81A29FD6C046}" dt="2026-05-21T00:23:23.365" v="319" actId="478"/>
          <ac:grpSpMkLst>
            <pc:docMk/>
            <pc:sldMk cId="2083774137" sldId="525"/>
            <ac:grpSpMk id="70" creationId="{284908B8-4D5B-61CC-1766-0D677ED5697C}"/>
          </ac:grpSpMkLst>
        </pc:grpChg>
        <pc:grpChg chg="del mod">
          <ac:chgData name="Julie Silec" userId="e33c71f4-39da-440f-a9cb-d0438fa229f2" providerId="ADAL" clId="{21267095-89F9-5716-A2A1-81A29FD6C046}" dt="2026-05-21T00:23:22.356" v="318" actId="478"/>
          <ac:grpSpMkLst>
            <pc:docMk/>
            <pc:sldMk cId="2083774137" sldId="525"/>
            <ac:grpSpMk id="83" creationId="{09273D0D-18CF-C91F-6326-9ACECC5A3216}"/>
          </ac:grpSpMkLst>
        </pc:grpChg>
        <pc:grpChg chg="mod">
          <ac:chgData name="Julie Silec" userId="e33c71f4-39da-440f-a9cb-d0438fa229f2" providerId="ADAL" clId="{21267095-89F9-5716-A2A1-81A29FD6C046}" dt="2026-05-21T00:23:19.333" v="317" actId="164"/>
          <ac:grpSpMkLst>
            <pc:docMk/>
            <pc:sldMk cId="2083774137" sldId="525"/>
            <ac:grpSpMk id="96" creationId="{26A49CA5-06F0-5641-C060-5F8AEA5D7E51}"/>
          </ac:grpSpMkLst>
        </pc:grpChg>
        <pc:grpChg chg="del mod">
          <ac:chgData name="Julie Silec" userId="e33c71f4-39da-440f-a9cb-d0438fa229f2" providerId="ADAL" clId="{21267095-89F9-5716-A2A1-81A29FD6C046}" dt="2026-05-21T00:24:33.065" v="344" actId="478"/>
          <ac:grpSpMkLst>
            <pc:docMk/>
            <pc:sldMk cId="2083774137" sldId="525"/>
            <ac:grpSpMk id="109" creationId="{01AF8605-76F3-F1F5-ADAB-254669857AA4}"/>
          </ac:grpSpMkLst>
        </pc:grpChg>
        <pc:grpChg chg="del mod">
          <ac:chgData name="Julie Silec" userId="e33c71f4-39da-440f-a9cb-d0438fa229f2" providerId="ADAL" clId="{21267095-89F9-5716-A2A1-81A29FD6C046}" dt="2026-05-21T00:24:31.893" v="343" actId="478"/>
          <ac:grpSpMkLst>
            <pc:docMk/>
            <pc:sldMk cId="2083774137" sldId="525"/>
            <ac:grpSpMk id="128" creationId="{22D11E1F-CDBB-D317-80BB-7C02BDC695FF}"/>
          </ac:grpSpMkLst>
        </pc:grpChg>
        <pc:grpChg chg="mod">
          <ac:chgData name="Julie Silec" userId="e33c71f4-39da-440f-a9cb-d0438fa229f2" providerId="ADAL" clId="{21267095-89F9-5716-A2A1-81A29FD6C046}" dt="2026-05-21T00:24:30.014" v="342" actId="164"/>
          <ac:grpSpMkLst>
            <pc:docMk/>
            <pc:sldMk cId="2083774137" sldId="525"/>
            <ac:grpSpMk id="147" creationId="{632BE1AC-F6C5-B058-4148-6D847766E9F8}"/>
          </ac:grpSpMkLst>
        </pc:grpChg>
        <pc:grpChg chg="add mod">
          <ac:chgData name="Julie Silec" userId="e33c71f4-39da-440f-a9cb-d0438fa229f2" providerId="ADAL" clId="{21267095-89F9-5716-A2A1-81A29FD6C046}" dt="2026-05-21T00:23:41.533" v="327" actId="552"/>
          <ac:grpSpMkLst>
            <pc:docMk/>
            <pc:sldMk cId="2083774137" sldId="525"/>
            <ac:grpSpMk id="167" creationId="{4E59010C-9374-06C5-7C79-92F0D460135A}"/>
          </ac:grpSpMkLst>
        </pc:grpChg>
        <pc:grpChg chg="mod">
          <ac:chgData name="Julie Silec" userId="e33c71f4-39da-440f-a9cb-d0438fa229f2" providerId="ADAL" clId="{21267095-89F9-5716-A2A1-81A29FD6C046}" dt="2026-05-21T00:23:41.533" v="327" actId="552"/>
          <ac:grpSpMkLst>
            <pc:docMk/>
            <pc:sldMk cId="2083774137" sldId="525"/>
            <ac:grpSpMk id="168" creationId="{CFA1F9B2-857B-679C-A884-E36E2D082905}"/>
          </ac:grpSpMkLst>
        </pc:grpChg>
        <pc:grpChg chg="mod">
          <ac:chgData name="Julie Silec" userId="e33c71f4-39da-440f-a9cb-d0438fa229f2" providerId="ADAL" clId="{21267095-89F9-5716-A2A1-81A29FD6C046}" dt="2026-05-21T00:44:38.009" v="553" actId="1037"/>
          <ac:grpSpMkLst>
            <pc:docMk/>
            <pc:sldMk cId="2083774137" sldId="525"/>
            <ac:grpSpMk id="183" creationId="{28D5B31C-70AA-9081-2D9E-3DD8BD19D3BB}"/>
          </ac:grpSpMkLst>
        </pc:grpChg>
        <pc:grpChg chg="mod">
          <ac:chgData name="Julie Silec" userId="e33c71f4-39da-440f-a9cb-d0438fa229f2" providerId="ADAL" clId="{21267095-89F9-5716-A2A1-81A29FD6C046}" dt="2026-05-21T00:23:41.533" v="327" actId="552"/>
          <ac:grpSpMkLst>
            <pc:docMk/>
            <pc:sldMk cId="2083774137" sldId="525"/>
            <ac:grpSpMk id="198" creationId="{14ED7254-B6C3-1D0F-297E-211C12D9E5D4}"/>
          </ac:grpSpMkLst>
        </pc:grpChg>
        <pc:grpChg chg="mod">
          <ac:chgData name="Julie Silec" userId="e33c71f4-39da-440f-a9cb-d0438fa229f2" providerId="ADAL" clId="{21267095-89F9-5716-A2A1-81A29FD6C046}" dt="2026-05-21T00:24:06.260" v="335" actId="1076"/>
          <ac:grpSpMkLst>
            <pc:docMk/>
            <pc:sldMk cId="2083774137" sldId="525"/>
            <ac:grpSpMk id="213" creationId="{213E3026-EA4B-A813-9D2D-C2D29764CE99}"/>
          </ac:grpSpMkLst>
        </pc:grpChg>
        <pc:grpChg chg="del">
          <ac:chgData name="Julie Silec" userId="e33c71f4-39da-440f-a9cb-d0438fa229f2" providerId="ADAL" clId="{21267095-89F9-5716-A2A1-81A29FD6C046}" dt="2026-05-21T00:24:12.188" v="337" actId="478"/>
          <ac:grpSpMkLst>
            <pc:docMk/>
            <pc:sldMk cId="2083774137" sldId="525"/>
            <ac:grpSpMk id="215" creationId="{585A9D91-48AC-18A4-D092-74DBB40B46D2}"/>
          </ac:grpSpMkLst>
        </pc:grpChg>
        <pc:grpChg chg="add mod">
          <ac:chgData name="Julie Silec" userId="e33c71f4-39da-440f-a9cb-d0438fa229f2" providerId="ADAL" clId="{21267095-89F9-5716-A2A1-81A29FD6C046}" dt="2026-05-21T00:26:07.691" v="373" actId="553"/>
          <ac:grpSpMkLst>
            <pc:docMk/>
            <pc:sldMk cId="2083774137" sldId="525"/>
            <ac:grpSpMk id="228" creationId="{A941487C-FD92-5692-F682-CD58C8446ACA}"/>
          </ac:grpSpMkLst>
        </pc:grpChg>
        <pc:grpChg chg="mod">
          <ac:chgData name="Julie Silec" userId="e33c71f4-39da-440f-a9cb-d0438fa229f2" providerId="ADAL" clId="{21267095-89F9-5716-A2A1-81A29FD6C046}" dt="2026-05-21T00:44:38.009" v="553" actId="1037"/>
          <ac:grpSpMkLst>
            <pc:docMk/>
            <pc:sldMk cId="2083774137" sldId="525"/>
            <ac:grpSpMk id="230" creationId="{B6641D4F-771D-221A-622B-F2E49FC1DE2A}"/>
          </ac:grpSpMkLst>
        </pc:grpChg>
        <pc:grpChg chg="mod">
          <ac:chgData name="Julie Silec" userId="e33c71f4-39da-440f-a9cb-d0438fa229f2" providerId="ADAL" clId="{21267095-89F9-5716-A2A1-81A29FD6C046}" dt="2026-05-21T00:26:07.691" v="373" actId="553"/>
          <ac:grpSpMkLst>
            <pc:docMk/>
            <pc:sldMk cId="2083774137" sldId="525"/>
            <ac:grpSpMk id="251" creationId="{5B8B69CC-2F9B-C629-454D-1F6EC35FBFB4}"/>
          </ac:grpSpMkLst>
        </pc:grpChg>
        <pc:grpChg chg="mod">
          <ac:chgData name="Julie Silec" userId="e33c71f4-39da-440f-a9cb-d0438fa229f2" providerId="ADAL" clId="{21267095-89F9-5716-A2A1-81A29FD6C046}" dt="2026-05-21T00:26:07.691" v="373" actId="553"/>
          <ac:grpSpMkLst>
            <pc:docMk/>
            <pc:sldMk cId="2083774137" sldId="525"/>
            <ac:grpSpMk id="272" creationId="{81205AB8-0AB4-223E-CF0E-F5065A685A07}"/>
          </ac:grpSpMkLst>
        </pc:grpChg>
        <pc:picChg chg="del">
          <ac:chgData name="Julie Silec" userId="e33c71f4-39da-440f-a9cb-d0438fa229f2" providerId="ADAL" clId="{21267095-89F9-5716-A2A1-81A29FD6C046}" dt="2026-05-21T00:18:07.782" v="240" actId="478"/>
          <ac:picMkLst>
            <pc:docMk/>
            <pc:sldMk cId="2083774137" sldId="525"/>
            <ac:picMk id="43" creationId="{4BC3493B-3373-B4D1-9ED3-FB4103C7FE7D}"/>
          </ac:picMkLst>
        </pc:picChg>
        <pc:picChg chg="del">
          <ac:chgData name="Julie Silec" userId="e33c71f4-39da-440f-a9cb-d0438fa229f2" providerId="ADAL" clId="{21267095-89F9-5716-A2A1-81A29FD6C046}" dt="2026-05-21T00:18:26.796" v="246" actId="478"/>
          <ac:picMkLst>
            <pc:docMk/>
            <pc:sldMk cId="2083774137" sldId="525"/>
            <ac:picMk id="44" creationId="{1567F84D-54C0-13E0-FCB3-47F867887E98}"/>
          </ac:picMkLst>
        </pc:picChg>
        <pc:picChg chg="del">
          <ac:chgData name="Julie Silec" userId="e33c71f4-39da-440f-a9cb-d0438fa229f2" providerId="ADAL" clId="{21267095-89F9-5716-A2A1-81A29FD6C046}" dt="2026-05-21T00:18:24.123" v="245" actId="478"/>
          <ac:picMkLst>
            <pc:docMk/>
            <pc:sldMk cId="2083774137" sldId="525"/>
            <ac:picMk id="45" creationId="{60628B96-81D5-A5C5-9418-299C78A02ADB}"/>
          </ac:picMkLst>
        </pc:picChg>
        <pc:picChg chg="del">
          <ac:chgData name="Julie Silec" userId="e33c71f4-39da-440f-a9cb-d0438fa229f2" providerId="ADAL" clId="{21267095-89F9-5716-A2A1-81A29FD6C046}" dt="2026-05-21T00:18:28.980" v="247" actId="478"/>
          <ac:picMkLst>
            <pc:docMk/>
            <pc:sldMk cId="2083774137" sldId="525"/>
            <ac:picMk id="46" creationId="{F46F6E78-C30F-8FA3-8FEA-D6FB99048632}"/>
          </ac:picMkLst>
        </pc:picChg>
        <pc:picChg chg="del">
          <ac:chgData name="Julie Silec" userId="e33c71f4-39da-440f-a9cb-d0438fa229f2" providerId="ADAL" clId="{21267095-89F9-5716-A2A1-81A29FD6C046}" dt="2026-05-21T00:19:56.942" v="254" actId="478"/>
          <ac:picMkLst>
            <pc:docMk/>
            <pc:sldMk cId="2083774137" sldId="525"/>
            <ac:picMk id="48" creationId="{670312A0-494C-020D-A879-68375E78419E}"/>
          </ac:picMkLst>
        </pc:picChg>
        <pc:picChg chg="del">
          <ac:chgData name="Julie Silec" userId="e33c71f4-39da-440f-a9cb-d0438fa229f2" providerId="ADAL" clId="{21267095-89F9-5716-A2A1-81A29FD6C046}" dt="2026-05-21T00:19:58.507" v="255" actId="478"/>
          <ac:picMkLst>
            <pc:docMk/>
            <pc:sldMk cId="2083774137" sldId="525"/>
            <ac:picMk id="49" creationId="{E8727BE3-F0B7-EA65-9B34-F79159BCE615}"/>
          </ac:picMkLst>
        </pc:picChg>
        <pc:picChg chg="del">
          <ac:chgData name="Julie Silec" userId="e33c71f4-39da-440f-a9cb-d0438fa229f2" providerId="ADAL" clId="{21267095-89F9-5716-A2A1-81A29FD6C046}" dt="2026-05-21T00:20:11.671" v="257" actId="478"/>
          <ac:picMkLst>
            <pc:docMk/>
            <pc:sldMk cId="2083774137" sldId="525"/>
            <ac:picMk id="50" creationId="{3B306E09-B01C-8DAA-B1D1-E8D5FA7E7F26}"/>
          </ac:picMkLst>
        </pc:picChg>
        <pc:picChg chg="del">
          <ac:chgData name="Julie Silec" userId="e33c71f4-39da-440f-a9cb-d0438fa229f2" providerId="ADAL" clId="{21267095-89F9-5716-A2A1-81A29FD6C046}" dt="2026-05-21T00:20:04.158" v="256" actId="478"/>
          <ac:picMkLst>
            <pc:docMk/>
            <pc:sldMk cId="2083774137" sldId="525"/>
            <ac:picMk id="51" creationId="{DF094245-D4F9-63C7-4FB2-C39DED594E09}"/>
          </ac:picMkLst>
        </pc:picChg>
      </pc:sldChg>
      <pc:sldChg chg="addSp delSp modSp mod">
        <pc:chgData name="Julie Silec" userId="e33c71f4-39da-440f-a9cb-d0438fa229f2" providerId="ADAL" clId="{21267095-89F9-5716-A2A1-81A29FD6C046}" dt="2026-05-21T00:55:42.691" v="664" actId="3064"/>
        <pc:sldMkLst>
          <pc:docMk/>
          <pc:sldMk cId="1958191486" sldId="526"/>
        </pc:sldMkLst>
        <pc:spChg chg="mod">
          <ac:chgData name="Julie Silec" userId="e33c71f4-39da-440f-a9cb-d0438fa229f2" providerId="ADAL" clId="{21267095-89F9-5716-A2A1-81A29FD6C046}" dt="2026-05-21T00:07:48.109" v="148"/>
          <ac:spMkLst>
            <pc:docMk/>
            <pc:sldMk cId="1958191486" sldId="526"/>
            <ac:spMk id="4" creationId="{64BECA3B-A95E-ECAE-22BD-DB5653F8D735}"/>
          </ac:spMkLst>
        </pc:spChg>
        <pc:spChg chg="mod">
          <ac:chgData name="Julie Silec" userId="e33c71f4-39da-440f-a9cb-d0438fa229f2" providerId="ADAL" clId="{21267095-89F9-5716-A2A1-81A29FD6C046}" dt="2026-05-21T00:55:42.691" v="664" actId="3064"/>
          <ac:spMkLst>
            <pc:docMk/>
            <pc:sldMk cId="1958191486" sldId="526"/>
            <ac:spMk id="6" creationId="{2BD48EA5-C881-B17A-21FC-1844A2CFD46D}"/>
          </ac:spMkLst>
        </pc:spChg>
        <pc:spChg chg="mod">
          <ac:chgData name="Julie Silec" userId="e33c71f4-39da-440f-a9cb-d0438fa229f2" providerId="ADAL" clId="{21267095-89F9-5716-A2A1-81A29FD6C046}" dt="2026-05-21T00:07:48.109" v="148"/>
          <ac:spMkLst>
            <pc:docMk/>
            <pc:sldMk cId="1958191486" sldId="526"/>
            <ac:spMk id="7" creationId="{1E1FCEB3-F638-B9DC-6F7D-0101C815E571}"/>
          </ac:spMkLst>
        </pc:spChg>
        <pc:spChg chg="mod">
          <ac:chgData name="Julie Silec" userId="e33c71f4-39da-440f-a9cb-d0438fa229f2" providerId="ADAL" clId="{21267095-89F9-5716-A2A1-81A29FD6C046}" dt="2026-05-21T00:45:52.480" v="572" actId="164"/>
          <ac:spMkLst>
            <pc:docMk/>
            <pc:sldMk cId="1958191486" sldId="526"/>
            <ac:spMk id="8" creationId="{8647376D-2F94-D77A-E03A-5274B4210E6A}"/>
          </ac:spMkLst>
        </pc:spChg>
        <pc:spChg chg="mod">
          <ac:chgData name="Julie Silec" userId="e33c71f4-39da-440f-a9cb-d0438fa229f2" providerId="ADAL" clId="{21267095-89F9-5716-A2A1-81A29FD6C046}" dt="2026-05-21T00:55:42.691" v="664" actId="3064"/>
          <ac:spMkLst>
            <pc:docMk/>
            <pc:sldMk cId="1958191486" sldId="526"/>
            <ac:spMk id="9" creationId="{C8AD037A-ED27-81F1-999D-0F5B9FAA152A}"/>
          </ac:spMkLst>
        </pc:spChg>
        <pc:spChg chg="mod">
          <ac:chgData name="Julie Silec" userId="e33c71f4-39da-440f-a9cb-d0438fa229f2" providerId="ADAL" clId="{21267095-89F9-5716-A2A1-81A29FD6C046}" dt="2026-05-21T00:45:56.372" v="573" actId="164"/>
          <ac:spMkLst>
            <pc:docMk/>
            <pc:sldMk cId="1958191486" sldId="526"/>
            <ac:spMk id="10" creationId="{8342E013-1CC4-6996-9D18-87260606B04A}"/>
          </ac:spMkLst>
        </pc:spChg>
        <pc:spChg chg="mod">
          <ac:chgData name="Julie Silec" userId="e33c71f4-39da-440f-a9cb-d0438fa229f2" providerId="ADAL" clId="{21267095-89F9-5716-A2A1-81A29FD6C046}" dt="2026-05-21T00:07:48.109" v="148"/>
          <ac:spMkLst>
            <pc:docMk/>
            <pc:sldMk cId="1958191486" sldId="526"/>
            <ac:spMk id="11" creationId="{B1DED350-8D01-02C6-FB25-EAAE4420D1E4}"/>
          </ac:spMkLst>
        </pc:spChg>
        <pc:spChg chg="mod">
          <ac:chgData name="Julie Silec" userId="e33c71f4-39da-440f-a9cb-d0438fa229f2" providerId="ADAL" clId="{21267095-89F9-5716-A2A1-81A29FD6C046}" dt="2026-05-21T00:55:42.691" v="664" actId="3064"/>
          <ac:spMkLst>
            <pc:docMk/>
            <pc:sldMk cId="1958191486" sldId="526"/>
            <ac:spMk id="12" creationId="{3242E434-511A-6E7A-B779-D1AB00045863}"/>
          </ac:spMkLst>
        </pc:spChg>
        <pc:spChg chg="mod">
          <ac:chgData name="Julie Silec" userId="e33c71f4-39da-440f-a9cb-d0438fa229f2" providerId="ADAL" clId="{21267095-89F9-5716-A2A1-81A29FD6C046}" dt="2026-05-21T00:07:48.109" v="148"/>
          <ac:spMkLst>
            <pc:docMk/>
            <pc:sldMk cId="1958191486" sldId="526"/>
            <ac:spMk id="13" creationId="{F57FF082-9262-2F00-D0F9-9CFB6124929E}"/>
          </ac:spMkLst>
        </pc:spChg>
        <pc:spChg chg="mod">
          <ac:chgData name="Julie Silec" userId="e33c71f4-39da-440f-a9cb-d0438fa229f2" providerId="ADAL" clId="{21267095-89F9-5716-A2A1-81A29FD6C046}" dt="2026-05-21T00:46:20.040" v="578" actId="164"/>
          <ac:spMkLst>
            <pc:docMk/>
            <pc:sldMk cId="1958191486" sldId="526"/>
            <ac:spMk id="14" creationId="{A9218D1E-5D51-3CA4-C3E2-2E65C9684E97}"/>
          </ac:spMkLst>
        </pc:spChg>
        <pc:spChg chg="mod">
          <ac:chgData name="Julie Silec" userId="e33c71f4-39da-440f-a9cb-d0438fa229f2" providerId="ADAL" clId="{21267095-89F9-5716-A2A1-81A29FD6C046}" dt="2026-05-21T00:07:48.109" v="148"/>
          <ac:spMkLst>
            <pc:docMk/>
            <pc:sldMk cId="1958191486" sldId="526"/>
            <ac:spMk id="15" creationId="{37C4BFC9-34D5-D664-7DD6-1149BFABDC55}"/>
          </ac:spMkLst>
        </pc:spChg>
        <pc:spChg chg="mod">
          <ac:chgData name="Julie Silec" userId="e33c71f4-39da-440f-a9cb-d0438fa229f2" providerId="ADAL" clId="{21267095-89F9-5716-A2A1-81A29FD6C046}" dt="2026-05-21T00:07:48.109" v="148"/>
          <ac:spMkLst>
            <pc:docMk/>
            <pc:sldMk cId="1958191486" sldId="526"/>
            <ac:spMk id="16" creationId="{D658200D-2123-B6E7-8507-E8798BEA70B5}"/>
          </ac:spMkLst>
        </pc:spChg>
        <pc:spChg chg="mod">
          <ac:chgData name="Julie Silec" userId="e33c71f4-39da-440f-a9cb-d0438fa229f2" providerId="ADAL" clId="{21267095-89F9-5716-A2A1-81A29FD6C046}" dt="2026-05-21T00:07:48.109" v="148"/>
          <ac:spMkLst>
            <pc:docMk/>
            <pc:sldMk cId="1958191486" sldId="526"/>
            <ac:spMk id="17" creationId="{0E41E6FF-5D83-5C8D-1917-CDFBD7DD9BC5}"/>
          </ac:spMkLst>
        </pc:spChg>
        <pc:spChg chg="mod">
          <ac:chgData name="Julie Silec" userId="e33c71f4-39da-440f-a9cb-d0438fa229f2" providerId="ADAL" clId="{21267095-89F9-5716-A2A1-81A29FD6C046}" dt="2026-05-21T00:07:48.109" v="148"/>
          <ac:spMkLst>
            <pc:docMk/>
            <pc:sldMk cId="1958191486" sldId="526"/>
            <ac:spMk id="19" creationId="{B32F8B33-E782-96EA-5E2F-99DC9376E5B1}"/>
          </ac:spMkLst>
        </pc:spChg>
        <pc:spChg chg="mod">
          <ac:chgData name="Julie Silec" userId="e33c71f4-39da-440f-a9cb-d0438fa229f2" providerId="ADAL" clId="{21267095-89F9-5716-A2A1-81A29FD6C046}" dt="2026-05-21T00:07:48.109" v="148"/>
          <ac:spMkLst>
            <pc:docMk/>
            <pc:sldMk cId="1958191486" sldId="526"/>
            <ac:spMk id="21" creationId="{27EBFC92-7A5C-D98F-8558-FBA4C8181BBC}"/>
          </ac:spMkLst>
        </pc:spChg>
        <pc:spChg chg="mod">
          <ac:chgData name="Julie Silec" userId="e33c71f4-39da-440f-a9cb-d0438fa229f2" providerId="ADAL" clId="{21267095-89F9-5716-A2A1-81A29FD6C046}" dt="2026-05-21T00:08:59.053" v="157"/>
          <ac:spMkLst>
            <pc:docMk/>
            <pc:sldMk cId="1958191486" sldId="526"/>
            <ac:spMk id="23" creationId="{412B8C5C-219F-CFF3-61DB-7A2EF43D65DE}"/>
          </ac:spMkLst>
        </pc:spChg>
        <pc:spChg chg="mod">
          <ac:chgData name="Julie Silec" userId="e33c71f4-39da-440f-a9cb-d0438fa229f2" providerId="ADAL" clId="{21267095-89F9-5716-A2A1-81A29FD6C046}" dt="2026-05-21T00:55:42.691" v="664" actId="3064"/>
          <ac:spMkLst>
            <pc:docMk/>
            <pc:sldMk cId="1958191486" sldId="526"/>
            <ac:spMk id="25" creationId="{0C2E3EAB-B8F6-A8B0-E70D-9DE3A11755D9}"/>
          </ac:spMkLst>
        </pc:spChg>
        <pc:spChg chg="mod">
          <ac:chgData name="Julie Silec" userId="e33c71f4-39da-440f-a9cb-d0438fa229f2" providerId="ADAL" clId="{21267095-89F9-5716-A2A1-81A29FD6C046}" dt="2026-05-21T00:46:24.079" v="579" actId="164"/>
          <ac:spMkLst>
            <pc:docMk/>
            <pc:sldMk cId="1958191486" sldId="526"/>
            <ac:spMk id="26" creationId="{D4AA89E3-BF54-752A-7A98-161EB15B0B35}"/>
          </ac:spMkLst>
        </pc:spChg>
        <pc:spChg chg="mod">
          <ac:chgData name="Julie Silec" userId="e33c71f4-39da-440f-a9cb-d0438fa229f2" providerId="ADAL" clId="{21267095-89F9-5716-A2A1-81A29FD6C046}" dt="2026-05-21T00:08:59.053" v="157"/>
          <ac:spMkLst>
            <pc:docMk/>
            <pc:sldMk cId="1958191486" sldId="526"/>
            <ac:spMk id="27" creationId="{A383C8BE-BD79-0502-1A2D-D44181867179}"/>
          </ac:spMkLst>
        </pc:spChg>
        <pc:spChg chg="mod">
          <ac:chgData name="Julie Silec" userId="e33c71f4-39da-440f-a9cb-d0438fa229f2" providerId="ADAL" clId="{21267095-89F9-5716-A2A1-81A29FD6C046}" dt="2026-05-21T00:08:59.053" v="157"/>
          <ac:spMkLst>
            <pc:docMk/>
            <pc:sldMk cId="1958191486" sldId="526"/>
            <ac:spMk id="29" creationId="{F5A8EFE2-ABD2-B224-02D3-9332C4DD2121}"/>
          </ac:spMkLst>
        </pc:spChg>
        <pc:spChg chg="mod">
          <ac:chgData name="Julie Silec" userId="e33c71f4-39da-440f-a9cb-d0438fa229f2" providerId="ADAL" clId="{21267095-89F9-5716-A2A1-81A29FD6C046}" dt="2026-05-21T00:08:59.053" v="157"/>
          <ac:spMkLst>
            <pc:docMk/>
            <pc:sldMk cId="1958191486" sldId="526"/>
            <ac:spMk id="30" creationId="{34C08706-6317-F648-F627-906AA86157F7}"/>
          </ac:spMkLst>
        </pc:spChg>
        <pc:spChg chg="mod">
          <ac:chgData name="Julie Silec" userId="e33c71f4-39da-440f-a9cb-d0438fa229f2" providerId="ADAL" clId="{21267095-89F9-5716-A2A1-81A29FD6C046}" dt="2026-05-21T00:08:59.053" v="157"/>
          <ac:spMkLst>
            <pc:docMk/>
            <pc:sldMk cId="1958191486" sldId="526"/>
            <ac:spMk id="31" creationId="{CB395B83-A017-AC58-A961-BDCC15D0E82D}"/>
          </ac:spMkLst>
        </pc:spChg>
        <pc:spChg chg="mod">
          <ac:chgData name="Julie Silec" userId="e33c71f4-39da-440f-a9cb-d0438fa229f2" providerId="ADAL" clId="{21267095-89F9-5716-A2A1-81A29FD6C046}" dt="2026-05-21T00:08:59.053" v="157"/>
          <ac:spMkLst>
            <pc:docMk/>
            <pc:sldMk cId="1958191486" sldId="526"/>
            <ac:spMk id="32" creationId="{2C5A7787-B2C5-EF29-B2B9-157509F52BD9}"/>
          </ac:spMkLst>
        </pc:spChg>
        <pc:spChg chg="mod">
          <ac:chgData name="Julie Silec" userId="e33c71f4-39da-440f-a9cb-d0438fa229f2" providerId="ADAL" clId="{21267095-89F9-5716-A2A1-81A29FD6C046}" dt="2026-05-21T00:08:59.053" v="157"/>
          <ac:spMkLst>
            <pc:docMk/>
            <pc:sldMk cId="1958191486" sldId="526"/>
            <ac:spMk id="33" creationId="{0900AB4A-F6FB-E5A7-A7AA-AA26488FD53F}"/>
          </ac:spMkLst>
        </pc:spChg>
        <pc:spChg chg="mod">
          <ac:chgData name="Julie Silec" userId="e33c71f4-39da-440f-a9cb-d0438fa229f2" providerId="ADAL" clId="{21267095-89F9-5716-A2A1-81A29FD6C046}" dt="2026-05-21T00:08:59.053" v="157"/>
          <ac:spMkLst>
            <pc:docMk/>
            <pc:sldMk cId="1958191486" sldId="526"/>
            <ac:spMk id="34" creationId="{D1AE0F78-A0D2-9B25-3C71-D5509A7A8450}"/>
          </ac:spMkLst>
        </pc:spChg>
        <pc:spChg chg="mod">
          <ac:chgData name="Julie Silec" userId="e33c71f4-39da-440f-a9cb-d0438fa229f2" providerId="ADAL" clId="{21267095-89F9-5716-A2A1-81A29FD6C046}" dt="2026-05-21T00:08:59.053" v="157"/>
          <ac:spMkLst>
            <pc:docMk/>
            <pc:sldMk cId="1958191486" sldId="526"/>
            <ac:spMk id="35" creationId="{D0043C71-E345-CA49-460A-6948FD3148C6}"/>
          </ac:spMkLst>
        </pc:spChg>
        <pc:spChg chg="mod">
          <ac:chgData name="Julie Silec" userId="e33c71f4-39da-440f-a9cb-d0438fa229f2" providerId="ADAL" clId="{21267095-89F9-5716-A2A1-81A29FD6C046}" dt="2026-05-21T00:09:32.689" v="165"/>
          <ac:spMkLst>
            <pc:docMk/>
            <pc:sldMk cId="1958191486" sldId="526"/>
            <ac:spMk id="37" creationId="{461AF89F-93E6-CA20-4A68-C5E816509D30}"/>
          </ac:spMkLst>
        </pc:spChg>
        <pc:spChg chg="mod">
          <ac:chgData name="Julie Silec" userId="e33c71f4-39da-440f-a9cb-d0438fa229f2" providerId="ADAL" clId="{21267095-89F9-5716-A2A1-81A29FD6C046}" dt="2026-05-21T00:09:32.689" v="165"/>
          <ac:spMkLst>
            <pc:docMk/>
            <pc:sldMk cId="1958191486" sldId="526"/>
            <ac:spMk id="38" creationId="{F911F20A-D888-7777-7AFA-AFF2E30A982E}"/>
          </ac:spMkLst>
        </pc:spChg>
        <pc:spChg chg="mod">
          <ac:chgData name="Julie Silec" userId="e33c71f4-39da-440f-a9cb-d0438fa229f2" providerId="ADAL" clId="{21267095-89F9-5716-A2A1-81A29FD6C046}" dt="2026-05-21T00:09:32.689" v="165"/>
          <ac:spMkLst>
            <pc:docMk/>
            <pc:sldMk cId="1958191486" sldId="526"/>
            <ac:spMk id="39" creationId="{706640BA-AB78-F103-5045-98E91FE9A78F}"/>
          </ac:spMkLst>
        </pc:spChg>
        <pc:spChg chg="mod">
          <ac:chgData name="Julie Silec" userId="e33c71f4-39da-440f-a9cb-d0438fa229f2" providerId="ADAL" clId="{21267095-89F9-5716-A2A1-81A29FD6C046}" dt="2026-05-21T00:09:32.689" v="165"/>
          <ac:spMkLst>
            <pc:docMk/>
            <pc:sldMk cId="1958191486" sldId="526"/>
            <ac:spMk id="40" creationId="{869637BD-4E92-8D37-7C8F-34471D0F8967}"/>
          </ac:spMkLst>
        </pc:spChg>
        <pc:spChg chg="mod">
          <ac:chgData name="Julie Silec" userId="e33c71f4-39da-440f-a9cb-d0438fa229f2" providerId="ADAL" clId="{21267095-89F9-5716-A2A1-81A29FD6C046}" dt="2026-05-21T00:09:32.689" v="165"/>
          <ac:spMkLst>
            <pc:docMk/>
            <pc:sldMk cId="1958191486" sldId="526"/>
            <ac:spMk id="41" creationId="{ED81BF39-7CAA-D65B-AD2A-269340F193A8}"/>
          </ac:spMkLst>
        </pc:spChg>
        <pc:spChg chg="mod">
          <ac:chgData name="Julie Silec" userId="e33c71f4-39da-440f-a9cb-d0438fa229f2" providerId="ADAL" clId="{21267095-89F9-5716-A2A1-81A29FD6C046}" dt="2026-05-21T00:09:32.689" v="165"/>
          <ac:spMkLst>
            <pc:docMk/>
            <pc:sldMk cId="1958191486" sldId="526"/>
            <ac:spMk id="42" creationId="{142631F6-D82E-97A5-094E-15CC4933CA8A}"/>
          </ac:spMkLst>
        </pc:spChg>
        <pc:spChg chg="mod">
          <ac:chgData name="Julie Silec" userId="e33c71f4-39da-440f-a9cb-d0438fa229f2" providerId="ADAL" clId="{21267095-89F9-5716-A2A1-81A29FD6C046}" dt="2026-05-21T00:09:32.689" v="165"/>
          <ac:spMkLst>
            <pc:docMk/>
            <pc:sldMk cId="1958191486" sldId="526"/>
            <ac:spMk id="43" creationId="{EA7BA1B8-F1B3-23D9-3821-14DDD41F367F}"/>
          </ac:spMkLst>
        </pc:spChg>
        <pc:spChg chg="mod">
          <ac:chgData name="Julie Silec" userId="e33c71f4-39da-440f-a9cb-d0438fa229f2" providerId="ADAL" clId="{21267095-89F9-5716-A2A1-81A29FD6C046}" dt="2026-05-21T00:09:32.689" v="165"/>
          <ac:spMkLst>
            <pc:docMk/>
            <pc:sldMk cId="1958191486" sldId="526"/>
            <ac:spMk id="44" creationId="{3FBBB469-E024-5E6B-C523-C435D58F68F5}"/>
          </ac:spMkLst>
        </pc:spChg>
        <pc:spChg chg="mod">
          <ac:chgData name="Julie Silec" userId="e33c71f4-39da-440f-a9cb-d0438fa229f2" providerId="ADAL" clId="{21267095-89F9-5716-A2A1-81A29FD6C046}" dt="2026-05-21T00:09:32.689" v="165"/>
          <ac:spMkLst>
            <pc:docMk/>
            <pc:sldMk cId="1958191486" sldId="526"/>
            <ac:spMk id="45" creationId="{03A3F53D-0B52-0DAB-7402-B2A3EDE7A7CC}"/>
          </ac:spMkLst>
        </pc:spChg>
        <pc:spChg chg="mod">
          <ac:chgData name="Julie Silec" userId="e33c71f4-39da-440f-a9cb-d0438fa229f2" providerId="ADAL" clId="{21267095-89F9-5716-A2A1-81A29FD6C046}" dt="2026-05-21T00:12:20.481" v="186"/>
          <ac:spMkLst>
            <pc:docMk/>
            <pc:sldMk cId="1958191486" sldId="526"/>
            <ac:spMk id="47" creationId="{FFC814F2-0CDF-2C1E-2DF3-2AC3B78D0086}"/>
          </ac:spMkLst>
        </pc:spChg>
        <pc:spChg chg="mod">
          <ac:chgData name="Julie Silec" userId="e33c71f4-39da-440f-a9cb-d0438fa229f2" providerId="ADAL" clId="{21267095-89F9-5716-A2A1-81A29FD6C046}" dt="2026-05-21T00:12:20.481" v="186"/>
          <ac:spMkLst>
            <pc:docMk/>
            <pc:sldMk cId="1958191486" sldId="526"/>
            <ac:spMk id="48" creationId="{590ECC0E-B361-5044-90DA-0CC0CD35011A}"/>
          </ac:spMkLst>
        </pc:spChg>
        <pc:spChg chg="mod">
          <ac:chgData name="Julie Silec" userId="e33c71f4-39da-440f-a9cb-d0438fa229f2" providerId="ADAL" clId="{21267095-89F9-5716-A2A1-81A29FD6C046}" dt="2026-05-21T00:12:20.481" v="186"/>
          <ac:spMkLst>
            <pc:docMk/>
            <pc:sldMk cId="1958191486" sldId="526"/>
            <ac:spMk id="49" creationId="{EA8D2985-BE86-5F6A-F48C-7C4104F7695E}"/>
          </ac:spMkLst>
        </pc:spChg>
        <pc:spChg chg="mod">
          <ac:chgData name="Julie Silec" userId="e33c71f4-39da-440f-a9cb-d0438fa229f2" providerId="ADAL" clId="{21267095-89F9-5716-A2A1-81A29FD6C046}" dt="2026-05-21T00:12:20.481" v="186"/>
          <ac:spMkLst>
            <pc:docMk/>
            <pc:sldMk cId="1958191486" sldId="526"/>
            <ac:spMk id="50" creationId="{339849CB-5C8B-F2E5-DC96-6065B4E33AF9}"/>
          </ac:spMkLst>
        </pc:spChg>
        <pc:spChg chg="mod">
          <ac:chgData name="Julie Silec" userId="e33c71f4-39da-440f-a9cb-d0438fa229f2" providerId="ADAL" clId="{21267095-89F9-5716-A2A1-81A29FD6C046}" dt="2026-05-21T00:12:20.481" v="186"/>
          <ac:spMkLst>
            <pc:docMk/>
            <pc:sldMk cId="1958191486" sldId="526"/>
            <ac:spMk id="51" creationId="{AEBE9C6F-AE57-6856-9A0E-F34FDE82A29D}"/>
          </ac:spMkLst>
        </pc:spChg>
        <pc:spChg chg="add del mod">
          <ac:chgData name="Julie Silec" userId="e33c71f4-39da-440f-a9cb-d0438fa229f2" providerId="ADAL" clId="{21267095-89F9-5716-A2A1-81A29FD6C046}" dt="2026-05-21T00:13:50.211" v="205" actId="478"/>
          <ac:spMkLst>
            <pc:docMk/>
            <pc:sldMk cId="1958191486" sldId="526"/>
            <ac:spMk id="52" creationId="{74CFCA28-01A3-E16E-B128-E03383B9EB03}"/>
          </ac:spMkLst>
        </pc:spChg>
        <pc:spChg chg="add del mod">
          <ac:chgData name="Julie Silec" userId="e33c71f4-39da-440f-a9cb-d0438fa229f2" providerId="ADAL" clId="{21267095-89F9-5716-A2A1-81A29FD6C046}" dt="2026-05-21T00:40:49.154" v="487" actId="478"/>
          <ac:spMkLst>
            <pc:docMk/>
            <pc:sldMk cId="1958191486" sldId="526"/>
            <ac:spMk id="53" creationId="{3735479B-8E03-EC96-B373-641F7D6F687A}"/>
          </ac:spMkLst>
        </pc:spChg>
        <pc:grpChg chg="add mod">
          <ac:chgData name="Julie Silec" userId="e33c71f4-39da-440f-a9cb-d0438fa229f2" providerId="ADAL" clId="{21267095-89F9-5716-A2A1-81A29FD6C046}" dt="2026-05-21T00:45:52.480" v="572" actId="164"/>
          <ac:grpSpMkLst>
            <pc:docMk/>
            <pc:sldMk cId="1958191486" sldId="526"/>
            <ac:grpSpMk id="2" creationId="{A0A6BA24-E1D4-D00C-15AE-FD75D19FE2C0}"/>
          </ac:grpSpMkLst>
        </pc:grpChg>
        <pc:grpChg chg="add mod">
          <ac:chgData name="Julie Silec" userId="e33c71f4-39da-440f-a9cb-d0438fa229f2" providerId="ADAL" clId="{21267095-89F9-5716-A2A1-81A29FD6C046}" dt="2026-05-21T00:45:56.372" v="573" actId="164"/>
          <ac:grpSpMkLst>
            <pc:docMk/>
            <pc:sldMk cId="1958191486" sldId="526"/>
            <ac:grpSpMk id="22" creationId="{08C00EB3-06DC-CC11-AA9E-F32E8FF796D1}"/>
          </ac:grpSpMkLst>
        </pc:grpChg>
        <pc:grpChg chg="add mod">
          <ac:chgData name="Julie Silec" userId="e33c71f4-39da-440f-a9cb-d0438fa229f2" providerId="ADAL" clId="{21267095-89F9-5716-A2A1-81A29FD6C046}" dt="2026-05-21T00:46:20.040" v="578" actId="164"/>
          <ac:grpSpMkLst>
            <pc:docMk/>
            <pc:sldMk cId="1958191486" sldId="526"/>
            <ac:grpSpMk id="36" creationId="{5BF48A13-3838-977F-1D58-BD0DE54D1DA6}"/>
          </ac:grpSpMkLst>
        </pc:grpChg>
        <pc:grpChg chg="add mod">
          <ac:chgData name="Julie Silec" userId="e33c71f4-39da-440f-a9cb-d0438fa229f2" providerId="ADAL" clId="{21267095-89F9-5716-A2A1-81A29FD6C046}" dt="2026-05-21T00:46:24.079" v="579" actId="164"/>
          <ac:grpSpMkLst>
            <pc:docMk/>
            <pc:sldMk cId="1958191486" sldId="526"/>
            <ac:grpSpMk id="46" creationId="{B9DBC79B-4CBA-58AC-4FDE-3C0B1B9DE3D8}"/>
          </ac:grpSpMkLst>
        </pc:grpChg>
        <pc:grpChg chg="add mod">
          <ac:chgData name="Julie Silec" userId="e33c71f4-39da-440f-a9cb-d0438fa229f2" providerId="ADAL" clId="{21267095-89F9-5716-A2A1-81A29FD6C046}" dt="2026-05-21T00:47:40.148" v="596" actId="1037"/>
          <ac:grpSpMkLst>
            <pc:docMk/>
            <pc:sldMk cId="1958191486" sldId="526"/>
            <ac:grpSpMk id="54" creationId="{590FA625-8787-9077-EF2D-87538DCC6018}"/>
          </ac:grpSpMkLst>
        </pc:grpChg>
        <pc:grpChg chg="add mod">
          <ac:chgData name="Julie Silec" userId="e33c71f4-39da-440f-a9cb-d0438fa229f2" providerId="ADAL" clId="{21267095-89F9-5716-A2A1-81A29FD6C046}" dt="2026-05-21T00:47:40.148" v="596" actId="1037"/>
          <ac:grpSpMkLst>
            <pc:docMk/>
            <pc:sldMk cId="1958191486" sldId="526"/>
            <ac:grpSpMk id="55" creationId="{DA551A60-A161-798D-03A0-C9403D87DF8D}"/>
          </ac:grpSpMkLst>
        </pc:grpChg>
        <pc:grpChg chg="add mod">
          <ac:chgData name="Julie Silec" userId="e33c71f4-39da-440f-a9cb-d0438fa229f2" providerId="ADAL" clId="{21267095-89F9-5716-A2A1-81A29FD6C046}" dt="2026-05-21T00:47:40.148" v="596" actId="1037"/>
          <ac:grpSpMkLst>
            <pc:docMk/>
            <pc:sldMk cId="1958191486" sldId="526"/>
            <ac:grpSpMk id="56" creationId="{CCCA4B68-CED3-158E-5C9E-0FCE4AC4264C}"/>
          </ac:grpSpMkLst>
        </pc:grpChg>
        <pc:grpChg chg="add mod">
          <ac:chgData name="Julie Silec" userId="e33c71f4-39da-440f-a9cb-d0438fa229f2" providerId="ADAL" clId="{21267095-89F9-5716-A2A1-81A29FD6C046}" dt="2026-05-21T00:47:40.148" v="596" actId="1037"/>
          <ac:grpSpMkLst>
            <pc:docMk/>
            <pc:sldMk cId="1958191486" sldId="526"/>
            <ac:grpSpMk id="57" creationId="{475603D3-42A6-1B51-3C86-D875E7FD6084}"/>
          </ac:grpSpMkLst>
        </pc:grpChg>
        <pc:picChg chg="del">
          <ac:chgData name="Julie Silec" userId="e33c71f4-39da-440f-a9cb-d0438fa229f2" providerId="ADAL" clId="{21267095-89F9-5716-A2A1-81A29FD6C046}" dt="2026-05-21T00:07:58.941" v="151" actId="478"/>
          <ac:picMkLst>
            <pc:docMk/>
            <pc:sldMk cId="1958191486" sldId="526"/>
            <ac:picMk id="18" creationId="{B1509A63-E855-C916-E332-E943C0201363}"/>
          </ac:picMkLst>
        </pc:picChg>
        <pc:picChg chg="del">
          <ac:chgData name="Julie Silec" userId="e33c71f4-39da-440f-a9cb-d0438fa229f2" providerId="ADAL" clId="{21267095-89F9-5716-A2A1-81A29FD6C046}" dt="2026-05-21T00:08:54.923" v="156" actId="478"/>
          <ac:picMkLst>
            <pc:docMk/>
            <pc:sldMk cId="1958191486" sldId="526"/>
            <ac:picMk id="20" creationId="{0C4D267E-C599-F7C8-7DD5-3AC18D15C94A}"/>
          </ac:picMkLst>
        </pc:picChg>
        <pc:picChg chg="del">
          <ac:chgData name="Julie Silec" userId="e33c71f4-39da-440f-a9cb-d0438fa229f2" providerId="ADAL" clId="{21267095-89F9-5716-A2A1-81A29FD6C046}" dt="2026-05-21T00:09:48.649" v="172" actId="478"/>
          <ac:picMkLst>
            <pc:docMk/>
            <pc:sldMk cId="1958191486" sldId="526"/>
            <ac:picMk id="24" creationId="{749153DF-C2B7-35A1-7D51-94B4AC8E924A}"/>
          </ac:picMkLst>
        </pc:picChg>
        <pc:picChg chg="del">
          <ac:chgData name="Julie Silec" userId="e33c71f4-39da-440f-a9cb-d0438fa229f2" providerId="ADAL" clId="{21267095-89F9-5716-A2A1-81A29FD6C046}" dt="2026-05-21T00:12:28.950" v="190" actId="478"/>
          <ac:picMkLst>
            <pc:docMk/>
            <pc:sldMk cId="1958191486" sldId="526"/>
            <ac:picMk id="28" creationId="{2846EC2E-235A-E60D-A565-87B7896F6971}"/>
          </ac:picMkLst>
        </pc:picChg>
      </pc:sldChg>
      <pc:sldChg chg="add">
        <pc:chgData name="Julie Silec" userId="e33c71f4-39da-440f-a9cb-d0438fa229f2" providerId="ADAL" clId="{21267095-89F9-5716-A2A1-81A29FD6C046}" dt="2026-05-21T00:12:04.559" v="185"/>
        <pc:sldMkLst>
          <pc:docMk/>
          <pc:sldMk cId="57010806" sldId="529"/>
        </pc:sldMkLst>
      </pc:sldChg>
      <pc:sldChg chg="add del">
        <pc:chgData name="Julie Silec" userId="e33c71f4-39da-440f-a9cb-d0438fa229f2" providerId="ADAL" clId="{21267095-89F9-5716-A2A1-81A29FD6C046}" dt="2026-05-21T00:10:50.197" v="176" actId="2696"/>
        <pc:sldMkLst>
          <pc:docMk/>
          <pc:sldMk cId="1147650120" sldId="529"/>
        </pc:sldMkLst>
      </pc:sldChg>
      <pc:sldChg chg="add del">
        <pc:chgData name="Julie Silec" userId="e33c71f4-39da-440f-a9cb-d0438fa229f2" providerId="ADAL" clId="{21267095-89F9-5716-A2A1-81A29FD6C046}" dt="2026-05-21T00:11:38.825" v="184" actId="2696"/>
        <pc:sldMkLst>
          <pc:docMk/>
          <pc:sldMk cId="2058522878" sldId="529"/>
        </pc:sldMkLst>
      </pc:sldChg>
      <pc:sldChg chg="add del">
        <pc:chgData name="Julie Silec" userId="e33c71f4-39da-440f-a9cb-d0438fa229f2" providerId="ADAL" clId="{21267095-89F9-5716-A2A1-81A29FD6C046}" dt="2026-05-21T00:11:04.635" v="179" actId="2696"/>
        <pc:sldMkLst>
          <pc:docMk/>
          <pc:sldMk cId="3447825446" sldId="529"/>
        </pc:sldMkLst>
      </pc:sldChg>
      <pc:sldChg chg="delSp add del mod">
        <pc:chgData name="Julie Silec" userId="e33c71f4-39da-440f-a9cb-d0438fa229f2" providerId="ADAL" clId="{21267095-89F9-5716-A2A1-81A29FD6C046}" dt="2026-05-21T00:11:18.121" v="182" actId="2696"/>
        <pc:sldMkLst>
          <pc:docMk/>
          <pc:sldMk cId="3648857094" sldId="529"/>
        </pc:sldMkLst>
        <pc:grpChg chg="del">
          <ac:chgData name="Julie Silec" userId="e33c71f4-39da-440f-a9cb-d0438fa229f2" providerId="ADAL" clId="{21267095-89F9-5716-A2A1-81A29FD6C046}" dt="2026-05-21T00:11:17.022" v="181" actId="478"/>
          <ac:grpSpMkLst>
            <pc:docMk/>
            <pc:sldMk cId="3648857094" sldId="529"/>
            <ac:grpSpMk id="2" creationId="{D5FEFB3C-2A35-4466-8D6F-5C128795628A}"/>
          </ac:grpSpMkLst>
        </pc:grpChg>
      </pc:sldChg>
      <pc:sldChg chg="add del">
        <pc:chgData name="Julie Silec" userId="e33c71f4-39da-440f-a9cb-d0438fa229f2" providerId="ADAL" clId="{21267095-89F9-5716-A2A1-81A29FD6C046}" dt="2026-05-21T00:07:50.418" v="149" actId="2696"/>
        <pc:sldMkLst>
          <pc:docMk/>
          <pc:sldMk cId="3844462319" sldId="529"/>
        </pc:sldMkLst>
      </pc:sldChg>
      <pc:sldChg chg="addSp delSp add del mod">
        <pc:chgData name="Julie Silec" userId="e33c71f4-39da-440f-a9cb-d0438fa229f2" providerId="ADAL" clId="{21267095-89F9-5716-A2A1-81A29FD6C046}" dt="2026-05-21T00:17:50.740" v="237" actId="2696"/>
        <pc:sldMkLst>
          <pc:docMk/>
          <pc:sldMk cId="1491719695" sldId="530"/>
        </pc:sldMkLst>
        <pc:grpChg chg="add del">
          <ac:chgData name="Julie Silec" userId="e33c71f4-39da-440f-a9cb-d0438fa229f2" providerId="ADAL" clId="{21267095-89F9-5716-A2A1-81A29FD6C046}" dt="2026-05-21T00:17:46.699" v="235" actId="21"/>
          <ac:grpSpMkLst>
            <pc:docMk/>
            <pc:sldMk cId="1491719695" sldId="530"/>
            <ac:grpSpMk id="2" creationId="{A4FC9D2E-2475-402E-8039-5F1A8103931C}"/>
          </ac:grpSpMkLst>
        </pc:grpChg>
      </pc:sldChg>
      <pc:sldChg chg="add del">
        <pc:chgData name="Julie Silec" userId="e33c71f4-39da-440f-a9cb-d0438fa229f2" providerId="ADAL" clId="{21267095-89F9-5716-A2A1-81A29FD6C046}" dt="2026-05-21T00:26:38.661" v="376" actId="2696"/>
        <pc:sldMkLst>
          <pc:docMk/>
          <pc:sldMk cId="1690914755" sldId="530"/>
        </pc:sldMkLst>
      </pc:sldChg>
      <pc:sldChg chg="add del">
        <pc:chgData name="Julie Silec" userId="e33c71f4-39da-440f-a9cb-d0438fa229f2" providerId="ADAL" clId="{21267095-89F9-5716-A2A1-81A29FD6C046}" dt="2026-05-21T00:10:48.126" v="175" actId="2696"/>
        <pc:sldMkLst>
          <pc:docMk/>
          <pc:sldMk cId="3120520028" sldId="530"/>
        </pc:sldMkLst>
      </pc:sldChg>
      <pc:sldChg chg="add del">
        <pc:chgData name="Julie Silec" userId="e33c71f4-39da-440f-a9cb-d0438fa229f2" providerId="ADAL" clId="{21267095-89F9-5716-A2A1-81A29FD6C046}" dt="2026-05-21T00:17:37.166" v="231" actId="2696"/>
        <pc:sldMkLst>
          <pc:docMk/>
          <pc:sldMk cId="3216988940" sldId="530"/>
        </pc:sldMkLst>
      </pc:sldChg>
      <pc:sldChg chg="add del">
        <pc:chgData name="Julie Silec" userId="e33c71f4-39da-440f-a9cb-d0438fa229f2" providerId="ADAL" clId="{21267095-89F9-5716-A2A1-81A29FD6C046}" dt="2026-05-21T00:10:51.316" v="177" actId="2696"/>
        <pc:sldMkLst>
          <pc:docMk/>
          <pc:sldMk cId="1273609328" sldId="531"/>
        </pc:sldMkLst>
      </pc:sldChg>
      <pc:sldMasterChg chg="addSldLayout delSldLayout">
        <pc:chgData name="Julie Silec" userId="e33c71f4-39da-440f-a9cb-d0438fa229f2" providerId="ADAL" clId="{21267095-89F9-5716-A2A1-81A29FD6C046}" dt="2026-05-21T00:12:04.559" v="185"/>
        <pc:sldMasterMkLst>
          <pc:docMk/>
          <pc:sldMasterMk cId="2859247836" sldId="2147483648"/>
        </pc:sldMasterMkLst>
        <pc:sldLayoutChg chg="add del">
          <pc:chgData name="Julie Silec" userId="e33c71f4-39da-440f-a9cb-d0438fa229f2" providerId="ADAL" clId="{21267095-89F9-5716-A2A1-81A29FD6C046}" dt="2026-05-21T00:11:38.825" v="184" actId="2696"/>
          <pc:sldLayoutMkLst>
            <pc:docMk/>
            <pc:sldMasterMk cId="2859247836" sldId="2147483648"/>
            <pc:sldLayoutMk cId="264317097" sldId="2147483676"/>
          </pc:sldLayoutMkLst>
        </pc:sldLayoutChg>
        <pc:sldLayoutChg chg="add del">
          <pc:chgData name="Julie Silec" userId="e33c71f4-39da-440f-a9cb-d0438fa229f2" providerId="ADAL" clId="{21267095-89F9-5716-A2A1-81A29FD6C046}" dt="2026-05-21T00:07:50.418" v="149" actId="2696"/>
          <pc:sldLayoutMkLst>
            <pc:docMk/>
            <pc:sldMasterMk cId="2859247836" sldId="2147483648"/>
            <pc:sldLayoutMk cId="660798488" sldId="2147483676"/>
          </pc:sldLayoutMkLst>
        </pc:sldLayoutChg>
        <pc:sldLayoutChg chg="add del">
          <pc:chgData name="Julie Silec" userId="e33c71f4-39da-440f-a9cb-d0438fa229f2" providerId="ADAL" clId="{21267095-89F9-5716-A2A1-81A29FD6C046}" dt="2026-05-21T00:10:51.316" v="177" actId="2696"/>
          <pc:sldLayoutMkLst>
            <pc:docMk/>
            <pc:sldMasterMk cId="2859247836" sldId="2147483648"/>
            <pc:sldLayoutMk cId="744374424" sldId="2147483676"/>
          </pc:sldLayoutMkLst>
        </pc:sldLayoutChg>
        <pc:sldLayoutChg chg="add">
          <pc:chgData name="Julie Silec" userId="e33c71f4-39da-440f-a9cb-d0438fa229f2" providerId="ADAL" clId="{21267095-89F9-5716-A2A1-81A29FD6C046}" dt="2026-05-21T00:12:04.559" v="185"/>
          <pc:sldLayoutMkLst>
            <pc:docMk/>
            <pc:sldMasterMk cId="2859247836" sldId="2147483648"/>
            <pc:sldLayoutMk cId="1771764751" sldId="2147483676"/>
          </pc:sldLayoutMkLst>
        </pc:sldLayoutChg>
        <pc:sldLayoutChg chg="add del">
          <pc:chgData name="Julie Silec" userId="e33c71f4-39da-440f-a9cb-d0438fa229f2" providerId="ADAL" clId="{21267095-89F9-5716-A2A1-81A29FD6C046}" dt="2026-05-21T00:11:04.635" v="179" actId="2696"/>
          <pc:sldLayoutMkLst>
            <pc:docMk/>
            <pc:sldMasterMk cId="2859247836" sldId="2147483648"/>
            <pc:sldLayoutMk cId="2405155399" sldId="2147483676"/>
          </pc:sldLayoutMkLst>
        </pc:sldLayoutChg>
        <pc:sldLayoutChg chg="add del">
          <pc:chgData name="Julie Silec" userId="e33c71f4-39da-440f-a9cb-d0438fa229f2" providerId="ADAL" clId="{21267095-89F9-5716-A2A1-81A29FD6C046}" dt="2026-05-21T00:11:18.121" v="182" actId="2696"/>
          <pc:sldLayoutMkLst>
            <pc:docMk/>
            <pc:sldMasterMk cId="2859247836" sldId="2147483648"/>
            <pc:sldLayoutMk cId="4264328096" sldId="2147483676"/>
          </pc:sldLayoutMkLst>
        </pc:sldLayoutChg>
      </pc:sldMasterChg>
    </pc:docChg>
  </pc:docChgLst>
  <pc:docChgLst>
    <pc:chgData name="Miriam Veisman-Apter" userId="dbfe11ee-18e9-43e6-81d9-5f5c7269d896" providerId="ADAL" clId="{AB933F37-0B54-4AF7-99DC-5BB8596C1A7A}"/>
    <pc:docChg chg="undo custSel addSld modSld sldOrd">
      <pc:chgData name="Miriam Veisman-Apter" userId="dbfe11ee-18e9-43e6-81d9-5f5c7269d896" providerId="ADAL" clId="{AB933F37-0B54-4AF7-99DC-5BB8596C1A7A}" dt="2026-05-20T23:17:59.848" v="1378"/>
      <pc:docMkLst>
        <pc:docMk/>
      </pc:docMkLst>
      <pc:sldChg chg="modSp mod">
        <pc:chgData name="Miriam Veisman-Apter" userId="dbfe11ee-18e9-43e6-81d9-5f5c7269d896" providerId="ADAL" clId="{AB933F37-0B54-4AF7-99DC-5BB8596C1A7A}" dt="2026-05-20T07:05:28.513" v="1208" actId="20577"/>
        <pc:sldMkLst>
          <pc:docMk/>
          <pc:sldMk cId="3816862836" sldId="256"/>
        </pc:sldMkLst>
        <pc:spChg chg="mod">
          <ac:chgData name="Miriam Veisman-Apter" userId="dbfe11ee-18e9-43e6-81d9-5f5c7269d896" providerId="ADAL" clId="{AB933F37-0B54-4AF7-99DC-5BB8596C1A7A}" dt="2026-05-20T07:05:28.513" v="1208" actId="20577"/>
          <ac:spMkLst>
            <pc:docMk/>
            <pc:sldMk cId="3816862836" sldId="256"/>
            <ac:spMk id="9" creationId="{80799D10-030A-A48B-C13A-3E1383FDE194}"/>
          </ac:spMkLst>
        </pc:spChg>
        <pc:spChg chg="mod">
          <ac:chgData name="Miriam Veisman-Apter" userId="dbfe11ee-18e9-43e6-81d9-5f5c7269d896" providerId="ADAL" clId="{AB933F37-0B54-4AF7-99DC-5BB8596C1A7A}" dt="2026-05-20T07:05:22.319" v="1207" actId="20577"/>
          <ac:spMkLst>
            <pc:docMk/>
            <pc:sldMk cId="3816862836" sldId="256"/>
            <ac:spMk id="10" creationId="{A9562D76-3EAE-1C26-B56B-FD565A54E243}"/>
          </ac:spMkLst>
        </pc:spChg>
      </pc:sldChg>
      <pc:sldChg chg="modSp mod ord">
        <pc:chgData name="Miriam Veisman-Apter" userId="dbfe11ee-18e9-43e6-81d9-5f5c7269d896" providerId="ADAL" clId="{AB933F37-0B54-4AF7-99DC-5BB8596C1A7A}" dt="2026-05-20T04:19:14.300" v="178" actId="1076"/>
        <pc:sldMkLst>
          <pc:docMk/>
          <pc:sldMk cId="754461325" sldId="332"/>
        </pc:sldMkLst>
        <pc:spChg chg="mod">
          <ac:chgData name="Miriam Veisman-Apter" userId="dbfe11ee-18e9-43e6-81d9-5f5c7269d896" providerId="ADAL" clId="{AB933F37-0B54-4AF7-99DC-5BB8596C1A7A}" dt="2026-05-20T04:19:10.193" v="177" actId="20577"/>
          <ac:spMkLst>
            <pc:docMk/>
            <pc:sldMk cId="754461325" sldId="332"/>
            <ac:spMk id="2" creationId="{AE155565-BFE5-260A-5F86-E991E621BFE8}"/>
          </ac:spMkLst>
        </pc:spChg>
        <pc:spChg chg="mod">
          <ac:chgData name="Miriam Veisman-Apter" userId="dbfe11ee-18e9-43e6-81d9-5f5c7269d896" providerId="ADAL" clId="{AB933F37-0B54-4AF7-99DC-5BB8596C1A7A}" dt="2026-05-20T04:05:57.026" v="112" actId="1036"/>
          <ac:spMkLst>
            <pc:docMk/>
            <pc:sldMk cId="754461325" sldId="332"/>
            <ac:spMk id="3" creationId="{9B250074-D017-1D0B-0093-2123BDE926EA}"/>
          </ac:spMkLst>
        </pc:spChg>
        <pc:spChg chg="mod">
          <ac:chgData name="Miriam Veisman-Apter" userId="dbfe11ee-18e9-43e6-81d9-5f5c7269d896" providerId="ADAL" clId="{AB933F37-0B54-4AF7-99DC-5BB8596C1A7A}" dt="2026-05-20T04:19:14.300" v="178" actId="1076"/>
          <ac:spMkLst>
            <pc:docMk/>
            <pc:sldMk cId="754461325" sldId="332"/>
            <ac:spMk id="4" creationId="{6E7968C2-2988-3DCA-1219-21E4F5777886}"/>
          </ac:spMkLst>
        </pc:spChg>
        <pc:spChg chg="mod">
          <ac:chgData name="Miriam Veisman-Apter" userId="dbfe11ee-18e9-43e6-81d9-5f5c7269d896" providerId="ADAL" clId="{AB933F37-0B54-4AF7-99DC-5BB8596C1A7A}" dt="2026-05-20T04:05:57.026" v="112" actId="1036"/>
          <ac:spMkLst>
            <pc:docMk/>
            <pc:sldMk cId="754461325" sldId="332"/>
            <ac:spMk id="5" creationId="{56264D15-E648-938F-73D6-149B30EEB1EF}"/>
          </ac:spMkLst>
        </pc:spChg>
        <pc:spChg chg="mod">
          <ac:chgData name="Miriam Veisman-Apter" userId="dbfe11ee-18e9-43e6-81d9-5f5c7269d896" providerId="ADAL" clId="{AB933F37-0B54-4AF7-99DC-5BB8596C1A7A}" dt="2026-05-20T04:05:57.026" v="112" actId="1036"/>
          <ac:spMkLst>
            <pc:docMk/>
            <pc:sldMk cId="754461325" sldId="332"/>
            <ac:spMk id="6" creationId="{7B85F208-ED77-5231-936D-7A97A127038E}"/>
          </ac:spMkLst>
        </pc:spChg>
        <pc:grpChg chg="mod">
          <ac:chgData name="Miriam Veisman-Apter" userId="dbfe11ee-18e9-43e6-81d9-5f5c7269d896" providerId="ADAL" clId="{AB933F37-0B54-4AF7-99DC-5BB8596C1A7A}" dt="2026-05-20T04:05:57.026" v="112" actId="1036"/>
          <ac:grpSpMkLst>
            <pc:docMk/>
            <pc:sldMk cId="754461325" sldId="332"/>
            <ac:grpSpMk id="7" creationId="{DCD42B90-1F01-5A70-F6C9-FB8B067E9959}"/>
          </ac:grpSpMkLst>
        </pc:grpChg>
        <pc:grpChg chg="mod">
          <ac:chgData name="Miriam Veisman-Apter" userId="dbfe11ee-18e9-43e6-81d9-5f5c7269d896" providerId="ADAL" clId="{AB933F37-0B54-4AF7-99DC-5BB8596C1A7A}" dt="2026-05-20T04:05:57.026" v="112" actId="1036"/>
          <ac:grpSpMkLst>
            <pc:docMk/>
            <pc:sldMk cId="754461325" sldId="332"/>
            <ac:grpSpMk id="10" creationId="{816CABCC-8FAB-5695-E2D5-0822AB757B43}"/>
          </ac:grpSpMkLst>
        </pc:grpChg>
        <pc:grpChg chg="mod">
          <ac:chgData name="Miriam Veisman-Apter" userId="dbfe11ee-18e9-43e6-81d9-5f5c7269d896" providerId="ADAL" clId="{AB933F37-0B54-4AF7-99DC-5BB8596C1A7A}" dt="2026-05-20T04:05:57.026" v="112" actId="1036"/>
          <ac:grpSpMkLst>
            <pc:docMk/>
            <pc:sldMk cId="754461325" sldId="332"/>
            <ac:grpSpMk id="13" creationId="{FD8D96DB-521C-A7A1-72FA-777D7F801E67}"/>
          </ac:grpSpMkLst>
        </pc:grpChg>
      </pc:sldChg>
      <pc:sldChg chg="modSp mod ord">
        <pc:chgData name="Miriam Veisman-Apter" userId="dbfe11ee-18e9-43e6-81d9-5f5c7269d896" providerId="ADAL" clId="{AB933F37-0B54-4AF7-99DC-5BB8596C1A7A}" dt="2026-05-20T04:18:28.546" v="144"/>
        <pc:sldMkLst>
          <pc:docMk/>
          <pc:sldMk cId="4026064457" sldId="410"/>
        </pc:sldMkLst>
        <pc:spChg chg="mod">
          <ac:chgData name="Miriam Veisman-Apter" userId="dbfe11ee-18e9-43e6-81d9-5f5c7269d896" providerId="ADAL" clId="{AB933F37-0B54-4AF7-99DC-5BB8596C1A7A}" dt="2026-05-20T04:03:17.073" v="1" actId="20577"/>
          <ac:spMkLst>
            <pc:docMk/>
            <pc:sldMk cId="4026064457" sldId="410"/>
            <ac:spMk id="6" creationId="{BA862BD5-0B68-9B5B-6343-F494B78252B3}"/>
          </ac:spMkLst>
        </pc:spChg>
        <pc:spChg chg="mod">
          <ac:chgData name="Miriam Veisman-Apter" userId="dbfe11ee-18e9-43e6-81d9-5f5c7269d896" providerId="ADAL" clId="{AB933F37-0B54-4AF7-99DC-5BB8596C1A7A}" dt="2026-05-20T04:03:24.860" v="4" actId="20577"/>
          <ac:spMkLst>
            <pc:docMk/>
            <pc:sldMk cId="4026064457" sldId="410"/>
            <ac:spMk id="22" creationId="{69631204-CFF8-1B43-190F-488A27931720}"/>
          </ac:spMkLst>
        </pc:spChg>
        <pc:spChg chg="mod">
          <ac:chgData name="Miriam Veisman-Apter" userId="dbfe11ee-18e9-43e6-81d9-5f5c7269d896" providerId="ADAL" clId="{AB933F37-0B54-4AF7-99DC-5BB8596C1A7A}" dt="2026-05-20T04:03:18.355" v="2" actId="20577"/>
          <ac:spMkLst>
            <pc:docMk/>
            <pc:sldMk cId="4026064457" sldId="410"/>
            <ac:spMk id="24" creationId="{53283ADE-9932-0A65-7EE2-3D0708F5BCF4}"/>
          </ac:spMkLst>
        </pc:spChg>
        <pc:spChg chg="mod">
          <ac:chgData name="Miriam Veisman-Apter" userId="dbfe11ee-18e9-43e6-81d9-5f5c7269d896" providerId="ADAL" clId="{AB933F37-0B54-4AF7-99DC-5BB8596C1A7A}" dt="2026-05-20T04:03:21.691" v="3" actId="20577"/>
          <ac:spMkLst>
            <pc:docMk/>
            <pc:sldMk cId="4026064457" sldId="410"/>
            <ac:spMk id="28" creationId="{3535B128-7C5D-C797-CFBB-961C70222427}"/>
          </ac:spMkLst>
        </pc:spChg>
      </pc:sldChg>
      <pc:sldChg chg="modSp mod ord">
        <pc:chgData name="Miriam Veisman-Apter" userId="dbfe11ee-18e9-43e6-81d9-5f5c7269d896" providerId="ADAL" clId="{AB933F37-0B54-4AF7-99DC-5BB8596C1A7A}" dt="2026-05-20T04:15:45.979" v="142" actId="1036"/>
        <pc:sldMkLst>
          <pc:docMk/>
          <pc:sldMk cId="2517654574" sldId="412"/>
        </pc:sldMkLst>
        <pc:spChg chg="mod">
          <ac:chgData name="Miriam Veisman-Apter" userId="dbfe11ee-18e9-43e6-81d9-5f5c7269d896" providerId="ADAL" clId="{AB933F37-0B54-4AF7-99DC-5BB8596C1A7A}" dt="2026-05-20T04:15:28.591" v="122" actId="6549"/>
          <ac:spMkLst>
            <pc:docMk/>
            <pc:sldMk cId="2517654574" sldId="412"/>
            <ac:spMk id="2" creationId="{5FB2BD37-90A0-35CD-BB7E-52A3E53CEA6E}"/>
          </ac:spMkLst>
        </pc:spChg>
        <pc:grpChg chg="mod">
          <ac:chgData name="Miriam Veisman-Apter" userId="dbfe11ee-18e9-43e6-81d9-5f5c7269d896" providerId="ADAL" clId="{AB933F37-0B54-4AF7-99DC-5BB8596C1A7A}" dt="2026-05-20T04:15:45.979" v="142" actId="1036"/>
          <ac:grpSpMkLst>
            <pc:docMk/>
            <pc:sldMk cId="2517654574" sldId="412"/>
            <ac:grpSpMk id="14" creationId="{A067D199-771F-BA9E-978C-7D6AAF3EEC6B}"/>
          </ac:grpSpMkLst>
        </pc:grpChg>
        <pc:grpChg chg="mod">
          <ac:chgData name="Miriam Veisman-Apter" userId="dbfe11ee-18e9-43e6-81d9-5f5c7269d896" providerId="ADAL" clId="{AB933F37-0B54-4AF7-99DC-5BB8596C1A7A}" dt="2026-05-20T04:15:45.979" v="142" actId="1036"/>
          <ac:grpSpMkLst>
            <pc:docMk/>
            <pc:sldMk cId="2517654574" sldId="412"/>
            <ac:grpSpMk id="15" creationId="{F59C2B70-3BF8-F93A-262C-6077B6DF5720}"/>
          </ac:grpSpMkLst>
        </pc:grpChg>
        <pc:grpChg chg="mod">
          <ac:chgData name="Miriam Veisman-Apter" userId="dbfe11ee-18e9-43e6-81d9-5f5c7269d896" providerId="ADAL" clId="{AB933F37-0B54-4AF7-99DC-5BB8596C1A7A}" dt="2026-05-20T04:15:45.979" v="142" actId="1036"/>
          <ac:grpSpMkLst>
            <pc:docMk/>
            <pc:sldMk cId="2517654574" sldId="412"/>
            <ac:grpSpMk id="16" creationId="{66FAFE19-0892-0E1D-3AA4-1BE9A4A49B45}"/>
          </ac:grpSpMkLst>
        </pc:grpChg>
        <pc:grpChg chg="mod">
          <ac:chgData name="Miriam Veisman-Apter" userId="dbfe11ee-18e9-43e6-81d9-5f5c7269d896" providerId="ADAL" clId="{AB933F37-0B54-4AF7-99DC-5BB8596C1A7A}" dt="2026-05-20T04:15:45.979" v="142" actId="1036"/>
          <ac:grpSpMkLst>
            <pc:docMk/>
            <pc:sldMk cId="2517654574" sldId="412"/>
            <ac:grpSpMk id="17" creationId="{17F94FD2-2617-B23A-5082-8D7E9423AE1B}"/>
          </ac:grpSpMkLst>
        </pc:grpChg>
        <pc:grpChg chg="mod">
          <ac:chgData name="Miriam Veisman-Apter" userId="dbfe11ee-18e9-43e6-81d9-5f5c7269d896" providerId="ADAL" clId="{AB933F37-0B54-4AF7-99DC-5BB8596C1A7A}" dt="2026-05-20T04:15:45.979" v="142" actId="1036"/>
          <ac:grpSpMkLst>
            <pc:docMk/>
            <pc:sldMk cId="2517654574" sldId="412"/>
            <ac:grpSpMk id="18" creationId="{93E1777D-831A-CA4C-AF86-3B890D903369}"/>
          </ac:grpSpMkLst>
        </pc:grpChg>
      </pc:sldChg>
      <pc:sldChg chg="modSp mod ord">
        <pc:chgData name="Miriam Veisman-Apter" userId="dbfe11ee-18e9-43e6-81d9-5f5c7269d896" providerId="ADAL" clId="{AB933F37-0B54-4AF7-99DC-5BB8596C1A7A}" dt="2026-05-20T04:15:36.523" v="129" actId="20577"/>
        <pc:sldMkLst>
          <pc:docMk/>
          <pc:sldMk cId="1145382610" sldId="500"/>
        </pc:sldMkLst>
        <pc:spChg chg="mod">
          <ac:chgData name="Miriam Veisman-Apter" userId="dbfe11ee-18e9-43e6-81d9-5f5c7269d896" providerId="ADAL" clId="{AB933F37-0B54-4AF7-99DC-5BB8596C1A7A}" dt="2026-05-20T04:15:36.523" v="129" actId="20577"/>
          <ac:spMkLst>
            <pc:docMk/>
            <pc:sldMk cId="1145382610" sldId="500"/>
            <ac:spMk id="2" creationId="{79C9A2BD-35E4-F623-3E3B-FCBFC2DE63B3}"/>
          </ac:spMkLst>
        </pc:spChg>
      </pc:sldChg>
      <pc:sldChg chg="addSp delSp modSp new mod">
        <pc:chgData name="Miriam Veisman-Apter" userId="dbfe11ee-18e9-43e6-81d9-5f5c7269d896" providerId="ADAL" clId="{AB933F37-0B54-4AF7-99DC-5BB8596C1A7A}" dt="2026-05-20T05:54:14.093" v="750" actId="1076"/>
        <pc:sldMkLst>
          <pc:docMk/>
          <pc:sldMk cId="2083774137" sldId="525"/>
        </pc:sldMkLst>
        <pc:spChg chg="mod">
          <ac:chgData name="Miriam Veisman-Apter" userId="dbfe11ee-18e9-43e6-81d9-5f5c7269d896" providerId="ADAL" clId="{AB933F37-0B54-4AF7-99DC-5BB8596C1A7A}" dt="2026-05-20T05:52:10.168" v="716" actId="6549"/>
          <ac:spMkLst>
            <pc:docMk/>
            <pc:sldMk cId="2083774137" sldId="525"/>
            <ac:spMk id="2" creationId="{0E91084D-B336-12F8-A3B5-21F304802B15}"/>
          </ac:spMkLst>
        </pc:spChg>
        <pc:spChg chg="mod">
          <ac:chgData name="Miriam Veisman-Apter" userId="dbfe11ee-18e9-43e6-81d9-5f5c7269d896" providerId="ADAL" clId="{AB933F37-0B54-4AF7-99DC-5BB8596C1A7A}" dt="2026-05-20T04:43:16.608" v="261" actId="20577"/>
          <ac:spMkLst>
            <pc:docMk/>
            <pc:sldMk cId="2083774137" sldId="525"/>
            <ac:spMk id="3" creationId="{D13A527E-18C1-F3EE-8FB4-C8B045DE7AAE}"/>
          </ac:spMkLst>
        </pc:spChg>
        <pc:spChg chg="del">
          <ac:chgData name="Miriam Veisman-Apter" userId="dbfe11ee-18e9-43e6-81d9-5f5c7269d896" providerId="ADAL" clId="{AB933F37-0B54-4AF7-99DC-5BB8596C1A7A}" dt="2026-05-20T04:43:21.685" v="262" actId="478"/>
          <ac:spMkLst>
            <pc:docMk/>
            <pc:sldMk cId="2083774137" sldId="525"/>
            <ac:spMk id="4" creationId="{ACD5A476-87AE-1DDB-D1FA-67391B83200D}"/>
          </ac:spMkLst>
        </pc:spChg>
        <pc:spChg chg="add mod">
          <ac:chgData name="Miriam Veisman-Apter" userId="dbfe11ee-18e9-43e6-81d9-5f5c7269d896" providerId="ADAL" clId="{AB933F37-0B54-4AF7-99DC-5BB8596C1A7A}" dt="2026-05-20T05:50:53.999" v="688" actId="14100"/>
          <ac:spMkLst>
            <pc:docMk/>
            <pc:sldMk cId="2083774137" sldId="525"/>
            <ac:spMk id="6" creationId="{F105834A-0B93-4915-3F2B-992AE9861852}"/>
          </ac:spMkLst>
        </pc:spChg>
        <pc:spChg chg="add mod ord">
          <ac:chgData name="Miriam Veisman-Apter" userId="dbfe11ee-18e9-43e6-81d9-5f5c7269d896" providerId="ADAL" clId="{AB933F37-0B54-4AF7-99DC-5BB8596C1A7A}" dt="2026-05-20T05:52:43.373" v="726" actId="1076"/>
          <ac:spMkLst>
            <pc:docMk/>
            <pc:sldMk cId="2083774137" sldId="525"/>
            <ac:spMk id="7" creationId="{A987AD48-4FD4-0C8F-763A-1D24F0D35697}"/>
          </ac:spMkLst>
        </pc:spChg>
        <pc:spChg chg="mod">
          <ac:chgData name="Miriam Veisman-Apter" userId="dbfe11ee-18e9-43e6-81d9-5f5c7269d896" providerId="ADAL" clId="{AB933F37-0B54-4AF7-99DC-5BB8596C1A7A}" dt="2026-05-20T05:45:16.459" v="376"/>
          <ac:spMkLst>
            <pc:docMk/>
            <pc:sldMk cId="2083774137" sldId="525"/>
            <ac:spMk id="9" creationId="{9F12AA88-60C8-1FDD-BA5D-3998746F8AC1}"/>
          </ac:spMkLst>
        </pc:spChg>
        <pc:spChg chg="add mod">
          <ac:chgData name="Miriam Veisman-Apter" userId="dbfe11ee-18e9-43e6-81d9-5f5c7269d896" providerId="ADAL" clId="{AB933F37-0B54-4AF7-99DC-5BB8596C1A7A}" dt="2026-05-20T05:47:32.262" v="408" actId="207"/>
          <ac:spMkLst>
            <pc:docMk/>
            <pc:sldMk cId="2083774137" sldId="525"/>
            <ac:spMk id="11" creationId="{6B02A077-E60E-1F11-B50A-EEC3F0E0F4B1}"/>
          </ac:spMkLst>
        </pc:spChg>
        <pc:spChg chg="mod">
          <ac:chgData name="Miriam Veisman-Apter" userId="dbfe11ee-18e9-43e6-81d9-5f5c7269d896" providerId="ADAL" clId="{AB933F37-0B54-4AF7-99DC-5BB8596C1A7A}" dt="2026-05-20T05:52:39.134" v="725" actId="1076"/>
          <ac:spMkLst>
            <pc:docMk/>
            <pc:sldMk cId="2083774137" sldId="525"/>
            <ac:spMk id="12" creationId="{09D73B82-084B-9AB6-DBD5-ACA12080B43D}"/>
          </ac:spMkLst>
        </pc:spChg>
        <pc:spChg chg="mod">
          <ac:chgData name="Miriam Veisman-Apter" userId="dbfe11ee-18e9-43e6-81d9-5f5c7269d896" providerId="ADAL" clId="{AB933F37-0B54-4AF7-99DC-5BB8596C1A7A}" dt="2026-05-20T05:45:16.459" v="376"/>
          <ac:spMkLst>
            <pc:docMk/>
            <pc:sldMk cId="2083774137" sldId="525"/>
            <ac:spMk id="16" creationId="{E97539C8-0F4F-B951-716B-28BB4719CC54}"/>
          </ac:spMkLst>
        </pc:spChg>
        <pc:spChg chg="mod">
          <ac:chgData name="Miriam Veisman-Apter" userId="dbfe11ee-18e9-43e6-81d9-5f5c7269d896" providerId="ADAL" clId="{AB933F37-0B54-4AF7-99DC-5BB8596C1A7A}" dt="2026-05-20T05:45:16.459" v="376"/>
          <ac:spMkLst>
            <pc:docMk/>
            <pc:sldMk cId="2083774137" sldId="525"/>
            <ac:spMk id="19" creationId="{ACDD8935-8E68-2D25-1224-6659397CC89D}"/>
          </ac:spMkLst>
        </pc:spChg>
        <pc:spChg chg="mod">
          <ac:chgData name="Miriam Veisman-Apter" userId="dbfe11ee-18e9-43e6-81d9-5f5c7269d896" providerId="ADAL" clId="{AB933F37-0B54-4AF7-99DC-5BB8596C1A7A}" dt="2026-05-20T05:45:16.459" v="376"/>
          <ac:spMkLst>
            <pc:docMk/>
            <pc:sldMk cId="2083774137" sldId="525"/>
            <ac:spMk id="23" creationId="{9BA65038-E6F7-5694-FBA0-9F12A41E6A7B}"/>
          </ac:spMkLst>
        </pc:spChg>
        <pc:spChg chg="mod">
          <ac:chgData name="Miriam Veisman-Apter" userId="dbfe11ee-18e9-43e6-81d9-5f5c7269d896" providerId="ADAL" clId="{AB933F37-0B54-4AF7-99DC-5BB8596C1A7A}" dt="2026-05-20T05:45:16.459" v="376"/>
          <ac:spMkLst>
            <pc:docMk/>
            <pc:sldMk cId="2083774137" sldId="525"/>
            <ac:spMk id="26" creationId="{7BF21133-91BD-E034-B6D4-94337931E12E}"/>
          </ac:spMkLst>
        </pc:spChg>
        <pc:spChg chg="mod">
          <ac:chgData name="Miriam Veisman-Apter" userId="dbfe11ee-18e9-43e6-81d9-5f5c7269d896" providerId="ADAL" clId="{AB933F37-0B54-4AF7-99DC-5BB8596C1A7A}" dt="2026-05-20T05:52:36.622" v="724" actId="1076"/>
          <ac:spMkLst>
            <pc:docMk/>
            <pc:sldMk cId="2083774137" sldId="525"/>
            <ac:spMk id="29" creationId="{CA93C475-BE3E-2CAF-328B-AE50D805F7CD}"/>
          </ac:spMkLst>
        </pc:spChg>
        <pc:spChg chg="mod">
          <ac:chgData name="Miriam Veisman-Apter" userId="dbfe11ee-18e9-43e6-81d9-5f5c7269d896" providerId="ADAL" clId="{AB933F37-0B54-4AF7-99DC-5BB8596C1A7A}" dt="2026-05-20T05:45:16.459" v="376"/>
          <ac:spMkLst>
            <pc:docMk/>
            <pc:sldMk cId="2083774137" sldId="525"/>
            <ac:spMk id="33" creationId="{86E47952-EFE7-6316-9F01-20899BAA1742}"/>
          </ac:spMkLst>
        </pc:spChg>
        <pc:spChg chg="mod">
          <ac:chgData name="Miriam Veisman-Apter" userId="dbfe11ee-18e9-43e6-81d9-5f5c7269d896" providerId="ADAL" clId="{AB933F37-0B54-4AF7-99DC-5BB8596C1A7A}" dt="2026-05-20T05:45:16.459" v="376"/>
          <ac:spMkLst>
            <pc:docMk/>
            <pc:sldMk cId="2083774137" sldId="525"/>
            <ac:spMk id="34" creationId="{40006A66-5168-0822-88CB-2856847DADC5}"/>
          </ac:spMkLst>
        </pc:spChg>
        <pc:spChg chg="mod">
          <ac:chgData name="Miriam Veisman-Apter" userId="dbfe11ee-18e9-43e6-81d9-5f5c7269d896" providerId="ADAL" clId="{AB933F37-0B54-4AF7-99DC-5BB8596C1A7A}" dt="2026-05-20T05:45:16.459" v="376"/>
          <ac:spMkLst>
            <pc:docMk/>
            <pc:sldMk cId="2083774137" sldId="525"/>
            <ac:spMk id="35" creationId="{010930E8-2D01-7AF2-3C11-7B91EE52AD54}"/>
          </ac:spMkLst>
        </pc:spChg>
        <pc:spChg chg="add mod">
          <ac:chgData name="Miriam Veisman-Apter" userId="dbfe11ee-18e9-43e6-81d9-5f5c7269d896" providerId="ADAL" clId="{AB933F37-0B54-4AF7-99DC-5BB8596C1A7A}" dt="2026-05-20T05:54:14.093" v="750" actId="1076"/>
          <ac:spMkLst>
            <pc:docMk/>
            <pc:sldMk cId="2083774137" sldId="525"/>
            <ac:spMk id="37" creationId="{A617DB1F-F76B-0ADB-BCF8-B8B54FA7A842}"/>
          </ac:spMkLst>
        </pc:spChg>
        <pc:spChg chg="add mod">
          <ac:chgData name="Miriam Veisman-Apter" userId="dbfe11ee-18e9-43e6-81d9-5f5c7269d896" providerId="ADAL" clId="{AB933F37-0B54-4AF7-99DC-5BB8596C1A7A}" dt="2026-05-20T05:50:27.870" v="678" actId="1076"/>
          <ac:spMkLst>
            <pc:docMk/>
            <pc:sldMk cId="2083774137" sldId="525"/>
            <ac:spMk id="38" creationId="{1C9BC6A8-8C93-B7E3-2DAD-8A944D908C31}"/>
          </ac:spMkLst>
        </pc:spChg>
        <pc:spChg chg="add mod">
          <ac:chgData name="Miriam Veisman-Apter" userId="dbfe11ee-18e9-43e6-81d9-5f5c7269d896" providerId="ADAL" clId="{AB933F37-0B54-4AF7-99DC-5BB8596C1A7A}" dt="2026-05-20T05:49:02.167" v="567" actId="20577"/>
          <ac:spMkLst>
            <pc:docMk/>
            <pc:sldMk cId="2083774137" sldId="525"/>
            <ac:spMk id="39" creationId="{30F64CF5-29AB-769E-72C3-87942F799B79}"/>
          </ac:spMkLst>
        </pc:spChg>
        <pc:spChg chg="add mod">
          <ac:chgData name="Miriam Veisman-Apter" userId="dbfe11ee-18e9-43e6-81d9-5f5c7269d896" providerId="ADAL" clId="{AB933F37-0B54-4AF7-99DC-5BB8596C1A7A}" dt="2026-05-20T05:49:45.255" v="673" actId="20577"/>
          <ac:spMkLst>
            <pc:docMk/>
            <pc:sldMk cId="2083774137" sldId="525"/>
            <ac:spMk id="40" creationId="{A4E82133-CF73-CBD8-E6D0-D6F53F43DFAE}"/>
          </ac:spMkLst>
        </pc:spChg>
        <pc:grpChg chg="del">
          <ac:chgData name="Miriam Veisman-Apter" userId="dbfe11ee-18e9-43e6-81d9-5f5c7269d896" providerId="ADAL" clId="{AB933F37-0B54-4AF7-99DC-5BB8596C1A7A}" dt="2026-05-20T05:45:28.310" v="380" actId="478"/>
          <ac:grpSpMkLst>
            <pc:docMk/>
            <pc:sldMk cId="2083774137" sldId="525"/>
            <ac:grpSpMk id="8" creationId="{2AD0A456-B86E-A0D8-6FC5-3DDD0D2EFD20}"/>
          </ac:grpSpMkLst>
        </pc:grpChg>
        <pc:grpChg chg="del">
          <ac:chgData name="Miriam Veisman-Apter" userId="dbfe11ee-18e9-43e6-81d9-5f5c7269d896" providerId="ADAL" clId="{AB933F37-0B54-4AF7-99DC-5BB8596C1A7A}" dt="2026-05-20T05:45:42.887" v="385" actId="478"/>
          <ac:grpSpMkLst>
            <pc:docMk/>
            <pc:sldMk cId="2083774137" sldId="525"/>
            <ac:grpSpMk id="13" creationId="{45DE005B-B5AA-DE5B-7B44-15E78C665BE7}"/>
          </ac:grpSpMkLst>
        </pc:grpChg>
        <pc:grpChg chg="del">
          <ac:chgData name="Miriam Veisman-Apter" userId="dbfe11ee-18e9-43e6-81d9-5f5c7269d896" providerId="ADAL" clId="{AB933F37-0B54-4AF7-99DC-5BB8596C1A7A}" dt="2026-05-20T05:45:44.036" v="386" actId="478"/>
          <ac:grpSpMkLst>
            <pc:docMk/>
            <pc:sldMk cId="2083774137" sldId="525"/>
            <ac:grpSpMk id="20" creationId="{D022338B-CF45-67F8-18CB-7FF054F861D7}"/>
          </ac:grpSpMkLst>
        </pc:grpChg>
        <pc:grpChg chg="del">
          <ac:chgData name="Miriam Veisman-Apter" userId="dbfe11ee-18e9-43e6-81d9-5f5c7269d896" providerId="ADAL" clId="{AB933F37-0B54-4AF7-99DC-5BB8596C1A7A}" dt="2026-05-20T05:45:44.694" v="387" actId="478"/>
          <ac:grpSpMkLst>
            <pc:docMk/>
            <pc:sldMk cId="2083774137" sldId="525"/>
            <ac:grpSpMk id="30" creationId="{0F1E7F79-9781-4990-F0C5-C562231F194E}"/>
          </ac:grpSpMkLst>
        </pc:grpChg>
        <pc:picChg chg="add del mod">
          <ac:chgData name="Miriam Veisman-Apter" userId="dbfe11ee-18e9-43e6-81d9-5f5c7269d896" providerId="ADAL" clId="{AB933F37-0B54-4AF7-99DC-5BB8596C1A7A}" dt="2026-05-20T05:50:58.021" v="691" actId="21"/>
          <ac:picMkLst>
            <pc:docMk/>
            <pc:sldMk cId="2083774137" sldId="525"/>
            <ac:picMk id="42" creationId="{4BC3493B-3373-B4D1-9ED3-FB4103C7FE7D}"/>
          </ac:picMkLst>
        </pc:picChg>
        <pc:picChg chg="add mod">
          <ac:chgData name="Miriam Veisman-Apter" userId="dbfe11ee-18e9-43e6-81d9-5f5c7269d896" providerId="ADAL" clId="{AB933F37-0B54-4AF7-99DC-5BB8596C1A7A}" dt="2026-05-20T05:52:51.871" v="733" actId="1035"/>
          <ac:picMkLst>
            <pc:docMk/>
            <pc:sldMk cId="2083774137" sldId="525"/>
            <ac:picMk id="43" creationId="{4BC3493B-3373-B4D1-9ED3-FB4103C7FE7D}"/>
          </ac:picMkLst>
        </pc:picChg>
        <pc:picChg chg="add mod">
          <ac:chgData name="Miriam Veisman-Apter" userId="dbfe11ee-18e9-43e6-81d9-5f5c7269d896" providerId="ADAL" clId="{AB933F37-0B54-4AF7-99DC-5BB8596C1A7A}" dt="2026-05-20T05:52:20.926" v="719" actId="1076"/>
          <ac:picMkLst>
            <pc:docMk/>
            <pc:sldMk cId="2083774137" sldId="525"/>
            <ac:picMk id="44" creationId="{1567F84D-54C0-13E0-FCB3-47F867887E98}"/>
          </ac:picMkLst>
        </pc:picChg>
        <pc:picChg chg="add mod">
          <ac:chgData name="Miriam Veisman-Apter" userId="dbfe11ee-18e9-43e6-81d9-5f5c7269d896" providerId="ADAL" clId="{AB933F37-0B54-4AF7-99DC-5BB8596C1A7A}" dt="2026-05-20T05:52:29.322" v="721" actId="14100"/>
          <ac:picMkLst>
            <pc:docMk/>
            <pc:sldMk cId="2083774137" sldId="525"/>
            <ac:picMk id="45" creationId="{60628B96-81D5-A5C5-9418-299C78A02ADB}"/>
          </ac:picMkLst>
        </pc:picChg>
        <pc:picChg chg="add mod">
          <ac:chgData name="Miriam Veisman-Apter" userId="dbfe11ee-18e9-43e6-81d9-5f5c7269d896" providerId="ADAL" clId="{AB933F37-0B54-4AF7-99DC-5BB8596C1A7A}" dt="2026-05-20T05:52:33.847" v="723" actId="14100"/>
          <ac:picMkLst>
            <pc:docMk/>
            <pc:sldMk cId="2083774137" sldId="525"/>
            <ac:picMk id="46" creationId="{F46F6E78-C30F-8FA3-8FEA-D6FB99048632}"/>
          </ac:picMkLst>
        </pc:picChg>
        <pc:picChg chg="add mod">
          <ac:chgData name="Miriam Veisman-Apter" userId="dbfe11ee-18e9-43e6-81d9-5f5c7269d896" providerId="ADAL" clId="{AB933F37-0B54-4AF7-99DC-5BB8596C1A7A}" dt="2026-05-20T05:53:55.946" v="742" actId="1076"/>
          <ac:picMkLst>
            <pc:docMk/>
            <pc:sldMk cId="2083774137" sldId="525"/>
            <ac:picMk id="48" creationId="{670312A0-494C-020D-A879-68375E78419E}"/>
          </ac:picMkLst>
        </pc:picChg>
        <pc:picChg chg="add mod">
          <ac:chgData name="Miriam Veisman-Apter" userId="dbfe11ee-18e9-43e6-81d9-5f5c7269d896" providerId="ADAL" clId="{AB933F37-0B54-4AF7-99DC-5BB8596C1A7A}" dt="2026-05-20T05:54:00.249" v="744" actId="1076"/>
          <ac:picMkLst>
            <pc:docMk/>
            <pc:sldMk cId="2083774137" sldId="525"/>
            <ac:picMk id="49" creationId="{E8727BE3-F0B7-EA65-9B34-F79159BCE615}"/>
          </ac:picMkLst>
        </pc:picChg>
        <pc:picChg chg="add mod">
          <ac:chgData name="Miriam Veisman-Apter" userId="dbfe11ee-18e9-43e6-81d9-5f5c7269d896" providerId="ADAL" clId="{AB933F37-0B54-4AF7-99DC-5BB8596C1A7A}" dt="2026-05-20T05:54:06.054" v="746" actId="1076"/>
          <ac:picMkLst>
            <pc:docMk/>
            <pc:sldMk cId="2083774137" sldId="525"/>
            <ac:picMk id="50" creationId="{3B306E09-B01C-8DAA-B1D1-E8D5FA7E7F26}"/>
          </ac:picMkLst>
        </pc:picChg>
        <pc:picChg chg="add mod">
          <ac:chgData name="Miriam Veisman-Apter" userId="dbfe11ee-18e9-43e6-81d9-5f5c7269d896" providerId="ADAL" clId="{AB933F37-0B54-4AF7-99DC-5BB8596C1A7A}" dt="2026-05-20T05:54:09.936" v="748" actId="1076"/>
          <ac:picMkLst>
            <pc:docMk/>
            <pc:sldMk cId="2083774137" sldId="525"/>
            <ac:picMk id="51" creationId="{DF094245-D4F9-63C7-4FB2-C39DED594E09}"/>
          </ac:picMkLst>
        </pc:picChg>
      </pc:sldChg>
      <pc:sldChg chg="addSp delSp modSp new mod setBg">
        <pc:chgData name="Miriam Veisman-Apter" userId="dbfe11ee-18e9-43e6-81d9-5f5c7269d896" providerId="ADAL" clId="{AB933F37-0B54-4AF7-99DC-5BB8596C1A7A}" dt="2026-05-20T23:14:40.775" v="1308" actId="1076"/>
        <pc:sldMkLst>
          <pc:docMk/>
          <pc:sldMk cId="1958191486" sldId="526"/>
        </pc:sldMkLst>
        <pc:spChg chg="add del mod">
          <ac:chgData name="Miriam Veisman-Apter" userId="dbfe11ee-18e9-43e6-81d9-5f5c7269d896" providerId="ADAL" clId="{AB933F37-0B54-4AF7-99DC-5BB8596C1A7A}" dt="2026-05-20T05:57:33.502" v="1165" actId="478"/>
          <ac:spMkLst>
            <pc:docMk/>
            <pc:sldMk cId="1958191486" sldId="526"/>
            <ac:spMk id="2" creationId="{885F7EAB-5F45-7A60-C5DA-EAAC6D50D126}"/>
          </ac:spMkLst>
        </pc:spChg>
        <pc:spChg chg="mod">
          <ac:chgData name="Miriam Veisman-Apter" userId="dbfe11ee-18e9-43e6-81d9-5f5c7269d896" providerId="ADAL" clId="{AB933F37-0B54-4AF7-99DC-5BB8596C1A7A}" dt="2026-05-20T05:56:27.458" v="1153" actId="26606"/>
          <ac:spMkLst>
            <pc:docMk/>
            <pc:sldMk cId="1958191486" sldId="526"/>
            <ac:spMk id="3" creationId="{5E5CF227-77AE-43EC-0BAD-65609FA68EE4}"/>
          </ac:spMkLst>
        </pc:spChg>
        <pc:spChg chg="del">
          <ac:chgData name="Miriam Veisman-Apter" userId="dbfe11ee-18e9-43e6-81d9-5f5c7269d896" providerId="ADAL" clId="{AB933F37-0B54-4AF7-99DC-5BB8596C1A7A}" dt="2026-05-20T05:56:07.037" v="1151" actId="478"/>
          <ac:spMkLst>
            <pc:docMk/>
            <pc:sldMk cId="1958191486" sldId="526"/>
            <ac:spMk id="4" creationId="{03641920-0E59-2ACF-FC2F-ED1A3134B49B}"/>
          </ac:spMkLst>
        </pc:spChg>
        <pc:spChg chg="mod">
          <ac:chgData name="Miriam Veisman-Apter" userId="dbfe11ee-18e9-43e6-81d9-5f5c7269d896" providerId="ADAL" clId="{AB933F37-0B54-4AF7-99DC-5BB8596C1A7A}" dt="2026-05-20T05:56:27.458" v="1153" actId="26606"/>
          <ac:spMkLst>
            <pc:docMk/>
            <pc:sldMk cId="1958191486" sldId="526"/>
            <ac:spMk id="5" creationId="{9874E8E0-B14C-165E-F41C-8686911D5476}"/>
          </ac:spMkLst>
        </pc:spChg>
        <pc:spChg chg="add mod">
          <ac:chgData name="Miriam Veisman-Apter" userId="dbfe11ee-18e9-43e6-81d9-5f5c7269d896" providerId="ADAL" clId="{AB933F37-0B54-4AF7-99DC-5BB8596C1A7A}" dt="2026-05-20T06:00:27.464" v="1190" actId="1076"/>
          <ac:spMkLst>
            <pc:docMk/>
            <pc:sldMk cId="1958191486" sldId="526"/>
            <ac:spMk id="6" creationId="{2BD48EA5-C881-B17A-21FC-1844A2CFD46D}"/>
          </ac:spMkLst>
        </pc:spChg>
        <pc:spChg chg="add mod">
          <ac:chgData name="Miriam Veisman-Apter" userId="dbfe11ee-18e9-43e6-81d9-5f5c7269d896" providerId="ADAL" clId="{AB933F37-0B54-4AF7-99DC-5BB8596C1A7A}" dt="2026-05-20T06:00:40.016" v="1194" actId="14100"/>
          <ac:spMkLst>
            <pc:docMk/>
            <pc:sldMk cId="1958191486" sldId="526"/>
            <ac:spMk id="8" creationId="{8647376D-2F94-D77A-E03A-5274B4210E6A}"/>
          </ac:spMkLst>
        </pc:spChg>
        <pc:spChg chg="add mod">
          <ac:chgData name="Miriam Veisman-Apter" userId="dbfe11ee-18e9-43e6-81d9-5f5c7269d896" providerId="ADAL" clId="{AB933F37-0B54-4AF7-99DC-5BB8596C1A7A}" dt="2026-05-20T06:53:44.934" v="1206" actId="20577"/>
          <ac:spMkLst>
            <pc:docMk/>
            <pc:sldMk cId="1958191486" sldId="526"/>
            <ac:spMk id="9" creationId="{C8AD037A-ED27-81F1-999D-0F5B9FAA152A}"/>
          </ac:spMkLst>
        </pc:spChg>
        <pc:spChg chg="add mod">
          <ac:chgData name="Miriam Veisman-Apter" userId="dbfe11ee-18e9-43e6-81d9-5f5c7269d896" providerId="ADAL" clId="{AB933F37-0B54-4AF7-99DC-5BB8596C1A7A}" dt="2026-05-20T06:00:36.893" v="1193" actId="14100"/>
          <ac:spMkLst>
            <pc:docMk/>
            <pc:sldMk cId="1958191486" sldId="526"/>
            <ac:spMk id="10" creationId="{8342E013-1CC4-6996-9D18-87260606B04A}"/>
          </ac:spMkLst>
        </pc:spChg>
        <pc:spChg chg="add del">
          <ac:chgData name="Miriam Veisman-Apter" userId="dbfe11ee-18e9-43e6-81d9-5f5c7269d896" providerId="ADAL" clId="{AB933F37-0B54-4AF7-99DC-5BB8596C1A7A}" dt="2026-05-20T05:56:27.458" v="1153" actId="26606"/>
          <ac:spMkLst>
            <pc:docMk/>
            <pc:sldMk cId="1958191486" sldId="526"/>
            <ac:spMk id="11" creationId="{35DB3719-6FDC-4E5D-891D-FF40B7300F64}"/>
          </ac:spMkLst>
        </pc:spChg>
        <pc:spChg chg="add mod">
          <ac:chgData name="Miriam Veisman-Apter" userId="dbfe11ee-18e9-43e6-81d9-5f5c7269d896" providerId="ADAL" clId="{AB933F37-0B54-4AF7-99DC-5BB8596C1A7A}" dt="2026-05-20T23:14:36.215" v="1307" actId="1076"/>
          <ac:spMkLst>
            <pc:docMk/>
            <pc:sldMk cId="1958191486" sldId="526"/>
            <ac:spMk id="12" creationId="{3242E434-511A-6E7A-B779-D1AB00045863}"/>
          </ac:spMkLst>
        </pc:spChg>
        <pc:spChg chg="add del">
          <ac:chgData name="Miriam Veisman-Apter" userId="dbfe11ee-18e9-43e6-81d9-5f5c7269d896" providerId="ADAL" clId="{AB933F37-0B54-4AF7-99DC-5BB8596C1A7A}" dt="2026-05-20T05:56:27.458" v="1153" actId="26606"/>
          <ac:spMkLst>
            <pc:docMk/>
            <pc:sldMk cId="1958191486" sldId="526"/>
            <ac:spMk id="13" creationId="{E0CBAC23-2E3F-4A90-BA59-F8299F6A5439}"/>
          </ac:spMkLst>
        </pc:spChg>
        <pc:spChg chg="add mod">
          <ac:chgData name="Miriam Veisman-Apter" userId="dbfe11ee-18e9-43e6-81d9-5f5c7269d896" providerId="ADAL" clId="{AB933F37-0B54-4AF7-99DC-5BB8596C1A7A}" dt="2026-05-20T05:57:48.569" v="1170" actId="1076"/>
          <ac:spMkLst>
            <pc:docMk/>
            <pc:sldMk cId="1958191486" sldId="526"/>
            <ac:spMk id="14" creationId="{A9218D1E-5D51-3CA4-C3E2-2E65C9684E97}"/>
          </ac:spMkLst>
        </pc:spChg>
        <pc:spChg chg="add del mod">
          <ac:chgData name="Miriam Veisman-Apter" userId="dbfe11ee-18e9-43e6-81d9-5f5c7269d896" providerId="ADAL" clId="{AB933F37-0B54-4AF7-99DC-5BB8596C1A7A}" dt="2026-05-20T05:57:35.565" v="1166" actId="478"/>
          <ac:spMkLst>
            <pc:docMk/>
            <pc:sldMk cId="1958191486" sldId="526"/>
            <ac:spMk id="16" creationId="{3623E539-DB3F-F767-2CB0-326A5CCDF0F4}"/>
          </ac:spMkLst>
        </pc:spChg>
        <pc:spChg chg="add mod">
          <ac:chgData name="Miriam Veisman-Apter" userId="dbfe11ee-18e9-43e6-81d9-5f5c7269d896" providerId="ADAL" clId="{AB933F37-0B54-4AF7-99DC-5BB8596C1A7A}" dt="2026-05-20T23:14:15.102" v="1302"/>
          <ac:spMkLst>
            <pc:docMk/>
            <pc:sldMk cId="1958191486" sldId="526"/>
            <ac:spMk id="25" creationId="{0C2E3EAB-B8F6-A8B0-E70D-9DE3A11755D9}"/>
          </ac:spMkLst>
        </pc:spChg>
        <pc:spChg chg="add mod">
          <ac:chgData name="Miriam Veisman-Apter" userId="dbfe11ee-18e9-43e6-81d9-5f5c7269d896" providerId="ADAL" clId="{AB933F37-0B54-4AF7-99DC-5BB8596C1A7A}" dt="2026-05-20T23:13:33.628" v="1210" actId="1076"/>
          <ac:spMkLst>
            <pc:docMk/>
            <pc:sldMk cId="1958191486" sldId="526"/>
            <ac:spMk id="26" creationId="{D4AA89E3-BF54-752A-7A98-161EB15B0B35}"/>
          </ac:spMkLst>
        </pc:spChg>
        <pc:graphicFrameChg chg="add del">
          <ac:chgData name="Miriam Veisman-Apter" userId="dbfe11ee-18e9-43e6-81d9-5f5c7269d896" providerId="ADAL" clId="{AB933F37-0B54-4AF7-99DC-5BB8596C1A7A}" dt="2026-05-20T05:56:27.458" v="1153" actId="26606"/>
          <ac:graphicFrameMkLst>
            <pc:docMk/>
            <pc:sldMk cId="1958191486" sldId="526"/>
            <ac:graphicFrameMk id="7" creationId="{6624480D-2E58-B45C-EC15-3FF10B0EC0C3}"/>
          </ac:graphicFrameMkLst>
        </pc:graphicFrameChg>
        <pc:picChg chg="add mod">
          <ac:chgData name="Miriam Veisman-Apter" userId="dbfe11ee-18e9-43e6-81d9-5f5c7269d896" providerId="ADAL" clId="{AB933F37-0B54-4AF7-99DC-5BB8596C1A7A}" dt="2026-05-20T06:00:01.574" v="1181" actId="14100"/>
          <ac:picMkLst>
            <pc:docMk/>
            <pc:sldMk cId="1958191486" sldId="526"/>
            <ac:picMk id="18" creationId="{B1509A63-E855-C916-E332-E943C0201363}"/>
          </ac:picMkLst>
        </pc:picChg>
        <pc:picChg chg="add mod">
          <ac:chgData name="Miriam Veisman-Apter" userId="dbfe11ee-18e9-43e6-81d9-5f5c7269d896" providerId="ADAL" clId="{AB933F37-0B54-4AF7-99DC-5BB8596C1A7A}" dt="2026-05-20T06:00:19.713" v="1189" actId="14100"/>
          <ac:picMkLst>
            <pc:docMk/>
            <pc:sldMk cId="1958191486" sldId="526"/>
            <ac:picMk id="20" creationId="{0C4D267E-C599-F7C8-7DD5-3AC18D15C94A}"/>
          </ac:picMkLst>
        </pc:picChg>
        <pc:picChg chg="add mod">
          <ac:chgData name="Miriam Veisman-Apter" userId="dbfe11ee-18e9-43e6-81d9-5f5c7269d896" providerId="ADAL" clId="{AB933F37-0B54-4AF7-99DC-5BB8596C1A7A}" dt="2026-05-20T05:58:42.180" v="1175" actId="931"/>
          <ac:picMkLst>
            <pc:docMk/>
            <pc:sldMk cId="1958191486" sldId="526"/>
            <ac:picMk id="22" creationId="{E71B1E9A-A3D8-851C-2CA5-53CE04876ECC}"/>
          </ac:picMkLst>
        </pc:picChg>
        <pc:picChg chg="add mod">
          <ac:chgData name="Miriam Veisman-Apter" userId="dbfe11ee-18e9-43e6-81d9-5f5c7269d896" providerId="ADAL" clId="{AB933F37-0B54-4AF7-99DC-5BB8596C1A7A}" dt="2026-05-20T05:59:55.178" v="1179" actId="1076"/>
          <ac:picMkLst>
            <pc:docMk/>
            <pc:sldMk cId="1958191486" sldId="526"/>
            <ac:picMk id="24" creationId="{749153DF-C2B7-35A1-7D51-94B4AC8E924A}"/>
          </ac:picMkLst>
        </pc:picChg>
        <pc:picChg chg="add mod">
          <ac:chgData name="Miriam Veisman-Apter" userId="dbfe11ee-18e9-43e6-81d9-5f5c7269d896" providerId="ADAL" clId="{AB933F37-0B54-4AF7-99DC-5BB8596C1A7A}" dt="2026-05-20T23:14:40.775" v="1308" actId="1076"/>
          <ac:picMkLst>
            <pc:docMk/>
            <pc:sldMk cId="1958191486" sldId="526"/>
            <ac:picMk id="28" creationId="{2846EC2E-235A-E60D-A565-87B7896F6971}"/>
          </ac:picMkLst>
        </pc:picChg>
      </pc:sldChg>
      <pc:sldChg chg="modSp new mod">
        <pc:chgData name="Miriam Veisman-Apter" userId="dbfe11ee-18e9-43e6-81d9-5f5c7269d896" providerId="ADAL" clId="{AB933F37-0B54-4AF7-99DC-5BB8596C1A7A}" dt="2026-05-20T23:17:46.537" v="1377" actId="207"/>
        <pc:sldMkLst>
          <pc:docMk/>
          <pc:sldMk cId="112742138" sldId="527"/>
        </pc:sldMkLst>
        <pc:spChg chg="mod">
          <ac:chgData name="Miriam Veisman-Apter" userId="dbfe11ee-18e9-43e6-81d9-5f5c7269d896" providerId="ADAL" clId="{AB933F37-0B54-4AF7-99DC-5BB8596C1A7A}" dt="2026-05-20T23:17:46.537" v="1377" actId="207"/>
          <ac:spMkLst>
            <pc:docMk/>
            <pc:sldMk cId="112742138" sldId="527"/>
            <ac:spMk id="2" creationId="{B4168FB9-4DA7-BF54-F418-AE546E4E9465}"/>
          </ac:spMkLst>
        </pc:spChg>
        <pc:spChg chg="mod">
          <ac:chgData name="Miriam Veisman-Apter" userId="dbfe11ee-18e9-43e6-81d9-5f5c7269d896" providerId="ADAL" clId="{AB933F37-0B54-4AF7-99DC-5BB8596C1A7A}" dt="2026-05-20T06:00:54.086" v="1205" actId="20577"/>
          <ac:spMkLst>
            <pc:docMk/>
            <pc:sldMk cId="112742138" sldId="527"/>
            <ac:spMk id="3" creationId="{1D3F5B27-641D-1369-33DB-DCC63A81A877}"/>
          </ac:spMkLst>
        </pc:spChg>
      </pc:sldChg>
      <pc:sldChg chg="add">
        <pc:chgData name="Miriam Veisman-Apter" userId="dbfe11ee-18e9-43e6-81d9-5f5c7269d896" providerId="ADAL" clId="{AB933F37-0B54-4AF7-99DC-5BB8596C1A7A}" dt="2026-05-20T23:17:59.848" v="1378"/>
        <pc:sldMkLst>
          <pc:docMk/>
          <pc:sldMk cId="929752661" sldId="528"/>
        </pc:sldMkLst>
      </pc:sldChg>
    </pc:docChg>
  </pc:docChgLst>
</pc:chgInfo>
</file>

<file path=ppt/charts/_rels/chart1.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pcgov.sharepoint.com/teams/MentalHealthReview/Shared%20Documents/Reports/Draft%20report/Figures%20and%20tables/Chapter%205.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pcgov.sharepoint.com/teams/MentalHealthReview/Shared%20Documents/Reports/Draft%20report/Figures%20and%20tables/Chapter%205.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https://pcgov.sharepoint.com/teams/MentalHealthReview/Shared%20Documents/Reports/Final%20report/Figures%20and%20tables/Chapter%209.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126484308736219E-2"/>
          <c:y val="6.3952796760516725E-2"/>
          <c:w val="0.88911259541984733"/>
          <c:h val="0.84176384977534402"/>
        </c:manualLayout>
      </c:layout>
      <c:lineChart>
        <c:grouping val="standard"/>
        <c:varyColors val="0"/>
        <c:ser>
          <c:idx val="0"/>
          <c:order val="0"/>
          <c:tx>
            <c:strRef>
              <c:f>'[Chapter 2 Figures.xlsx]Fig 2.2c'!$A$14</c:f>
              <c:strCache>
                <c:ptCount val="1"/>
                <c:pt idx="0">
                  <c:v>Males</c:v>
                </c:pt>
              </c:strCache>
            </c:strRef>
          </c:tx>
          <c:spPr>
            <a:ln w="28575" cap="rnd">
              <a:solidFill>
                <a:srgbClr val="00B0F0"/>
              </a:solidFill>
              <a:round/>
            </a:ln>
            <a:effectLst/>
          </c:spPr>
          <c:marker>
            <c:symbol val="none"/>
          </c:marker>
          <c:cat>
            <c:numRef>
              <c:f>'[Chapter 2 Figures.xlsx]Fig 2.2c'!$B$13:$K$13</c:f>
              <c:numCache>
                <c:formatCode>General</c:formatCode>
                <c:ptCount val="10"/>
                <c:pt idx="0">
                  <c:v>2014</c:v>
                </c:pt>
                <c:pt idx="1">
                  <c:v>2015</c:v>
                </c:pt>
                <c:pt idx="2">
                  <c:v>2016</c:v>
                </c:pt>
                <c:pt idx="3">
                  <c:v>2017</c:v>
                </c:pt>
                <c:pt idx="4">
                  <c:v>2018</c:v>
                </c:pt>
                <c:pt idx="5">
                  <c:v>2019</c:v>
                </c:pt>
                <c:pt idx="6">
                  <c:v>2020</c:v>
                </c:pt>
                <c:pt idx="7">
                  <c:v>2021</c:v>
                </c:pt>
                <c:pt idx="8">
                  <c:v>2022</c:v>
                </c:pt>
                <c:pt idx="9">
                  <c:v>2023</c:v>
                </c:pt>
              </c:numCache>
            </c:numRef>
          </c:cat>
          <c:val>
            <c:numRef>
              <c:f>'[Chapter 2 Figures.xlsx]Fig 2.2c'!$B$14:$K$14</c:f>
              <c:numCache>
                <c:formatCode>0.0</c:formatCode>
                <c:ptCount val="10"/>
                <c:pt idx="0">
                  <c:v>18.929527</c:v>
                </c:pt>
                <c:pt idx="1">
                  <c:v>19.732924000000001</c:v>
                </c:pt>
                <c:pt idx="2">
                  <c:v>18.2</c:v>
                </c:pt>
                <c:pt idx="3">
                  <c:v>20</c:v>
                </c:pt>
                <c:pt idx="4">
                  <c:v>19.600000000000001</c:v>
                </c:pt>
                <c:pt idx="5">
                  <c:v>20.100000000000001</c:v>
                </c:pt>
                <c:pt idx="6">
                  <c:v>18.8</c:v>
                </c:pt>
                <c:pt idx="7">
                  <c:v>18.5</c:v>
                </c:pt>
                <c:pt idx="8">
                  <c:v>18.899999999999999</c:v>
                </c:pt>
                <c:pt idx="9">
                  <c:v>18</c:v>
                </c:pt>
              </c:numCache>
            </c:numRef>
          </c:val>
          <c:smooth val="0"/>
          <c:extLst>
            <c:ext xmlns:c16="http://schemas.microsoft.com/office/drawing/2014/chart" uri="{C3380CC4-5D6E-409C-BE32-E72D297353CC}">
              <c16:uniqueId val="{00000000-057A-4129-9764-8F5B187A5DF4}"/>
            </c:ext>
          </c:extLst>
        </c:ser>
        <c:ser>
          <c:idx val="1"/>
          <c:order val="1"/>
          <c:tx>
            <c:strRef>
              <c:f>'[Chapter 2 Figures.xlsx]Fig 2.2c'!$A$15</c:f>
              <c:strCache>
                <c:ptCount val="1"/>
                <c:pt idx="0">
                  <c:v>Females</c:v>
                </c:pt>
              </c:strCache>
            </c:strRef>
          </c:tx>
          <c:spPr>
            <a:ln w="28575" cap="rnd">
              <a:solidFill>
                <a:schemeClr val="bg2"/>
              </a:solidFill>
              <a:round/>
            </a:ln>
            <a:effectLst/>
          </c:spPr>
          <c:marker>
            <c:symbol val="none"/>
          </c:marker>
          <c:cat>
            <c:numRef>
              <c:f>'[Chapter 2 Figures.xlsx]Fig 2.2c'!$B$13:$K$13</c:f>
              <c:numCache>
                <c:formatCode>General</c:formatCode>
                <c:ptCount val="10"/>
                <c:pt idx="0">
                  <c:v>2014</c:v>
                </c:pt>
                <c:pt idx="1">
                  <c:v>2015</c:v>
                </c:pt>
                <c:pt idx="2">
                  <c:v>2016</c:v>
                </c:pt>
                <c:pt idx="3">
                  <c:v>2017</c:v>
                </c:pt>
                <c:pt idx="4">
                  <c:v>2018</c:v>
                </c:pt>
                <c:pt idx="5">
                  <c:v>2019</c:v>
                </c:pt>
                <c:pt idx="6">
                  <c:v>2020</c:v>
                </c:pt>
                <c:pt idx="7">
                  <c:v>2021</c:v>
                </c:pt>
                <c:pt idx="8">
                  <c:v>2022</c:v>
                </c:pt>
                <c:pt idx="9">
                  <c:v>2023</c:v>
                </c:pt>
              </c:numCache>
            </c:numRef>
          </c:cat>
          <c:val>
            <c:numRef>
              <c:f>'[Chapter 2 Figures.xlsx]Fig 2.2c'!$B$15:$K$15</c:f>
              <c:numCache>
                <c:formatCode>0.0</c:formatCode>
                <c:ptCount val="10"/>
                <c:pt idx="0">
                  <c:v>5.9859929999999997</c:v>
                </c:pt>
                <c:pt idx="1">
                  <c:v>6.3248920000000002</c:v>
                </c:pt>
                <c:pt idx="2">
                  <c:v>6</c:v>
                </c:pt>
                <c:pt idx="3">
                  <c:v>6.7</c:v>
                </c:pt>
                <c:pt idx="4">
                  <c:v>6</c:v>
                </c:pt>
                <c:pt idx="5">
                  <c:v>6.4</c:v>
                </c:pt>
                <c:pt idx="6">
                  <c:v>5.9</c:v>
                </c:pt>
                <c:pt idx="7">
                  <c:v>6.1</c:v>
                </c:pt>
                <c:pt idx="8">
                  <c:v>6.1</c:v>
                </c:pt>
                <c:pt idx="9">
                  <c:v>5.8</c:v>
                </c:pt>
              </c:numCache>
            </c:numRef>
          </c:val>
          <c:smooth val="0"/>
          <c:extLst>
            <c:ext xmlns:c16="http://schemas.microsoft.com/office/drawing/2014/chart" uri="{C3380CC4-5D6E-409C-BE32-E72D297353CC}">
              <c16:uniqueId val="{00000001-057A-4129-9764-8F5B187A5DF4}"/>
            </c:ext>
          </c:extLst>
        </c:ser>
        <c:ser>
          <c:idx val="2"/>
          <c:order val="2"/>
          <c:tx>
            <c:strRef>
              <c:f>'[Chapter 2 Figures.xlsx]Fig 2.2c'!$A$16</c:f>
              <c:strCache>
                <c:ptCount val="1"/>
                <c:pt idx="0">
                  <c:v>Persons</c:v>
                </c:pt>
              </c:strCache>
            </c:strRef>
          </c:tx>
          <c:spPr>
            <a:ln w="28575" cap="rnd">
              <a:solidFill>
                <a:schemeClr val="accent2"/>
              </a:solidFill>
              <a:round/>
            </a:ln>
            <a:effectLst/>
          </c:spPr>
          <c:marker>
            <c:symbol val="none"/>
          </c:marker>
          <c:cat>
            <c:numRef>
              <c:f>'[Chapter 2 Figures.xlsx]Fig 2.2c'!$B$13:$K$13</c:f>
              <c:numCache>
                <c:formatCode>General</c:formatCode>
                <c:ptCount val="10"/>
                <c:pt idx="0">
                  <c:v>2014</c:v>
                </c:pt>
                <c:pt idx="1">
                  <c:v>2015</c:v>
                </c:pt>
                <c:pt idx="2">
                  <c:v>2016</c:v>
                </c:pt>
                <c:pt idx="3">
                  <c:v>2017</c:v>
                </c:pt>
                <c:pt idx="4">
                  <c:v>2018</c:v>
                </c:pt>
                <c:pt idx="5">
                  <c:v>2019</c:v>
                </c:pt>
                <c:pt idx="6">
                  <c:v>2020</c:v>
                </c:pt>
                <c:pt idx="7">
                  <c:v>2021</c:v>
                </c:pt>
                <c:pt idx="8">
                  <c:v>2022</c:v>
                </c:pt>
                <c:pt idx="9">
                  <c:v>2023</c:v>
                </c:pt>
              </c:numCache>
            </c:numRef>
          </c:cat>
          <c:val>
            <c:numRef>
              <c:f>'[Chapter 2 Figures.xlsx]Fig 2.2c'!$B$16:$K$16</c:f>
              <c:numCache>
                <c:formatCode>0.0</c:formatCode>
                <c:ptCount val="10"/>
                <c:pt idx="0">
                  <c:v>12.341687</c:v>
                </c:pt>
                <c:pt idx="1">
                  <c:v>12.900404999999999</c:v>
                </c:pt>
                <c:pt idx="2">
                  <c:v>12</c:v>
                </c:pt>
                <c:pt idx="3">
                  <c:v>13.2</c:v>
                </c:pt>
                <c:pt idx="4">
                  <c:v>12.7</c:v>
                </c:pt>
                <c:pt idx="5">
                  <c:v>13.2</c:v>
                </c:pt>
                <c:pt idx="6">
                  <c:v>12.2</c:v>
                </c:pt>
                <c:pt idx="7">
                  <c:v>12.2</c:v>
                </c:pt>
                <c:pt idx="8">
                  <c:v>12.4</c:v>
                </c:pt>
                <c:pt idx="9">
                  <c:v>11.8</c:v>
                </c:pt>
              </c:numCache>
            </c:numRef>
          </c:val>
          <c:smooth val="0"/>
          <c:extLst>
            <c:ext xmlns:c16="http://schemas.microsoft.com/office/drawing/2014/chart" uri="{C3380CC4-5D6E-409C-BE32-E72D297353CC}">
              <c16:uniqueId val="{00000002-057A-4129-9764-8F5B187A5DF4}"/>
            </c:ext>
          </c:extLst>
        </c:ser>
        <c:dLbls>
          <c:showLegendKey val="0"/>
          <c:showVal val="0"/>
          <c:showCatName val="0"/>
          <c:showSerName val="0"/>
          <c:showPercent val="0"/>
          <c:showBubbleSize val="0"/>
        </c:dLbls>
        <c:smooth val="0"/>
        <c:axId val="2102287679"/>
        <c:axId val="902440255"/>
      </c:lineChart>
      <c:catAx>
        <c:axId val="2102287679"/>
        <c:scaling>
          <c:orientation val="minMax"/>
        </c:scaling>
        <c:delete val="0"/>
        <c:axPos val="b"/>
        <c:numFmt formatCode="General" sourceLinked="1"/>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902440255"/>
        <c:crosses val="autoZero"/>
        <c:auto val="1"/>
        <c:lblAlgn val="ctr"/>
        <c:lblOffset val="100"/>
        <c:noMultiLvlLbl val="0"/>
      </c:catAx>
      <c:valAx>
        <c:axId val="902440255"/>
        <c:scaling>
          <c:orientation val="minMax"/>
          <c:max val="35"/>
        </c:scaling>
        <c:delete val="0"/>
        <c:axPos val="l"/>
        <c:numFmt formatCode="#,##0" sourceLinked="0"/>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2102287679"/>
        <c:crosses val="autoZero"/>
        <c:crossBetween val="between"/>
        <c:majorUnit val="5"/>
      </c:valAx>
      <c:spPr>
        <a:noFill/>
        <a:ln>
          <a:noFill/>
        </a:ln>
        <a:effectLst/>
      </c:spPr>
    </c:plotArea>
    <c:plotVisOnly val="1"/>
    <c:dispBlanksAs val="gap"/>
    <c:showDLblsOverMax val="0"/>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900">
          <a:solidFill>
            <a:srgbClr val="000000"/>
          </a:solidFill>
          <a:latin typeface="Arial" panose="020B0604020202020204" pitchFamily="34" charset="0"/>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tx>
            <c:strRef>
              <c:f>'5.1b Suicide rate'!$B$2</c:f>
              <c:strCache>
                <c:ptCount val="1"/>
                <c:pt idx="0">
                  <c:v>Rate per 100,000 people</c:v>
                </c:pt>
              </c:strCache>
            </c:strRef>
          </c:tx>
          <c:spPr>
            <a:ln w="28575" cap="rnd" cmpd="sng" algn="ctr">
              <a:solidFill>
                <a:srgbClr val="00B0F0"/>
              </a:solidFill>
              <a:prstDash val="solid"/>
              <a:round/>
              <a:headEnd type="none" w="med" len="med"/>
              <a:tailEnd type="none" w="med" len="med"/>
            </a:ln>
            <a:effectLst/>
          </c:spPr>
          <c:marker>
            <c:symbol val="none"/>
          </c:marker>
          <c:dPt>
            <c:idx val="4"/>
            <c:marker>
              <c:symbol val="none"/>
            </c:marker>
            <c:bubble3D val="0"/>
            <c:spPr>
              <a:ln w="28575" cap="rnd">
                <a:solidFill>
                  <a:srgbClr val="00B0F0"/>
                </a:solidFill>
                <a:round/>
              </a:ln>
              <a:effectLst/>
            </c:spPr>
            <c:extLst>
              <c:ext xmlns:c16="http://schemas.microsoft.com/office/drawing/2014/chart" uri="{C3380CC4-5D6E-409C-BE32-E72D297353CC}">
                <c16:uniqueId val="{00000001-A9D1-414C-9232-5969D5CCD7B5}"/>
              </c:ext>
            </c:extLst>
          </c:dPt>
          <c:xVal>
            <c:numRef>
              <c:f>'5.1b Suicide rate'!$A$3:$A$8</c:f>
              <c:numCache>
                <c:formatCode>General</c:formatCode>
                <c:ptCount val="6"/>
                <c:pt idx="0">
                  <c:v>2023</c:v>
                </c:pt>
                <c:pt idx="1">
                  <c:v>2022</c:v>
                </c:pt>
                <c:pt idx="2">
                  <c:v>2021</c:v>
                </c:pt>
                <c:pt idx="3">
                  <c:v>2020</c:v>
                </c:pt>
                <c:pt idx="4">
                  <c:v>2019</c:v>
                </c:pt>
                <c:pt idx="5">
                  <c:v>2018</c:v>
                </c:pt>
              </c:numCache>
            </c:numRef>
          </c:xVal>
          <c:yVal>
            <c:numRef>
              <c:f>'5.1b Suicide rate'!$B$3:$B$8</c:f>
              <c:numCache>
                <c:formatCode>General</c:formatCode>
                <c:ptCount val="6"/>
                <c:pt idx="0">
                  <c:v>30.8</c:v>
                </c:pt>
                <c:pt idx="1">
                  <c:v>27.8</c:v>
                </c:pt>
                <c:pt idx="2">
                  <c:v>25.3</c:v>
                </c:pt>
                <c:pt idx="3">
                  <c:v>26.2</c:v>
                </c:pt>
                <c:pt idx="4">
                  <c:v>25.4</c:v>
                </c:pt>
                <c:pt idx="5">
                  <c:v>23.6</c:v>
                </c:pt>
              </c:numCache>
            </c:numRef>
          </c:yVal>
          <c:smooth val="0"/>
          <c:extLst>
            <c:ext xmlns:c16="http://schemas.microsoft.com/office/drawing/2014/chart" uri="{C3380CC4-5D6E-409C-BE32-E72D297353CC}">
              <c16:uniqueId val="{00000000-A9D1-414C-9232-5969D5CCD7B5}"/>
            </c:ext>
          </c:extLst>
        </c:ser>
        <c:dLbls>
          <c:showLegendKey val="0"/>
          <c:showVal val="0"/>
          <c:showCatName val="0"/>
          <c:showSerName val="0"/>
          <c:showPercent val="0"/>
          <c:showBubbleSize val="0"/>
        </c:dLbls>
        <c:axId val="1596137312"/>
        <c:axId val="1596133952"/>
      </c:scatterChart>
      <c:valAx>
        <c:axId val="1596137312"/>
        <c:scaling>
          <c:orientation val="minMax"/>
          <c:max val="2023"/>
          <c:min val="2018"/>
        </c:scaling>
        <c:delete val="0"/>
        <c:axPos val="b"/>
        <c:numFmt formatCode="General" sourceLinked="1"/>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1596133952"/>
        <c:crosses val="autoZero"/>
        <c:crossBetween val="midCat"/>
        <c:majorUnit val="1"/>
      </c:valAx>
      <c:valAx>
        <c:axId val="1596133952"/>
        <c:scaling>
          <c:orientation val="minMax"/>
        </c:scaling>
        <c:delete val="0"/>
        <c:axPos val="l"/>
        <c:numFmt formatCode="General" sourceLinked="1"/>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1596137312"/>
        <c:crosses val="autoZero"/>
        <c:crossBetween val="midCat"/>
      </c:valAx>
      <c:spPr>
        <a:noFill/>
        <a:ln>
          <a:noFill/>
        </a:ln>
        <a:effectLst/>
      </c:spPr>
    </c:plotArea>
    <c:plotVisOnly val="1"/>
    <c:dispBlanksAs val="gap"/>
    <c:showDLblsOverMax val="0"/>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900">
          <a:solidFill>
            <a:srgbClr val="000000"/>
          </a:solidFill>
          <a:latin typeface="Arial" panose="020B0604020202020204" pitchFamily="34" charset="0"/>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Psychological distress'!$E$2</c:f>
              <c:strCache>
                <c:ptCount val="1"/>
                <c:pt idx="0">
                  <c:v>2022–23</c:v>
                </c:pt>
              </c:strCache>
            </c:strRef>
          </c:tx>
          <c:spPr>
            <a:solidFill>
              <a:srgbClr val="66BCDB"/>
            </a:solidFill>
            <a:ln w="25400">
              <a:noFill/>
            </a:ln>
            <a:effectLst/>
          </c:spPr>
          <c:invertIfNegative val="0"/>
          <c:cat>
            <c:strRef>
              <c:f>'Psychological distress'!$A$3:$A$4</c:f>
              <c:strCache>
                <c:ptCount val="2"/>
                <c:pt idx="0">
                  <c:v>Low/moderate</c:v>
                </c:pt>
                <c:pt idx="1">
                  <c:v>High/very high</c:v>
                </c:pt>
              </c:strCache>
            </c:strRef>
          </c:cat>
          <c:val>
            <c:numRef>
              <c:f>'Psychological distress'!$E$3:$E$4</c:f>
              <c:numCache>
                <c:formatCode>General</c:formatCode>
                <c:ptCount val="2"/>
                <c:pt idx="0">
                  <c:v>66.099999999999994</c:v>
                </c:pt>
                <c:pt idx="1">
                  <c:v>30.2</c:v>
                </c:pt>
              </c:numCache>
            </c:numRef>
          </c:val>
          <c:extLst>
            <c:ext xmlns:c16="http://schemas.microsoft.com/office/drawing/2014/chart" uri="{C3380CC4-5D6E-409C-BE32-E72D297353CC}">
              <c16:uniqueId val="{00000000-0B0A-4B16-A449-CB5705334F0A}"/>
            </c:ext>
          </c:extLst>
        </c:ser>
        <c:dLbls>
          <c:showLegendKey val="0"/>
          <c:showVal val="0"/>
          <c:showCatName val="0"/>
          <c:showSerName val="0"/>
          <c:showPercent val="0"/>
          <c:showBubbleSize val="0"/>
        </c:dLbls>
        <c:gapWidth val="219"/>
        <c:overlap val="-27"/>
        <c:axId val="1830274192"/>
        <c:axId val="1281523392"/>
      </c:barChart>
      <c:catAx>
        <c:axId val="1830274192"/>
        <c:scaling>
          <c:orientation val="minMax"/>
        </c:scaling>
        <c:delete val="0"/>
        <c:axPos val="b"/>
        <c:numFmt formatCode="General" sourceLinked="1"/>
        <c:majorTickMark val="none"/>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1281523392"/>
        <c:crosses val="autoZero"/>
        <c:auto val="1"/>
        <c:lblAlgn val="ctr"/>
        <c:lblOffset val="100"/>
        <c:noMultiLvlLbl val="0"/>
      </c:catAx>
      <c:valAx>
        <c:axId val="1281523392"/>
        <c:scaling>
          <c:orientation val="minMax"/>
        </c:scaling>
        <c:delete val="0"/>
        <c:axPos val="l"/>
        <c:title>
          <c:tx>
            <c:rich>
              <a:bodyPr rot="-5400000" spcFirstLastPara="1" vertOverflow="ellipsis" vert="horz" wrap="square" anchor="ctr" anchorCtr="1"/>
              <a:lstStyle/>
              <a:p>
                <a:pPr>
                  <a:defRPr sz="1200" b="1" i="0" u="none" strike="noStrike" kern="1200" baseline="0">
                    <a:solidFill>
                      <a:srgbClr val="000000"/>
                    </a:solidFill>
                    <a:latin typeface="Arial"/>
                    <a:ea typeface="Arial"/>
                    <a:cs typeface="Arial"/>
                  </a:defRPr>
                </a:pPr>
                <a:r>
                  <a:rPr lang="en-AU" sz="1200"/>
                  <a:t>%</a:t>
                </a:r>
              </a:p>
            </c:rich>
          </c:tx>
          <c:overlay val="0"/>
          <c:spPr>
            <a:noFill/>
            <a:ln>
              <a:noFill/>
            </a:ln>
            <a:effectLst/>
          </c:spPr>
          <c:txPr>
            <a:bodyPr rot="-5400000" spcFirstLastPara="1" vertOverflow="ellipsis" vert="horz" wrap="square" anchor="ctr" anchorCtr="1"/>
            <a:lstStyle/>
            <a:p>
              <a:pPr>
                <a:defRPr sz="1200" b="1" i="0" u="none" strike="noStrike" kern="1200" baseline="0">
                  <a:solidFill>
                    <a:srgbClr val="000000"/>
                  </a:solidFill>
                  <a:latin typeface="Arial"/>
                  <a:ea typeface="Arial"/>
                  <a:cs typeface="Arial"/>
                </a:defRPr>
              </a:pPr>
              <a:endParaRPr lang="en-US"/>
            </a:p>
          </c:txPr>
        </c:title>
        <c:numFmt formatCode="General" sourceLinked="1"/>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1200" b="0" i="0" u="none" strike="noStrike" kern="1200" baseline="0">
                <a:solidFill>
                  <a:srgbClr val="000000"/>
                </a:solidFill>
                <a:latin typeface="Arial" panose="020B0604020202020204" pitchFamily="34" charset="0"/>
                <a:ea typeface="+mn-ea"/>
                <a:cs typeface="+mn-cs"/>
              </a:defRPr>
            </a:pPr>
            <a:endParaRPr lang="en-US"/>
          </a:p>
        </c:txPr>
        <c:crossAx val="1830274192"/>
        <c:crosses val="autoZero"/>
        <c:crossBetween val="between"/>
      </c:valAx>
      <c:spPr>
        <a:noFill/>
        <a:ln>
          <a:noFill/>
        </a:ln>
        <a:effectLst/>
      </c:spPr>
    </c:plotArea>
    <c:plotVisOnly val="1"/>
    <c:dispBlanksAs val="gap"/>
    <c:showDLblsOverMax val="0"/>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900">
          <a:solidFill>
            <a:srgbClr val="000000"/>
          </a:solidFill>
          <a:latin typeface="Arial" panose="020B0604020202020204" pitchFamily="34"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9.2 AOD use mental health'!$B$3</c:f>
              <c:strCache>
                <c:ptCount val="1"/>
                <c:pt idx="0">
                  <c:v>People with a mental illness</c:v>
                </c:pt>
              </c:strCache>
            </c:strRef>
          </c:tx>
          <c:spPr>
            <a:solidFill>
              <a:srgbClr val="66BCDB"/>
            </a:solidFill>
            <a:ln w="25400">
              <a:noFill/>
            </a:ln>
            <a:effectLst/>
          </c:spPr>
          <c:invertIfNegative val="0"/>
          <c:cat>
            <c:strRef>
              <c:f>'9.2 AOD use mental health'!$A$4:$A$12</c:f>
              <c:strCache>
                <c:ptCount val="9"/>
                <c:pt idx="0">
                  <c:v>Any pharmaceutical for non-medical purposes</c:v>
                </c:pt>
                <c:pt idx="1">
                  <c:v>Methamphetamine and amphetamine</c:v>
                </c:pt>
                <c:pt idx="2">
                  <c:v>Ecstasy</c:v>
                </c:pt>
                <c:pt idx="3">
                  <c:v>Cocaine</c:v>
                </c:pt>
                <c:pt idx="4">
                  <c:v>Cannabis</c:v>
                </c:pt>
                <c:pt idx="5">
                  <c:v>Any illicit drug</c:v>
                </c:pt>
                <c:pt idx="6">
                  <c:v>Risky alcohol consumption</c:v>
                </c:pt>
                <c:pt idx="7">
                  <c:v>E-cigarettes and vapes</c:v>
                </c:pt>
                <c:pt idx="8">
                  <c:v>Daily smoking</c:v>
                </c:pt>
              </c:strCache>
            </c:strRef>
          </c:cat>
          <c:val>
            <c:numRef>
              <c:f>'9.2 AOD use mental health'!$B$4:$B$12</c:f>
              <c:numCache>
                <c:formatCode>General</c:formatCode>
                <c:ptCount val="9"/>
                <c:pt idx="0">
                  <c:v>8.6999999999999993</c:v>
                </c:pt>
                <c:pt idx="1">
                  <c:v>2.7</c:v>
                </c:pt>
                <c:pt idx="2">
                  <c:v>3</c:v>
                </c:pt>
                <c:pt idx="3">
                  <c:v>6.9</c:v>
                </c:pt>
                <c:pt idx="4">
                  <c:v>19.8</c:v>
                </c:pt>
                <c:pt idx="5">
                  <c:v>28.9</c:v>
                </c:pt>
                <c:pt idx="6">
                  <c:v>36.9</c:v>
                </c:pt>
                <c:pt idx="7">
                  <c:v>12.3</c:v>
                </c:pt>
                <c:pt idx="8">
                  <c:v>15.4</c:v>
                </c:pt>
              </c:numCache>
            </c:numRef>
          </c:val>
          <c:extLst>
            <c:ext xmlns:c16="http://schemas.microsoft.com/office/drawing/2014/chart" uri="{C3380CC4-5D6E-409C-BE32-E72D297353CC}">
              <c16:uniqueId val="{00000000-94B3-4FB8-AB8D-DCA52333CD8E}"/>
            </c:ext>
          </c:extLst>
        </c:ser>
        <c:ser>
          <c:idx val="1"/>
          <c:order val="1"/>
          <c:tx>
            <c:strRef>
              <c:f>'9.2 AOD use mental health'!$C$3</c:f>
              <c:strCache>
                <c:ptCount val="1"/>
                <c:pt idx="0">
                  <c:v>People without a mental illness</c:v>
                </c:pt>
              </c:strCache>
            </c:strRef>
          </c:tx>
          <c:spPr>
            <a:solidFill>
              <a:srgbClr val="265A9A"/>
            </a:solidFill>
            <a:ln w="25400">
              <a:noFill/>
            </a:ln>
            <a:effectLst/>
          </c:spPr>
          <c:invertIfNegative val="0"/>
          <c:cat>
            <c:strRef>
              <c:f>'9.2 AOD use mental health'!$A$4:$A$12</c:f>
              <c:strCache>
                <c:ptCount val="9"/>
                <c:pt idx="0">
                  <c:v>Any pharmaceutical for non-medical purposes</c:v>
                </c:pt>
                <c:pt idx="1">
                  <c:v>Methamphetamine and amphetamine</c:v>
                </c:pt>
                <c:pt idx="2">
                  <c:v>Ecstasy</c:v>
                </c:pt>
                <c:pt idx="3">
                  <c:v>Cocaine</c:v>
                </c:pt>
                <c:pt idx="4">
                  <c:v>Cannabis</c:v>
                </c:pt>
                <c:pt idx="5">
                  <c:v>Any illicit drug</c:v>
                </c:pt>
                <c:pt idx="6">
                  <c:v>Risky alcohol consumption</c:v>
                </c:pt>
                <c:pt idx="7">
                  <c:v>E-cigarettes and vapes</c:v>
                </c:pt>
                <c:pt idx="8">
                  <c:v>Daily smoking</c:v>
                </c:pt>
              </c:strCache>
            </c:strRef>
          </c:cat>
          <c:val>
            <c:numRef>
              <c:f>'9.2 AOD use mental health'!$C$4:$C$12</c:f>
              <c:numCache>
                <c:formatCode>General</c:formatCode>
                <c:ptCount val="9"/>
                <c:pt idx="0">
                  <c:v>4.5999999999999996</c:v>
                </c:pt>
                <c:pt idx="1">
                  <c:v>0.70000000000000007</c:v>
                </c:pt>
                <c:pt idx="2">
                  <c:v>2</c:v>
                </c:pt>
                <c:pt idx="3">
                  <c:v>4.3999999999999995</c:v>
                </c:pt>
                <c:pt idx="4">
                  <c:v>10</c:v>
                </c:pt>
                <c:pt idx="5">
                  <c:v>15.9</c:v>
                </c:pt>
                <c:pt idx="6">
                  <c:v>31.6</c:v>
                </c:pt>
                <c:pt idx="7">
                  <c:v>5.8000000000000007</c:v>
                </c:pt>
                <c:pt idx="8">
                  <c:v>7.3999999999999995</c:v>
                </c:pt>
              </c:numCache>
            </c:numRef>
          </c:val>
          <c:extLst>
            <c:ext xmlns:c16="http://schemas.microsoft.com/office/drawing/2014/chart" uri="{C3380CC4-5D6E-409C-BE32-E72D297353CC}">
              <c16:uniqueId val="{00000001-94B3-4FB8-AB8D-DCA52333CD8E}"/>
            </c:ext>
          </c:extLst>
        </c:ser>
        <c:dLbls>
          <c:showLegendKey val="0"/>
          <c:showVal val="0"/>
          <c:showCatName val="0"/>
          <c:showSerName val="0"/>
          <c:showPercent val="0"/>
          <c:showBubbleSize val="0"/>
        </c:dLbls>
        <c:gapWidth val="219"/>
        <c:overlap val="-27"/>
        <c:axId val="1230494351"/>
        <c:axId val="1230493871"/>
      </c:barChart>
      <c:catAx>
        <c:axId val="1230494351"/>
        <c:scaling>
          <c:orientation val="minMax"/>
        </c:scaling>
        <c:delete val="0"/>
        <c:axPos val="l"/>
        <c:numFmt formatCode="General" sourceLinked="1"/>
        <c:majorTickMark val="none"/>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900" b="0" i="0" u="none" strike="noStrike" kern="1200" baseline="0">
                <a:solidFill>
                  <a:srgbClr val="000000"/>
                </a:solidFill>
                <a:latin typeface="Arial" panose="020B0604020202020204" pitchFamily="34" charset="0"/>
                <a:ea typeface="+mn-ea"/>
                <a:cs typeface="+mn-cs"/>
              </a:defRPr>
            </a:pPr>
            <a:endParaRPr lang="en-US"/>
          </a:p>
        </c:txPr>
        <c:crossAx val="1230493871"/>
        <c:crosses val="autoZero"/>
        <c:auto val="1"/>
        <c:lblAlgn val="ctr"/>
        <c:lblOffset val="100"/>
        <c:noMultiLvlLbl val="0"/>
      </c:catAx>
      <c:valAx>
        <c:axId val="1230493871"/>
        <c:scaling>
          <c:orientation val="minMax"/>
        </c:scaling>
        <c:delete val="0"/>
        <c:axPos val="b"/>
        <c:title>
          <c:tx>
            <c:rich>
              <a:bodyPr rot="0" spcFirstLastPara="1" vertOverflow="ellipsis" vert="horz" wrap="square" anchor="ctr" anchorCtr="1"/>
              <a:lstStyle/>
              <a:p>
                <a:pPr>
                  <a:defRPr sz="900" b="1" i="0" u="none" strike="noStrike" kern="1200" baseline="0">
                    <a:solidFill>
                      <a:srgbClr val="000000"/>
                    </a:solidFill>
                    <a:latin typeface="Arial"/>
                    <a:ea typeface="Arial"/>
                    <a:cs typeface="Arial"/>
                  </a:defRPr>
                </a:pPr>
                <a:r>
                  <a:rPr lang="en-AU"/>
                  <a:t>%</a:t>
                </a:r>
              </a:p>
            </c:rich>
          </c:tx>
          <c:layout>
            <c:manualLayout>
              <c:xMode val="edge"/>
              <c:yMode val="edge"/>
              <c:x val="0.67359885620915028"/>
              <c:y val="0.80908298611111107"/>
            </c:manualLayout>
          </c:layout>
          <c:overlay val="0"/>
          <c:spPr>
            <a:noFill/>
            <a:ln>
              <a:noFill/>
            </a:ln>
            <a:effectLst/>
          </c:spPr>
          <c:txPr>
            <a:bodyPr rot="0" spcFirstLastPara="1" vertOverflow="ellipsis" vert="horz" wrap="square" anchor="ctr" anchorCtr="1"/>
            <a:lstStyle/>
            <a:p>
              <a:pPr>
                <a:defRPr sz="900" b="1" i="0" u="none" strike="noStrike" kern="1200" baseline="0">
                  <a:solidFill>
                    <a:srgbClr val="000000"/>
                  </a:solidFill>
                  <a:latin typeface="Arial"/>
                  <a:ea typeface="Arial"/>
                  <a:cs typeface="Arial"/>
                </a:defRPr>
              </a:pPr>
              <a:endParaRPr lang="en-US"/>
            </a:p>
          </c:txPr>
        </c:title>
        <c:numFmt formatCode="General" sourceLinked="1"/>
        <c:majorTickMark val="out"/>
        <c:minorTickMark val="none"/>
        <c:tickLblPos val="nextTo"/>
        <c:spPr>
          <a:noFill/>
          <a:ln w="9525" cap="flat" cmpd="sng" algn="ctr">
            <a:solidFill>
              <a:srgbClr val="BFBFBF"/>
            </a:solidFill>
            <a:prstDash val="solid"/>
            <a:round/>
            <a:headEnd type="none" w="med" len="med"/>
            <a:tailEnd type="none" w="med" len="med"/>
          </a:ln>
          <a:effectLst/>
        </c:spPr>
        <c:txPr>
          <a:bodyPr rot="-60000000" spcFirstLastPara="1" vertOverflow="ellipsis" vert="horz" wrap="square" anchor="ctr" anchorCtr="1"/>
          <a:lstStyle/>
          <a:p>
            <a:pPr>
              <a:defRPr sz="900" b="0" i="0" u="none" strike="noStrike" kern="1200" baseline="0">
                <a:solidFill>
                  <a:srgbClr val="000000"/>
                </a:solidFill>
                <a:latin typeface="Arial" panose="020B0604020202020204" pitchFamily="34" charset="0"/>
                <a:ea typeface="+mn-ea"/>
                <a:cs typeface="+mn-cs"/>
              </a:defRPr>
            </a:pPr>
            <a:endParaRPr lang="en-US"/>
          </a:p>
        </c:txPr>
        <c:crossAx val="1230494351"/>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rgbClr val="000000"/>
              </a:solidFill>
              <a:latin typeface="Arial" panose="020B0604020202020204" pitchFamily="34" charset="0"/>
              <a:ea typeface="+mn-ea"/>
              <a:cs typeface="+mn-cs"/>
            </a:defRPr>
          </a:pPr>
          <a:endParaRPr lang="en-US"/>
        </a:p>
      </c:txPr>
    </c:legend>
    <c:plotVisOnly val="1"/>
    <c:dispBlanksAs val="gap"/>
    <c:showDLblsOverMax val="0"/>
  </c:chart>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900">
          <a:solidFill>
            <a:srgbClr val="000000"/>
          </a:solidFill>
          <a:latin typeface="Arial" panose="020B0604020202020204" pitchFamily="34" charset="0"/>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omments/modernComment_18E_C580BCF4.xml><?xml version="1.0" encoding="utf-8"?>
<p188:cmLst xmlns:a="http://schemas.openxmlformats.org/drawingml/2006/main" xmlns:r="http://schemas.openxmlformats.org/officeDocument/2006/relationships" xmlns:p188="http://schemas.microsoft.com/office/powerpoint/2018/8/main">
  <p188:cm id="{C6AB08C1-4134-4CF9-9827-EB45BD3E445A}" authorId="{38C51832-650C-DEFA-4FDE-4511354BE44E}" status="resolved" created="2025-10-13T05:33:32.255" complete="100000">
    <ac:txMkLst xmlns:ac="http://schemas.microsoft.com/office/drawing/2013/main/command">
      <pc:docMk xmlns:pc="http://schemas.microsoft.com/office/powerpoint/2013/main/command"/>
      <pc:sldMk xmlns:pc="http://schemas.microsoft.com/office/powerpoint/2013/main/command" cId="3313548532" sldId="398"/>
      <ac:spMk id="3" creationId="{18887213-DC6B-6B9B-6CD1-5C4BB19DE26B}"/>
      <ac:txMk cp="38" len="7">
        <ac:context len="46" hash="320943806"/>
      </ac:txMk>
    </ac:txMkLst>
    <p188:pos x="7695892" y="218080"/>
    <p188:replyLst>
      <p188:reply id="{D61F0353-27C9-43BD-AF24-7DFF481E7C9E}" authorId="{76F72B79-8D07-CDA4-2B9D-B9F571AAB1EF}" created="2025-10-13T06:39:52.430">
        <p188:txBody>
          <a:bodyPr/>
          <a:lstStyle/>
          <a:p>
            <a:r>
              <a:rPr lang="en-AU"/>
              <a:t>Deleted the slide that was previously before this one, which had just the bold text from here.
I simplified and reduced the number of words in the bullets in each box.</a:t>
            </a:r>
          </a:p>
        </p188:txBody>
      </p188:reply>
    </p188:replyLst>
    <p188:txBody>
      <a:bodyPr/>
      <a:lstStyle/>
      <a:p>
        <a:r>
          <a:rPr lang="en-AU"/>
          <a:t>This might be useful - brought up from below. There are a lot words on the slide though</a:t>
        </a:r>
      </a:p>
    </p188:txBody>
  </p188:cm>
</p188:cmLst>
</file>

<file path=ppt/comments/modernComment_1E6_F390B7CF.xml><?xml version="1.0" encoding="utf-8"?>
<p188:cmLst xmlns:a="http://schemas.openxmlformats.org/drawingml/2006/main" xmlns:r="http://schemas.openxmlformats.org/officeDocument/2006/relationships" xmlns:p188="http://schemas.microsoft.com/office/powerpoint/2018/8/main">
  <p188:cm id="{8DBE937E-EB6E-4897-8846-B62167DE66AD}" authorId="{38C51832-650C-DEFA-4FDE-4511354BE44E}" created="2025-10-14T23:51:16.571">
    <ac:deMkLst xmlns:ac="http://schemas.microsoft.com/office/drawing/2013/main/command">
      <pc:docMk xmlns:pc="http://schemas.microsoft.com/office/powerpoint/2013/main/command"/>
      <pc:sldMk xmlns:pc="http://schemas.microsoft.com/office/powerpoint/2013/main/command" cId="4086347727" sldId="486"/>
      <ac:spMk id="3" creationId="{FD5C1A7B-123F-BFA8-8DC1-0F141C03801C}"/>
    </ac:deMkLst>
    <p188:txBody>
      <a:bodyPr/>
      <a:lstStyle/>
      <a:p>
        <a:r>
          <a:rPr lang="en-AU"/>
          <a:t>Commissioners - on the second point, the Department sent PHNs a one-page high level principles as the promised guidelines </a:t>
        </a:r>
      </a:p>
    </p188:txBody>
  </p188:cm>
</p188:cmLst>
</file>

<file path=ppt/comments/modernComment_1EF_127EBCD4.xml><?xml version="1.0" encoding="utf-8"?>
<p188:cmLst xmlns:a="http://schemas.openxmlformats.org/drawingml/2006/main" xmlns:r="http://schemas.openxmlformats.org/officeDocument/2006/relationships" xmlns:p188="http://schemas.microsoft.com/office/powerpoint/2018/8/main">
  <p188:cm id="{126B0D8B-8621-4B29-B6CA-688E76771D65}" authorId="{38C51832-650C-DEFA-4FDE-4511354BE44E}" status="resolved" created="2025-10-13T05:26:27.976" complete="100000">
    <ac:txMkLst xmlns:ac="http://schemas.microsoft.com/office/drawing/2013/main/command">
      <pc:docMk xmlns:pc="http://schemas.microsoft.com/office/powerpoint/2013/main/command"/>
      <pc:sldMk xmlns:pc="http://schemas.microsoft.com/office/powerpoint/2013/main/command" cId="310295764" sldId="495"/>
      <ac:spMk id="3" creationId="{198CB1EF-8BFA-4976-5566-0C04A135919F}"/>
      <ac:txMk cp="39" len="1">
        <ac:context len="41" hash="420409815"/>
      </ac:txMk>
    </ac:txMkLst>
    <p188:pos x="8196635" y="218080"/>
    <p188:replyLst>
      <p188:reply id="{7A94C37A-6425-42A1-87EE-5DBCF4899AC0}" authorId="{76F72B79-8D07-CDA4-2B9D-B9F571AAB1EF}" created="2025-10-13T07:02:40.537">
        <p188:txBody>
          <a:bodyPr/>
          <a:lstStyle/>
          <a:p>
            <a:r>
              <a:rPr lang="en-AU"/>
              <a:t>Combined with what was the next slide.</a:t>
            </a:r>
          </a:p>
        </p188:txBody>
      </p188:reply>
    </p188:replyLst>
    <p188:txBody>
      <a:bodyPr/>
      <a:lstStyle/>
      <a:p>
        <a:r>
          <a:rPr lang="en-AU"/>
          <a:t>[@Erin Massey] [@Peter Daniel] - as above, can you please combine this and the next slide</a:t>
        </a:r>
      </a:p>
    </p188:txBody>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C814D87-EDC1-0CDD-13BB-EA6169BA2ED8}"/>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a:extLst>
              <a:ext uri="{FF2B5EF4-FFF2-40B4-BE49-F238E27FC236}">
                <a16:creationId xmlns:a16="http://schemas.microsoft.com/office/drawing/2014/main" id="{F6C3E707-A399-DC75-8B03-531C30C7CD6D}"/>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C661D9E-6955-419A-8422-2D177E112702}" type="datetimeFigureOut">
              <a:rPr lang="en-AU" smtClean="0"/>
              <a:t>21/05/2026</a:t>
            </a:fld>
            <a:endParaRPr lang="en-AU"/>
          </a:p>
        </p:txBody>
      </p:sp>
      <p:sp>
        <p:nvSpPr>
          <p:cNvPr id="4" name="Footer Placeholder 3">
            <a:extLst>
              <a:ext uri="{FF2B5EF4-FFF2-40B4-BE49-F238E27FC236}">
                <a16:creationId xmlns:a16="http://schemas.microsoft.com/office/drawing/2014/main" id="{265EBCCA-02E8-F039-D978-3683DEC3217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5" name="Slide Number Placeholder 4">
            <a:extLst>
              <a:ext uri="{FF2B5EF4-FFF2-40B4-BE49-F238E27FC236}">
                <a16:creationId xmlns:a16="http://schemas.microsoft.com/office/drawing/2014/main" id="{A6282EF5-24E7-DDC7-E251-53D9DD423AC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3D6B5C7B-7850-4FA6-A015-C544873322B1}" type="slidenum">
              <a:rPr lang="en-AU" smtClean="0"/>
              <a:t>‹#›</a:t>
            </a:fld>
            <a:endParaRPr lang="en-AU"/>
          </a:p>
        </p:txBody>
      </p:sp>
    </p:spTree>
    <p:extLst>
      <p:ext uri="{BB962C8B-B14F-4D97-AF65-F5344CB8AC3E}">
        <p14:creationId xmlns:p14="http://schemas.microsoft.com/office/powerpoint/2010/main" val="356246136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FA7F19-2F34-484B-ACA3-C42E1370E6AB}" type="datetimeFigureOut">
              <a:rPr lang="en-US" smtClean="0"/>
              <a:t>5/21/202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9D34400-6F09-5A44-BA94-3BFD306B92C6}" type="slidenum">
              <a:rPr lang="en-US" smtClean="0"/>
              <a:t>‹#›</a:t>
            </a:fld>
            <a:endParaRPr lang="en-US"/>
          </a:p>
        </p:txBody>
      </p:sp>
    </p:spTree>
    <p:extLst>
      <p:ext uri="{BB962C8B-B14F-4D97-AF65-F5344CB8AC3E}">
        <p14:creationId xmlns:p14="http://schemas.microsoft.com/office/powerpoint/2010/main" val="20810601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ngela – from here</a:t>
            </a:r>
            <a:endParaRPr lang="en-AU"/>
          </a:p>
        </p:txBody>
      </p:sp>
      <p:sp>
        <p:nvSpPr>
          <p:cNvPr id="4" name="Slide Number Placeholder 3"/>
          <p:cNvSpPr>
            <a:spLocks noGrp="1"/>
          </p:cNvSpPr>
          <p:nvPr>
            <p:ph type="sldNum" sz="quarter" idx="5"/>
          </p:nvPr>
        </p:nvSpPr>
        <p:spPr/>
        <p:txBody>
          <a:bodyPr/>
          <a:lstStyle/>
          <a:p>
            <a:fld id="{F9D34400-6F09-5A44-BA94-3BFD306B92C6}" type="slidenum">
              <a:rPr lang="en-US" smtClean="0"/>
              <a:t>1</a:t>
            </a:fld>
            <a:endParaRPr lang="en-US"/>
          </a:p>
        </p:txBody>
      </p:sp>
    </p:spTree>
    <p:extLst>
      <p:ext uri="{BB962C8B-B14F-4D97-AF65-F5344CB8AC3E}">
        <p14:creationId xmlns:p14="http://schemas.microsoft.com/office/powerpoint/2010/main" val="23697788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F9D34400-6F09-5A44-BA94-3BFD306B92C6}" type="slidenum">
              <a:rPr lang="en-US" smtClean="0"/>
              <a:t>15</a:t>
            </a:fld>
            <a:endParaRPr lang="en-US"/>
          </a:p>
        </p:txBody>
      </p:sp>
    </p:spTree>
    <p:extLst>
      <p:ext uri="{BB962C8B-B14F-4D97-AF65-F5344CB8AC3E}">
        <p14:creationId xmlns:p14="http://schemas.microsoft.com/office/powerpoint/2010/main" val="409264567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AADD940-539B-1320-5DA3-38C0C6B19B5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429A4AA-3D5B-4285-8BA8-45C07992E82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5E35860-23C6-3B4B-E305-53E525FC778A}"/>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6583EAE6-24E2-9820-89CD-8F1445B32FF7}"/>
              </a:ext>
            </a:extLst>
          </p:cNvPr>
          <p:cNvSpPr>
            <a:spLocks noGrp="1"/>
          </p:cNvSpPr>
          <p:nvPr>
            <p:ph type="sldNum" sz="quarter" idx="5"/>
          </p:nvPr>
        </p:nvSpPr>
        <p:spPr/>
        <p:txBody>
          <a:bodyPr/>
          <a:lstStyle/>
          <a:p>
            <a:fld id="{4057C3FE-26A4-4016-9A9C-79AF3EE619F6}" type="slidenum">
              <a:rPr lang="en-AU"/>
              <a:t>16</a:t>
            </a:fld>
            <a:endParaRPr lang="en-AU"/>
          </a:p>
        </p:txBody>
      </p:sp>
    </p:spTree>
    <p:extLst>
      <p:ext uri="{BB962C8B-B14F-4D97-AF65-F5344CB8AC3E}">
        <p14:creationId xmlns:p14="http://schemas.microsoft.com/office/powerpoint/2010/main" val="141560910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7F242B-4299-C5A4-C04D-C50EFE90D3B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32585EE-56D6-3483-6333-F40FE92CEB9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A05923-BE19-CD5B-E68F-C1FF6C63DC79}"/>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29D272C6-F023-934A-1A47-0D78F48774AA}"/>
              </a:ext>
            </a:extLst>
          </p:cNvPr>
          <p:cNvSpPr>
            <a:spLocks noGrp="1"/>
          </p:cNvSpPr>
          <p:nvPr>
            <p:ph type="sldNum" sz="quarter" idx="5"/>
          </p:nvPr>
        </p:nvSpPr>
        <p:spPr/>
        <p:txBody>
          <a:bodyPr/>
          <a:lstStyle/>
          <a:p>
            <a:fld id="{4057C3FE-26A4-4016-9A9C-79AF3EE619F6}" type="slidenum">
              <a:rPr lang="en-AU"/>
              <a:t>17</a:t>
            </a:fld>
            <a:endParaRPr lang="en-AU"/>
          </a:p>
        </p:txBody>
      </p:sp>
    </p:spTree>
    <p:extLst>
      <p:ext uri="{BB962C8B-B14F-4D97-AF65-F5344CB8AC3E}">
        <p14:creationId xmlns:p14="http://schemas.microsoft.com/office/powerpoint/2010/main" val="261737030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63EA15-68EC-853C-E8FA-9BAB27AE191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9A37C5E-B2CD-4AC8-E5C0-DB530F37AB0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12A58DF-8746-2428-23C6-FA48926F7EC1}"/>
              </a:ext>
            </a:extLst>
          </p:cNvPr>
          <p:cNvSpPr>
            <a:spLocks noGrp="1"/>
          </p:cNvSpPr>
          <p:nvPr>
            <p:ph type="body" idx="1"/>
          </p:nvPr>
        </p:nvSpPr>
        <p:spPr/>
        <p:txBody>
          <a:bodyPr/>
          <a:lstStyle/>
          <a:p>
            <a:endParaRPr lang="en-AU"/>
          </a:p>
          <a:p>
            <a:endParaRPr lang="en-AU"/>
          </a:p>
        </p:txBody>
      </p:sp>
      <p:sp>
        <p:nvSpPr>
          <p:cNvPr id="4" name="Slide Number Placeholder 3">
            <a:extLst>
              <a:ext uri="{FF2B5EF4-FFF2-40B4-BE49-F238E27FC236}">
                <a16:creationId xmlns:a16="http://schemas.microsoft.com/office/drawing/2014/main" id="{1ED1A98F-B21D-3C69-47A4-1C46D44864F6}"/>
              </a:ext>
            </a:extLst>
          </p:cNvPr>
          <p:cNvSpPr>
            <a:spLocks noGrp="1"/>
          </p:cNvSpPr>
          <p:nvPr>
            <p:ph type="sldNum" sz="quarter" idx="5"/>
          </p:nvPr>
        </p:nvSpPr>
        <p:spPr/>
        <p:txBody>
          <a:bodyPr/>
          <a:lstStyle/>
          <a:p>
            <a:fld id="{4057C3FE-26A4-4016-9A9C-79AF3EE619F6}" type="slidenum">
              <a:rPr lang="en-AU" smtClean="0"/>
              <a:t>18</a:t>
            </a:fld>
            <a:endParaRPr lang="en-AU"/>
          </a:p>
        </p:txBody>
      </p:sp>
    </p:spTree>
    <p:extLst>
      <p:ext uri="{BB962C8B-B14F-4D97-AF65-F5344CB8AC3E}">
        <p14:creationId xmlns:p14="http://schemas.microsoft.com/office/powerpoint/2010/main" val="287022165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83FD878-1854-5F7F-D3B4-9210BDAB393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5B0BAAF-4AFD-7D5A-67F4-694D0756268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13129E1-74BC-BECB-448B-A081FD61DA1E}"/>
              </a:ext>
            </a:extLst>
          </p:cNvPr>
          <p:cNvSpPr>
            <a:spLocks noGrp="1"/>
          </p:cNvSpPr>
          <p:nvPr>
            <p:ph type="body" idx="1"/>
          </p:nvPr>
        </p:nvSpPr>
        <p:spPr/>
        <p:txBody>
          <a:bodyPr/>
          <a:lstStyle/>
          <a:p>
            <a:endParaRPr lang="en-AU"/>
          </a:p>
        </p:txBody>
      </p:sp>
      <p:sp>
        <p:nvSpPr>
          <p:cNvPr id="4" name="Slide Number Placeholder 3">
            <a:extLst>
              <a:ext uri="{FF2B5EF4-FFF2-40B4-BE49-F238E27FC236}">
                <a16:creationId xmlns:a16="http://schemas.microsoft.com/office/drawing/2014/main" id="{F52547A1-4524-5B9E-80BE-13AC7DAD5314}"/>
              </a:ext>
            </a:extLst>
          </p:cNvPr>
          <p:cNvSpPr>
            <a:spLocks noGrp="1"/>
          </p:cNvSpPr>
          <p:nvPr>
            <p:ph type="sldNum" sz="quarter" idx="5"/>
          </p:nvPr>
        </p:nvSpPr>
        <p:spPr/>
        <p:txBody>
          <a:bodyPr/>
          <a:lstStyle/>
          <a:p>
            <a:fld id="{4057C3FE-26A4-4016-9A9C-79AF3EE619F6}" type="slidenum">
              <a:rPr lang="en-AU" smtClean="0"/>
              <a:t>19</a:t>
            </a:fld>
            <a:endParaRPr lang="en-AU"/>
          </a:p>
        </p:txBody>
      </p:sp>
    </p:spTree>
    <p:extLst>
      <p:ext uri="{BB962C8B-B14F-4D97-AF65-F5344CB8AC3E}">
        <p14:creationId xmlns:p14="http://schemas.microsoft.com/office/powerpoint/2010/main" val="6075862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a:p>
            <a:r>
              <a:rPr lang="en-AU"/>
              <a:t>Outputs were delivered - but does this mean meaningful change? And does this get us closer to the objectives? </a:t>
            </a:r>
          </a:p>
        </p:txBody>
      </p:sp>
      <p:sp>
        <p:nvSpPr>
          <p:cNvPr id="4" name="Slide Number Placeholder 3"/>
          <p:cNvSpPr>
            <a:spLocks noGrp="1"/>
          </p:cNvSpPr>
          <p:nvPr>
            <p:ph type="sldNum" sz="quarter" idx="5"/>
          </p:nvPr>
        </p:nvSpPr>
        <p:spPr/>
        <p:txBody>
          <a:bodyPr/>
          <a:lstStyle/>
          <a:p>
            <a:fld id="{4057C3FE-26A4-4016-9A9C-79AF3EE619F6}" type="slidenum">
              <a:rPr lang="en-AU" smtClean="0"/>
              <a:t>22</a:t>
            </a:fld>
            <a:endParaRPr lang="en-AU"/>
          </a:p>
        </p:txBody>
      </p:sp>
    </p:spTree>
    <p:extLst>
      <p:ext uri="{BB962C8B-B14F-4D97-AF65-F5344CB8AC3E}">
        <p14:creationId xmlns:p14="http://schemas.microsoft.com/office/powerpoint/2010/main" val="41908727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elwyn – from here</a:t>
            </a:r>
            <a:endParaRPr lang="en-AU"/>
          </a:p>
        </p:txBody>
      </p:sp>
      <p:sp>
        <p:nvSpPr>
          <p:cNvPr id="4" name="Slide Number Placeholder 3"/>
          <p:cNvSpPr>
            <a:spLocks noGrp="1"/>
          </p:cNvSpPr>
          <p:nvPr>
            <p:ph type="sldNum" sz="quarter" idx="5"/>
          </p:nvPr>
        </p:nvSpPr>
        <p:spPr/>
        <p:txBody>
          <a:bodyPr/>
          <a:lstStyle/>
          <a:p>
            <a:fld id="{F9D34400-6F09-5A44-BA94-3BFD306B92C6}" type="slidenum">
              <a:rPr lang="en-US" smtClean="0"/>
              <a:t>24</a:t>
            </a:fld>
            <a:endParaRPr lang="en-US"/>
          </a:p>
        </p:txBody>
      </p:sp>
    </p:spTree>
    <p:extLst>
      <p:ext uri="{BB962C8B-B14F-4D97-AF65-F5344CB8AC3E}">
        <p14:creationId xmlns:p14="http://schemas.microsoft.com/office/powerpoint/2010/main" val="8926349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F9D34400-6F09-5A44-BA94-3BFD306B92C6}" type="slidenum">
              <a:rPr lang="en-US" smtClean="0"/>
              <a:t>27</a:t>
            </a:fld>
            <a:endParaRPr lang="en-US"/>
          </a:p>
        </p:txBody>
      </p:sp>
    </p:spTree>
    <p:extLst>
      <p:ext uri="{BB962C8B-B14F-4D97-AF65-F5344CB8AC3E}">
        <p14:creationId xmlns:p14="http://schemas.microsoft.com/office/powerpoint/2010/main" val="18132592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B692E62-66E3-D25B-29D7-9DF138D793C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891C860-DA43-A599-DE23-6984B82C8F5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6EE2B04-6004-E1D8-0CA6-E3B3F00BA3FF}"/>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E00F5F55-679C-A18A-6E28-7098A0E426F3}"/>
              </a:ext>
            </a:extLst>
          </p:cNvPr>
          <p:cNvSpPr>
            <a:spLocks noGrp="1"/>
          </p:cNvSpPr>
          <p:nvPr>
            <p:ph type="sldNum" sz="quarter" idx="5"/>
          </p:nvPr>
        </p:nvSpPr>
        <p:spPr/>
        <p:txBody>
          <a:bodyPr/>
          <a:lstStyle/>
          <a:p>
            <a:fld id="{4057C3FE-26A4-4016-9A9C-79AF3EE619F6}" type="slidenum">
              <a:rPr lang="en-AU"/>
              <a:t>32</a:t>
            </a:fld>
            <a:endParaRPr lang="en-AU"/>
          </a:p>
        </p:txBody>
      </p:sp>
    </p:spTree>
    <p:extLst>
      <p:ext uri="{BB962C8B-B14F-4D97-AF65-F5344CB8AC3E}">
        <p14:creationId xmlns:p14="http://schemas.microsoft.com/office/powerpoint/2010/main" val="16344050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54CEC8-6014-374B-D3E7-AB90186014F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D38D8B7-BF41-21C7-2B86-6FD882B88F5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ADD8264-9826-334F-15B7-0055A0652918}"/>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D34D7415-7417-0A17-7A28-2F30D86D1185}"/>
              </a:ext>
            </a:extLst>
          </p:cNvPr>
          <p:cNvSpPr>
            <a:spLocks noGrp="1"/>
          </p:cNvSpPr>
          <p:nvPr>
            <p:ph type="sldNum" sz="quarter" idx="5"/>
          </p:nvPr>
        </p:nvSpPr>
        <p:spPr/>
        <p:txBody>
          <a:bodyPr/>
          <a:lstStyle/>
          <a:p>
            <a:fld id="{4057C3FE-26A4-4016-9A9C-79AF3EE619F6}" type="slidenum">
              <a:rPr lang="en-AU" smtClean="0"/>
              <a:t>34</a:t>
            </a:fld>
            <a:endParaRPr lang="en-AU"/>
          </a:p>
        </p:txBody>
      </p:sp>
    </p:spTree>
    <p:extLst>
      <p:ext uri="{BB962C8B-B14F-4D97-AF65-F5344CB8AC3E}">
        <p14:creationId xmlns:p14="http://schemas.microsoft.com/office/powerpoint/2010/main" val="47031214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a:p>
            <a:r>
              <a:rPr lang="en-AU"/>
              <a:t>what is out of scope and how this is different to the inquiry</a:t>
            </a:r>
          </a:p>
        </p:txBody>
      </p:sp>
      <p:sp>
        <p:nvSpPr>
          <p:cNvPr id="4" name="Slide Number Placeholder 3"/>
          <p:cNvSpPr>
            <a:spLocks noGrp="1"/>
          </p:cNvSpPr>
          <p:nvPr>
            <p:ph type="sldNum" sz="quarter" idx="5"/>
          </p:nvPr>
        </p:nvSpPr>
        <p:spPr/>
        <p:txBody>
          <a:bodyPr/>
          <a:lstStyle/>
          <a:p>
            <a:fld id="{4057C3FE-26A4-4016-9A9C-79AF3EE619F6}" type="slidenum">
              <a:rPr lang="en-AU" smtClean="0"/>
              <a:t>3</a:t>
            </a:fld>
            <a:endParaRPr lang="en-AU"/>
          </a:p>
        </p:txBody>
      </p:sp>
    </p:spTree>
    <p:extLst>
      <p:ext uri="{BB962C8B-B14F-4D97-AF65-F5344CB8AC3E}">
        <p14:creationId xmlns:p14="http://schemas.microsoft.com/office/powerpoint/2010/main" val="218904213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F9D34400-6F09-5A44-BA94-3BFD306B92C6}" type="slidenum">
              <a:rPr lang="en-US" smtClean="0"/>
              <a:t>35</a:t>
            </a:fld>
            <a:endParaRPr lang="en-US"/>
          </a:p>
        </p:txBody>
      </p:sp>
    </p:spTree>
    <p:extLst>
      <p:ext uri="{BB962C8B-B14F-4D97-AF65-F5344CB8AC3E}">
        <p14:creationId xmlns:p14="http://schemas.microsoft.com/office/powerpoint/2010/main" val="107518531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DE79A21-C405-6D21-0CCA-336E2667E56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5663529-2916-2991-4670-4CBE1F3C7B4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36B39AC-F2DC-7EBE-6B31-8C98130F94C7}"/>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ED5B5A39-5000-CC2D-1108-225291F925EE}"/>
              </a:ext>
            </a:extLst>
          </p:cNvPr>
          <p:cNvSpPr>
            <a:spLocks noGrp="1"/>
          </p:cNvSpPr>
          <p:nvPr>
            <p:ph type="sldNum" sz="quarter" idx="5"/>
          </p:nvPr>
        </p:nvSpPr>
        <p:spPr/>
        <p:txBody>
          <a:bodyPr/>
          <a:lstStyle/>
          <a:p>
            <a:fld id="{4057C3FE-26A4-4016-9A9C-79AF3EE619F6}" type="slidenum">
              <a:rPr lang="en-AU" smtClean="0"/>
              <a:t>37</a:t>
            </a:fld>
            <a:endParaRPr lang="en-AU"/>
          </a:p>
        </p:txBody>
      </p:sp>
    </p:spTree>
    <p:extLst>
      <p:ext uri="{BB962C8B-B14F-4D97-AF65-F5344CB8AC3E}">
        <p14:creationId xmlns:p14="http://schemas.microsoft.com/office/powerpoint/2010/main" val="71292944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C3DCD3-146F-D74C-6255-7C15933E6EF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BE5D7A4-0783-2E3D-5C64-612CDB68813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832C95B-45F9-3C11-31D0-34E02D00D621}"/>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92E900AF-9A4C-BBDD-77C2-9C11574FEFA6}"/>
              </a:ext>
            </a:extLst>
          </p:cNvPr>
          <p:cNvSpPr>
            <a:spLocks noGrp="1"/>
          </p:cNvSpPr>
          <p:nvPr>
            <p:ph type="sldNum" sz="quarter" idx="5"/>
          </p:nvPr>
        </p:nvSpPr>
        <p:spPr/>
        <p:txBody>
          <a:bodyPr/>
          <a:lstStyle/>
          <a:p>
            <a:fld id="{4057C3FE-26A4-4016-9A9C-79AF3EE619F6}" type="slidenum">
              <a:rPr lang="en-AU" smtClean="0"/>
              <a:t>38</a:t>
            </a:fld>
            <a:endParaRPr lang="en-AU"/>
          </a:p>
        </p:txBody>
      </p:sp>
    </p:spTree>
    <p:extLst>
      <p:ext uri="{BB962C8B-B14F-4D97-AF65-F5344CB8AC3E}">
        <p14:creationId xmlns:p14="http://schemas.microsoft.com/office/powerpoint/2010/main" val="393604681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1CF17EA-B266-96C1-F6F3-20C532865BD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1414E15-DB6A-35AE-9485-B67B34ED6D8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5B125DA-E991-6B7D-5987-1D105387086F}"/>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9848C329-D554-D0F8-ACF2-7D8BC5077201}"/>
              </a:ext>
            </a:extLst>
          </p:cNvPr>
          <p:cNvSpPr>
            <a:spLocks noGrp="1"/>
          </p:cNvSpPr>
          <p:nvPr>
            <p:ph type="sldNum" sz="quarter" idx="5"/>
          </p:nvPr>
        </p:nvSpPr>
        <p:spPr/>
        <p:txBody>
          <a:bodyPr/>
          <a:lstStyle/>
          <a:p>
            <a:fld id="{4057C3FE-26A4-4016-9A9C-79AF3EE619F6}" type="slidenum">
              <a:rPr lang="en-AU" smtClean="0"/>
              <a:t>39</a:t>
            </a:fld>
            <a:endParaRPr lang="en-AU"/>
          </a:p>
        </p:txBody>
      </p:sp>
    </p:spTree>
    <p:extLst>
      <p:ext uri="{BB962C8B-B14F-4D97-AF65-F5344CB8AC3E}">
        <p14:creationId xmlns:p14="http://schemas.microsoft.com/office/powerpoint/2010/main" val="266341439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9F7089-D741-5E44-74C0-B3DBF3B6FFA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7DEC739-B43B-EB4F-6C4D-2E5DD930ED3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515588B-9515-94FD-0786-CF9699E1BEB4}"/>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3D6894C9-2F14-7DA5-F07C-40C59E4BBB90}"/>
              </a:ext>
            </a:extLst>
          </p:cNvPr>
          <p:cNvSpPr>
            <a:spLocks noGrp="1"/>
          </p:cNvSpPr>
          <p:nvPr>
            <p:ph type="sldNum" sz="quarter" idx="5"/>
          </p:nvPr>
        </p:nvSpPr>
        <p:spPr/>
        <p:txBody>
          <a:bodyPr/>
          <a:lstStyle/>
          <a:p>
            <a:fld id="{4057C3FE-26A4-4016-9A9C-79AF3EE619F6}" type="slidenum">
              <a:rPr lang="en-AU" smtClean="0"/>
              <a:t>40</a:t>
            </a:fld>
            <a:endParaRPr lang="en-AU"/>
          </a:p>
        </p:txBody>
      </p:sp>
    </p:spTree>
    <p:extLst>
      <p:ext uri="{BB962C8B-B14F-4D97-AF65-F5344CB8AC3E}">
        <p14:creationId xmlns:p14="http://schemas.microsoft.com/office/powerpoint/2010/main" val="365706928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F8CAFD-555F-6CD5-495F-109247CD4B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BBF8C39-AE66-A1B1-E38E-21DF230547C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2DCA012-B4D0-8933-67F2-EBD04DCD6B6B}"/>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012C083D-3B53-8577-7D33-D9080F5C6783}"/>
              </a:ext>
            </a:extLst>
          </p:cNvPr>
          <p:cNvSpPr>
            <a:spLocks noGrp="1"/>
          </p:cNvSpPr>
          <p:nvPr>
            <p:ph type="sldNum" sz="quarter" idx="5"/>
          </p:nvPr>
        </p:nvSpPr>
        <p:spPr/>
        <p:txBody>
          <a:bodyPr/>
          <a:lstStyle/>
          <a:p>
            <a:fld id="{4057C3FE-26A4-4016-9A9C-79AF3EE619F6}" type="slidenum">
              <a:rPr lang="en-AU" smtClean="0"/>
              <a:t>41</a:t>
            </a:fld>
            <a:endParaRPr lang="en-AU"/>
          </a:p>
        </p:txBody>
      </p:sp>
    </p:spTree>
    <p:extLst>
      <p:ext uri="{BB962C8B-B14F-4D97-AF65-F5344CB8AC3E}">
        <p14:creationId xmlns:p14="http://schemas.microsoft.com/office/powerpoint/2010/main" val="403566192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D8036B-1366-478C-E460-89C7C0E6F8C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2D3E320-49FF-0A77-171E-F0B63B43520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32CB68E-3AC0-CA62-CCC7-49AD67317332}"/>
              </a:ext>
            </a:extLst>
          </p:cNvPr>
          <p:cNvSpPr>
            <a:spLocks noGrp="1"/>
          </p:cNvSpPr>
          <p:nvPr>
            <p:ph type="body" idx="1"/>
          </p:nvPr>
        </p:nvSpPr>
        <p:spPr/>
        <p:txBody>
          <a:bodyPr/>
          <a:lstStyle/>
          <a:p>
            <a:r>
              <a:rPr lang="en-US"/>
              <a:t>Selwyn – to here</a:t>
            </a:r>
            <a:endParaRPr lang="en-AU"/>
          </a:p>
        </p:txBody>
      </p:sp>
      <p:sp>
        <p:nvSpPr>
          <p:cNvPr id="4" name="Slide Number Placeholder 3">
            <a:extLst>
              <a:ext uri="{FF2B5EF4-FFF2-40B4-BE49-F238E27FC236}">
                <a16:creationId xmlns:a16="http://schemas.microsoft.com/office/drawing/2014/main" id="{A2CA7237-E9BE-D98B-942C-010C7C9A0E46}"/>
              </a:ext>
            </a:extLst>
          </p:cNvPr>
          <p:cNvSpPr>
            <a:spLocks noGrp="1"/>
          </p:cNvSpPr>
          <p:nvPr>
            <p:ph type="sldNum" sz="quarter" idx="5"/>
          </p:nvPr>
        </p:nvSpPr>
        <p:spPr/>
        <p:txBody>
          <a:bodyPr/>
          <a:lstStyle/>
          <a:p>
            <a:fld id="{4057C3FE-26A4-4016-9A9C-79AF3EE619F6}" type="slidenum">
              <a:rPr lang="en-AU" smtClean="0"/>
              <a:t>43</a:t>
            </a:fld>
            <a:endParaRPr lang="en-AU"/>
          </a:p>
        </p:txBody>
      </p:sp>
    </p:spTree>
    <p:extLst>
      <p:ext uri="{BB962C8B-B14F-4D97-AF65-F5344CB8AC3E}">
        <p14:creationId xmlns:p14="http://schemas.microsoft.com/office/powerpoint/2010/main" val="19802737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1FF127-E331-8489-165C-26731DB1DFB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729EB46-9005-EBFE-574B-688360CCCCE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E9ABFAB-F57F-F690-57F2-8B000D3515BD}"/>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56D1A3C0-DA4B-20D1-A50A-B181416B77C3}"/>
              </a:ext>
            </a:extLst>
          </p:cNvPr>
          <p:cNvSpPr>
            <a:spLocks noGrp="1"/>
          </p:cNvSpPr>
          <p:nvPr>
            <p:ph type="sldNum" sz="quarter" idx="5"/>
          </p:nvPr>
        </p:nvSpPr>
        <p:spPr/>
        <p:txBody>
          <a:bodyPr/>
          <a:lstStyle/>
          <a:p>
            <a:fld id="{4057C3FE-26A4-4016-9A9C-79AF3EE619F6}" type="slidenum">
              <a:rPr lang="en-AU" smtClean="0"/>
              <a:t>4</a:t>
            </a:fld>
            <a:endParaRPr lang="en-AU"/>
          </a:p>
        </p:txBody>
      </p:sp>
    </p:spTree>
    <p:extLst>
      <p:ext uri="{BB962C8B-B14F-4D97-AF65-F5344CB8AC3E}">
        <p14:creationId xmlns:p14="http://schemas.microsoft.com/office/powerpoint/2010/main" val="20882637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F641B4-246A-895A-26F7-C443BA97FD1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6EF6900-CF37-C78B-4857-A2E1F95C27C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7D8A89C-382C-C453-8A35-50324F503C2D}"/>
              </a:ext>
            </a:extLst>
          </p:cNvPr>
          <p:cNvSpPr>
            <a:spLocks noGrp="1"/>
          </p:cNvSpPr>
          <p:nvPr>
            <p:ph type="body" idx="1"/>
          </p:nvPr>
        </p:nvSpPr>
        <p:spPr/>
        <p:txBody>
          <a:bodyPr/>
          <a:lstStyle/>
          <a:p>
            <a:r>
              <a:rPr lang="en-US"/>
              <a:t>Angela – to here</a:t>
            </a:r>
          </a:p>
        </p:txBody>
      </p:sp>
      <p:sp>
        <p:nvSpPr>
          <p:cNvPr id="4" name="Slide Number Placeholder 3">
            <a:extLst>
              <a:ext uri="{FF2B5EF4-FFF2-40B4-BE49-F238E27FC236}">
                <a16:creationId xmlns:a16="http://schemas.microsoft.com/office/drawing/2014/main" id="{99AB1F05-730F-6D39-CC7D-C74D2F7136BD}"/>
              </a:ext>
            </a:extLst>
          </p:cNvPr>
          <p:cNvSpPr>
            <a:spLocks noGrp="1"/>
          </p:cNvSpPr>
          <p:nvPr>
            <p:ph type="sldNum" sz="quarter" idx="5"/>
          </p:nvPr>
        </p:nvSpPr>
        <p:spPr/>
        <p:txBody>
          <a:bodyPr/>
          <a:lstStyle/>
          <a:p>
            <a:fld id="{4057C3FE-26A4-4016-9A9C-79AF3EE619F6}" type="slidenum">
              <a:rPr lang="en-AU" smtClean="0"/>
              <a:t>5</a:t>
            </a:fld>
            <a:endParaRPr lang="en-AU"/>
          </a:p>
        </p:txBody>
      </p:sp>
    </p:spTree>
    <p:extLst>
      <p:ext uri="{BB962C8B-B14F-4D97-AF65-F5344CB8AC3E}">
        <p14:creationId xmlns:p14="http://schemas.microsoft.com/office/powerpoint/2010/main" val="35227523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3BD355-8727-F4D1-4A49-ECD996D7496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1C712B8-FBA5-B384-CB4D-AA00FEAAE18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6C9F7F4-282E-66C6-C865-33B9C129CDBC}"/>
              </a:ext>
            </a:extLst>
          </p:cNvPr>
          <p:cNvSpPr>
            <a:spLocks noGrp="1"/>
          </p:cNvSpPr>
          <p:nvPr>
            <p:ph type="body" idx="1"/>
          </p:nvPr>
        </p:nvSpPr>
        <p:spPr/>
        <p:txBody>
          <a:bodyPr/>
          <a:lstStyle/>
          <a:p>
            <a:endParaRPr lang="en-AU"/>
          </a:p>
        </p:txBody>
      </p:sp>
      <p:sp>
        <p:nvSpPr>
          <p:cNvPr id="4" name="Slide Number Placeholder 3">
            <a:extLst>
              <a:ext uri="{FF2B5EF4-FFF2-40B4-BE49-F238E27FC236}">
                <a16:creationId xmlns:a16="http://schemas.microsoft.com/office/drawing/2014/main" id="{FEEC2186-88AC-2BF5-32FC-7941F9C590DE}"/>
              </a:ext>
            </a:extLst>
          </p:cNvPr>
          <p:cNvSpPr>
            <a:spLocks noGrp="1"/>
          </p:cNvSpPr>
          <p:nvPr>
            <p:ph type="sldNum" sz="quarter" idx="5"/>
          </p:nvPr>
        </p:nvSpPr>
        <p:spPr/>
        <p:txBody>
          <a:bodyPr/>
          <a:lstStyle/>
          <a:p>
            <a:fld id="{4057C3FE-26A4-4016-9A9C-79AF3EE619F6}" type="slidenum">
              <a:rPr lang="en-AU" smtClean="0"/>
              <a:t>10</a:t>
            </a:fld>
            <a:endParaRPr lang="en-AU"/>
          </a:p>
        </p:txBody>
      </p:sp>
    </p:spTree>
    <p:extLst>
      <p:ext uri="{BB962C8B-B14F-4D97-AF65-F5344CB8AC3E}">
        <p14:creationId xmlns:p14="http://schemas.microsoft.com/office/powerpoint/2010/main" val="28007046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4E9053-C252-523E-0B20-CFE4688C31C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233A5B0-16E0-A1B3-EACC-769BFB3FABC2}"/>
              </a:ext>
            </a:extLst>
          </p:cNvPr>
          <p:cNvSpPr>
            <a:spLocks noGrp="1" noRot="1" noChangeAspect="1"/>
          </p:cNvSpPr>
          <p:nvPr>
            <p:ph type="sldImg"/>
          </p:nvPr>
        </p:nvSpPr>
        <p:spPr>
          <a:xfrm>
            <a:off x="90488" y="744538"/>
            <a:ext cx="6616700" cy="3722687"/>
          </a:xfrm>
        </p:spPr>
      </p:sp>
      <p:sp>
        <p:nvSpPr>
          <p:cNvPr id="3" name="Notes Placeholder 2">
            <a:extLst>
              <a:ext uri="{FF2B5EF4-FFF2-40B4-BE49-F238E27FC236}">
                <a16:creationId xmlns:a16="http://schemas.microsoft.com/office/drawing/2014/main" id="{1298C03C-59E8-295F-2EBD-8D5DC8C8C169}"/>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0531766A-1AC7-7998-22D3-57C5BB0B2F5E}"/>
              </a:ext>
            </a:extLst>
          </p:cNvPr>
          <p:cNvSpPr>
            <a:spLocks noGrp="1"/>
          </p:cNvSpPr>
          <p:nvPr>
            <p:ph type="sldNum" sz="quarter" idx="5"/>
          </p:nvPr>
        </p:nvSpPr>
        <p:spPr/>
        <p:txBody>
          <a:bodyPr/>
          <a:lstStyle/>
          <a:p>
            <a:fld id="{DC8B08B2-9031-430B-B657-5DC3329B35C6}" type="slidenum">
              <a:rPr lang="en-AU"/>
              <a:pPr/>
              <a:t>11</a:t>
            </a:fld>
            <a:endParaRPr lang="en-AU"/>
          </a:p>
        </p:txBody>
      </p:sp>
    </p:spTree>
    <p:extLst>
      <p:ext uri="{BB962C8B-B14F-4D97-AF65-F5344CB8AC3E}">
        <p14:creationId xmlns:p14="http://schemas.microsoft.com/office/powerpoint/2010/main" val="408623774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lvl="0" indent="0" algn="l" defTabSz="88760" rtl="0" eaLnBrk="1" fontAlgn="auto" latinLnBrk="0" hangingPunct="1">
              <a:lnSpc>
                <a:spcPct val="100000"/>
              </a:lnSpc>
              <a:spcBef>
                <a:spcPts val="0"/>
              </a:spcBef>
              <a:spcAft>
                <a:spcPts val="0"/>
              </a:spcAft>
              <a:buClrTx/>
              <a:buSzTx/>
              <a:buFontTx/>
              <a:buNone/>
              <a:tabLst/>
              <a:defRPr/>
            </a:pPr>
            <a:r>
              <a:rPr lang="en-US"/>
              <a:t>Reports, Book, research, findings, policy, recommendations, publish</a:t>
            </a:r>
            <a:endParaRPr lang="en-AU"/>
          </a:p>
        </p:txBody>
      </p:sp>
      <p:sp>
        <p:nvSpPr>
          <p:cNvPr id="4" name="Slide Number Placeholder 3"/>
          <p:cNvSpPr>
            <a:spLocks noGrp="1"/>
          </p:cNvSpPr>
          <p:nvPr>
            <p:ph type="sldNum" sz="quarter" idx="5"/>
          </p:nvPr>
        </p:nvSpPr>
        <p:spPr/>
        <p:txBody>
          <a:bodyPr/>
          <a:lstStyle/>
          <a:p>
            <a:fld id="{C0F4A2C8-6C88-4E71-83EE-698B9D4FE22F}" type="slidenum">
              <a:rPr lang="en-US"/>
              <a:pPr/>
              <a:t>12</a:t>
            </a:fld>
            <a:endParaRPr lang="en-US"/>
          </a:p>
        </p:txBody>
      </p:sp>
    </p:spTree>
    <p:extLst>
      <p:ext uri="{BB962C8B-B14F-4D97-AF65-F5344CB8AC3E}">
        <p14:creationId xmlns:p14="http://schemas.microsoft.com/office/powerpoint/2010/main" val="35109365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6761C91-D689-5598-8FCD-3598AE44B7E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0475B81-1DA7-8654-D9C2-E28787E3ED8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08D591B-883D-91E2-64CC-699E98148AC4}"/>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BFD5E6AD-ECF0-D053-2F11-E1ED1B77836B}"/>
              </a:ext>
            </a:extLst>
          </p:cNvPr>
          <p:cNvSpPr>
            <a:spLocks noGrp="1"/>
          </p:cNvSpPr>
          <p:nvPr>
            <p:ph type="sldNum" sz="quarter" idx="5"/>
          </p:nvPr>
        </p:nvSpPr>
        <p:spPr/>
        <p:txBody>
          <a:bodyPr/>
          <a:lstStyle/>
          <a:p>
            <a:fld id="{4057C3FE-26A4-4016-9A9C-79AF3EE619F6}" type="slidenum">
              <a:rPr lang="en-AU" smtClean="0"/>
              <a:t>13</a:t>
            </a:fld>
            <a:endParaRPr lang="en-AU"/>
          </a:p>
        </p:txBody>
      </p:sp>
    </p:spTree>
    <p:extLst>
      <p:ext uri="{BB962C8B-B14F-4D97-AF65-F5344CB8AC3E}">
        <p14:creationId xmlns:p14="http://schemas.microsoft.com/office/powerpoint/2010/main" val="25621378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4</a:t>
            </a:fld>
            <a:endParaRPr lang="en-AU"/>
          </a:p>
        </p:txBody>
      </p:sp>
    </p:spTree>
    <p:extLst>
      <p:ext uri="{BB962C8B-B14F-4D97-AF65-F5344CB8AC3E}">
        <p14:creationId xmlns:p14="http://schemas.microsoft.com/office/powerpoint/2010/main" val="241423643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8CC77CF1-C247-5901-9264-6EB371AA947B}"/>
              </a:ext>
            </a:extLst>
          </p:cNvPr>
          <p:cNvPicPr>
            <a:picLocks noChangeAspect="1"/>
          </p:cNvPicPr>
          <p:nvPr userDrawn="1"/>
        </p:nvPicPr>
        <p:blipFill>
          <a:blip r:embed="rId2"/>
          <a:srcRect/>
          <a:stretch/>
        </p:blipFill>
        <p:spPr>
          <a:xfrm>
            <a:off x="0" y="-140110"/>
            <a:ext cx="12690167" cy="7138218"/>
          </a:xfrm>
          <a:prstGeom prst="rect">
            <a:avLst/>
          </a:prstGeom>
        </p:spPr>
      </p:pic>
      <p:sp>
        <p:nvSpPr>
          <p:cNvPr id="2" name="Title 1">
            <a:extLst>
              <a:ext uri="{FF2B5EF4-FFF2-40B4-BE49-F238E27FC236}">
                <a16:creationId xmlns:a16="http://schemas.microsoft.com/office/drawing/2014/main" id="{9EB44873-5FC6-787A-890E-60B3EC727A4D}"/>
              </a:ext>
            </a:extLst>
          </p:cNvPr>
          <p:cNvSpPr>
            <a:spLocks noGrp="1"/>
          </p:cNvSpPr>
          <p:nvPr>
            <p:ph type="ctrTitle" hasCustomPrompt="1"/>
          </p:nvPr>
        </p:nvSpPr>
        <p:spPr>
          <a:xfrm>
            <a:off x="882087" y="2199758"/>
            <a:ext cx="5168654" cy="1574193"/>
          </a:xfrm>
        </p:spPr>
        <p:txBody>
          <a:bodyPr anchor="t" anchorCtr="0"/>
          <a:lstStyle>
            <a:lvl1pPr algn="l">
              <a:defRPr sz="3600" b="1" i="0">
                <a:solidFill>
                  <a:schemeClr val="accent5"/>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Presentation heading </a:t>
            </a:r>
            <a:br>
              <a:rPr lang="en-GB"/>
            </a:br>
            <a:r>
              <a:rPr lang="en-GB"/>
              <a:t>over a maximum of </a:t>
            </a:r>
            <a:br>
              <a:rPr lang="en-GB"/>
            </a:br>
            <a:r>
              <a:rPr lang="en-GB"/>
              <a:t>three lines</a:t>
            </a:r>
            <a:endParaRPr lang="en-US"/>
          </a:p>
        </p:txBody>
      </p:sp>
      <p:sp>
        <p:nvSpPr>
          <p:cNvPr id="3" name="Subtitle 2">
            <a:extLst>
              <a:ext uri="{FF2B5EF4-FFF2-40B4-BE49-F238E27FC236}">
                <a16:creationId xmlns:a16="http://schemas.microsoft.com/office/drawing/2014/main" id="{92F89C30-707A-C5D2-A333-95BC9F27AF4D}"/>
              </a:ext>
            </a:extLst>
          </p:cNvPr>
          <p:cNvSpPr>
            <a:spLocks noGrp="1"/>
          </p:cNvSpPr>
          <p:nvPr>
            <p:ph type="subTitle" idx="1" hasCustomPrompt="1"/>
          </p:nvPr>
        </p:nvSpPr>
        <p:spPr>
          <a:xfrm>
            <a:off x="882086" y="4255739"/>
            <a:ext cx="6136059" cy="356242"/>
          </a:xfrm>
        </p:spPr>
        <p:txBody>
          <a:bodyPr anchor="ctr" anchorCtr="0"/>
          <a:lstStyle>
            <a:lvl1pPr marL="0" indent="0" algn="l">
              <a:buNone/>
              <a:defRPr sz="22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Event name and date</a:t>
            </a:r>
            <a:endParaRPr lang="en-US"/>
          </a:p>
        </p:txBody>
      </p:sp>
      <p:sp>
        <p:nvSpPr>
          <p:cNvPr id="23" name="Text Placeholder 22">
            <a:extLst>
              <a:ext uri="{FF2B5EF4-FFF2-40B4-BE49-F238E27FC236}">
                <a16:creationId xmlns:a16="http://schemas.microsoft.com/office/drawing/2014/main" id="{DA59DCC5-5F1C-EB15-1F08-B86A405B14E8}"/>
              </a:ext>
            </a:extLst>
          </p:cNvPr>
          <p:cNvSpPr>
            <a:spLocks noGrp="1"/>
          </p:cNvSpPr>
          <p:nvPr>
            <p:ph type="body" sz="quarter" idx="10" hasCustomPrompt="1"/>
          </p:nvPr>
        </p:nvSpPr>
        <p:spPr>
          <a:xfrm>
            <a:off x="882087" y="4772748"/>
            <a:ext cx="3381808" cy="516174"/>
          </a:xfrm>
        </p:spPr>
        <p:txBody>
          <a:bodyPr/>
          <a:lstStyle>
            <a:lvl1pPr marL="0" indent="0">
              <a:buNone/>
              <a:defRPr/>
            </a:lvl1pPr>
            <a:lvl2pPr marL="239400" indent="0">
              <a:buNone/>
              <a:defRPr/>
            </a:lvl2pPr>
            <a:lvl3pPr marL="491400" indent="0">
              <a:buNone/>
              <a:defRPr/>
            </a:lvl3pPr>
            <a:lvl4pPr marL="1371600" indent="0">
              <a:buNone/>
              <a:defRPr/>
            </a:lvl4pPr>
            <a:lvl5pPr marL="1828800" indent="0">
              <a:buNone/>
              <a:defRPr/>
            </a:lvl5pPr>
          </a:lstStyle>
          <a:p>
            <a:pPr lvl="0"/>
            <a:r>
              <a:rPr lang="en-GB"/>
              <a:t>Name(s)</a:t>
            </a:r>
            <a:endParaRPr lang="en-US"/>
          </a:p>
        </p:txBody>
      </p:sp>
      <p:sp>
        <p:nvSpPr>
          <p:cNvPr id="4" name="TextBox 3">
            <a:extLst>
              <a:ext uri="{FF2B5EF4-FFF2-40B4-BE49-F238E27FC236}">
                <a16:creationId xmlns:a16="http://schemas.microsoft.com/office/drawing/2014/main" id="{02D22DD7-F810-0C79-51A5-2275ED712E0D}"/>
              </a:ext>
            </a:extLst>
          </p:cNvPr>
          <p:cNvSpPr txBox="1"/>
          <p:nvPr userDrawn="1"/>
        </p:nvSpPr>
        <p:spPr>
          <a:xfrm>
            <a:off x="605928" y="88135"/>
            <a:ext cx="4285561" cy="369332"/>
          </a:xfrm>
          <a:prstGeom prst="rect">
            <a:avLst/>
          </a:prstGeom>
          <a:noFill/>
        </p:spPr>
        <p:txBody>
          <a:bodyPr wrap="square" rtlCol="0">
            <a:spAutoFit/>
          </a:bodyPr>
          <a:lstStyle/>
          <a:p>
            <a:r>
              <a:rPr lang="en-US">
                <a:solidFill>
                  <a:srgbClr val="FF0000"/>
                </a:solidFill>
              </a:rPr>
              <a:t>Under embargo</a:t>
            </a:r>
            <a:endParaRPr lang="en-AU">
              <a:solidFill>
                <a:srgbClr val="FF0000"/>
              </a:solidFill>
            </a:endParaRPr>
          </a:p>
        </p:txBody>
      </p:sp>
    </p:spTree>
    <p:extLst>
      <p:ext uri="{BB962C8B-B14F-4D97-AF65-F5344CB8AC3E}">
        <p14:creationId xmlns:p14="http://schemas.microsoft.com/office/powerpoint/2010/main" val="3854100206"/>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2_content-dot points">
    <p:spTree>
      <p:nvGrpSpPr>
        <p:cNvPr id="1" name=""/>
        <p:cNvGrpSpPr/>
        <p:nvPr/>
      </p:nvGrpSpPr>
      <p:grpSpPr>
        <a:xfrm>
          <a:off x="0" y="0"/>
          <a:ext cx="0" cy="0"/>
          <a:chOff x="0" y="0"/>
          <a:chExt cx="0" cy="0"/>
        </a:xfrm>
      </p:grpSpPr>
      <p:sp>
        <p:nvSpPr>
          <p:cNvPr id="13" name="Text Placeholder 12">
            <a:extLst>
              <a:ext uri="{FF2B5EF4-FFF2-40B4-BE49-F238E27FC236}">
                <a16:creationId xmlns:a16="http://schemas.microsoft.com/office/drawing/2014/main" id="{9662E684-9380-30DA-B062-1CE485D1CC82}"/>
              </a:ext>
            </a:extLst>
          </p:cNvPr>
          <p:cNvSpPr>
            <a:spLocks noGrp="1"/>
          </p:cNvSpPr>
          <p:nvPr>
            <p:ph type="body" sz="quarter" idx="10"/>
          </p:nvPr>
        </p:nvSpPr>
        <p:spPr>
          <a:xfrm>
            <a:off x="569914" y="1761068"/>
            <a:ext cx="11082431" cy="2827867"/>
          </a:xfrm>
        </p:spPr>
        <p:txBody>
          <a:bodyPr/>
          <a:lstStyle/>
          <a:p>
            <a:pPr lvl="0"/>
            <a:r>
              <a:rPr lang="en-GB"/>
              <a:t>Click to edit Master text styles</a:t>
            </a:r>
          </a:p>
          <a:p>
            <a:pPr lvl="1"/>
            <a:r>
              <a:rPr lang="en-GB"/>
              <a:t>Second level</a:t>
            </a:r>
          </a:p>
          <a:p>
            <a:pPr lvl="2"/>
            <a:r>
              <a:rPr lang="en-GB"/>
              <a:t>Third level</a:t>
            </a:r>
          </a:p>
        </p:txBody>
      </p:sp>
      <p:sp>
        <p:nvSpPr>
          <p:cNvPr id="2" name="Title 1">
            <a:extLst>
              <a:ext uri="{FF2B5EF4-FFF2-40B4-BE49-F238E27FC236}">
                <a16:creationId xmlns:a16="http://schemas.microsoft.com/office/drawing/2014/main" id="{CA52120A-8477-DF9B-A87F-541754EF755F}"/>
              </a:ext>
            </a:extLst>
          </p:cNvPr>
          <p:cNvSpPr>
            <a:spLocks noGrp="1"/>
          </p:cNvSpPr>
          <p:nvPr>
            <p:ph type="ctrTitle" hasCustomPrompt="1"/>
          </p:nvPr>
        </p:nvSpPr>
        <p:spPr>
          <a:xfrm>
            <a:off x="569995" y="507635"/>
            <a:ext cx="11082431" cy="515848"/>
          </a:xfrm>
        </p:spPr>
        <p:txBody>
          <a:bodyPr anchor="t" anchorCtr="0"/>
          <a:lstStyle>
            <a:lvl1pPr algn="l">
              <a:defRPr sz="28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Heading 28pt</a:t>
            </a:r>
            <a:endParaRPr lang="en-US"/>
          </a:p>
        </p:txBody>
      </p:sp>
      <p:sp>
        <p:nvSpPr>
          <p:cNvPr id="3" name="Subtitle 2">
            <a:extLst>
              <a:ext uri="{FF2B5EF4-FFF2-40B4-BE49-F238E27FC236}">
                <a16:creationId xmlns:a16="http://schemas.microsoft.com/office/drawing/2014/main" id="{F53162C3-03BF-4C27-D679-AE79E5B3ECEA}"/>
              </a:ext>
            </a:extLst>
          </p:cNvPr>
          <p:cNvSpPr>
            <a:spLocks noGrp="1"/>
          </p:cNvSpPr>
          <p:nvPr>
            <p:ph type="subTitle" idx="1" hasCustomPrompt="1"/>
          </p:nvPr>
        </p:nvSpPr>
        <p:spPr>
          <a:xfrm>
            <a:off x="594709" y="1063097"/>
            <a:ext cx="11082431" cy="401819"/>
          </a:xfrm>
        </p:spPr>
        <p:txBody>
          <a:bodyPr/>
          <a:lstStyle>
            <a:lvl1pPr marL="0" indent="0" algn="l">
              <a:buNone/>
              <a:defRPr sz="1600" b="1" i="0">
                <a:solidFill>
                  <a:schemeClr val="tx2">
                    <a:lumMod val="75000"/>
                  </a:schemeClr>
                </a:solidFill>
                <a:latin typeface="Open Sans Semibold" panose="020B0606030504020204" pitchFamily="34" charset="0"/>
                <a:ea typeface="Open Sans Semibold" panose="020B0606030504020204" pitchFamily="34" charset="0"/>
                <a:cs typeface="Open Sans Semibold" panose="020B0606030504020204" pitchFamily="34" charset="0"/>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GB"/>
              <a:t>Sub heading 16pt</a:t>
            </a:r>
            <a:endParaRPr lang="en-US"/>
          </a:p>
        </p:txBody>
      </p:sp>
      <p:sp>
        <p:nvSpPr>
          <p:cNvPr id="4" name="Slide Number Placeholder 3">
            <a:extLst>
              <a:ext uri="{FF2B5EF4-FFF2-40B4-BE49-F238E27FC236}">
                <a16:creationId xmlns:a16="http://schemas.microsoft.com/office/drawing/2014/main" id="{C03493FC-EABE-A27D-8DDA-C0ECF423A683}"/>
              </a:ext>
            </a:extLst>
          </p:cNvPr>
          <p:cNvSpPr>
            <a:spLocks noGrp="1"/>
          </p:cNvSpPr>
          <p:nvPr>
            <p:ph type="sldNum" sz="quarter" idx="4"/>
          </p:nvPr>
        </p:nvSpPr>
        <p:spPr>
          <a:xfrm>
            <a:off x="12002419" y="8260769"/>
            <a:ext cx="3657600" cy="486833"/>
          </a:xfrm>
          <a:prstGeom prst="rect">
            <a:avLst/>
          </a:prstGeom>
        </p:spPr>
        <p:txBody>
          <a:bodyPr vert="horz" lIns="91440" tIns="45720" rIns="91440" bIns="45720" rtlCol="0" anchor="ctr"/>
          <a:lstStyle>
            <a:defPPr>
              <a:defRPr lang="en-US"/>
            </a:defPPr>
            <a:lvl1pPr marL="0" algn="r" defTabSz="1219170" rtl="0" eaLnBrk="1" latinLnBrk="0" hangingPunct="1">
              <a:defRPr sz="1600" kern="1200">
                <a:solidFill>
                  <a:schemeClr val="tx1">
                    <a:tint val="82000"/>
                  </a:schemeClr>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fld id="{3FE8A0A5-0893-3B4E-9EB9-FE67329D76D6}" type="slidenum">
              <a:rPr lang="en-US" smtClean="0"/>
              <a:pPr/>
              <a:t>‹#›</a:t>
            </a:fld>
            <a:endParaRPr lang="en-US"/>
          </a:p>
        </p:txBody>
      </p:sp>
      <p:sp>
        <p:nvSpPr>
          <p:cNvPr id="5" name="Slide Number Placeholder 3">
            <a:extLst>
              <a:ext uri="{FF2B5EF4-FFF2-40B4-BE49-F238E27FC236}">
                <a16:creationId xmlns:a16="http://schemas.microsoft.com/office/drawing/2014/main" id="{2F26B565-BF88-F453-65BA-A9275A67AFC4}"/>
              </a:ext>
            </a:extLst>
          </p:cNvPr>
          <p:cNvSpPr txBox="1">
            <a:spLocks/>
          </p:cNvSpPr>
          <p:nvPr userDrawn="1"/>
        </p:nvSpPr>
        <p:spPr>
          <a:xfrm>
            <a:off x="10874644" y="6195576"/>
            <a:ext cx="694723"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3FE8A0A5-0893-3B4E-9EB9-FE67329D76D6}" type="slidenum">
              <a:rPr lang="en-US" smtClean="0"/>
              <a:pPr/>
              <a:t>‹#›</a:t>
            </a:fld>
            <a:endParaRPr lang="en-US"/>
          </a:p>
        </p:txBody>
      </p:sp>
    </p:spTree>
    <p:extLst>
      <p:ext uri="{BB962C8B-B14F-4D97-AF65-F5344CB8AC3E}">
        <p14:creationId xmlns:p14="http://schemas.microsoft.com/office/powerpoint/2010/main" val="39869047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sp>
        <p:nvSpPr>
          <p:cNvPr id="2" name="Footer Placeholder 1" hidden="1"/>
          <p:cNvSpPr>
            <a:spLocks noGrp="1"/>
          </p:cNvSpPr>
          <p:nvPr>
            <p:ph type="ftr" sz="quarter" idx="14"/>
          </p:nvPr>
        </p:nvSpPr>
        <p:spPr>
          <a:xfrm>
            <a:off x="6216661" y="6477008"/>
            <a:ext cx="5015096" cy="244474"/>
          </a:xfrm>
          <a:prstGeom prst="rect">
            <a:avLst/>
          </a:prstGeom>
        </p:spPr>
        <p:txBody>
          <a:bodyPr/>
          <a:lstStyle/>
          <a:p>
            <a:endParaRPr lang="en-GB"/>
          </a:p>
        </p:txBody>
      </p:sp>
    </p:spTree>
    <p:extLst>
      <p:ext uri="{BB962C8B-B14F-4D97-AF65-F5344CB8AC3E}">
        <p14:creationId xmlns:p14="http://schemas.microsoft.com/office/powerpoint/2010/main" val="177176475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5_content-dot points">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3493FC-EABE-A27D-8DDA-C0ECF423A683}"/>
              </a:ext>
            </a:extLst>
          </p:cNvPr>
          <p:cNvSpPr>
            <a:spLocks noGrp="1"/>
          </p:cNvSpPr>
          <p:nvPr>
            <p:ph type="sldNum" sz="quarter" idx="4"/>
          </p:nvPr>
        </p:nvSpPr>
        <p:spPr>
          <a:xfrm>
            <a:off x="10874644" y="6195576"/>
            <a:ext cx="694723" cy="365125"/>
          </a:xfrm>
          <a:prstGeom prst="rect">
            <a:avLst/>
          </a:prstGeom>
        </p:spPr>
        <p:txBody>
          <a:bodyPr vert="horz" lIns="91440" tIns="45720" rIns="91440" bIns="45720" rtlCol="0" anchor="ctr"/>
          <a:lstStyle>
            <a:lvl1pPr algn="r">
              <a:defRPr sz="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sp>
        <p:nvSpPr>
          <p:cNvPr id="5" name="Title 1">
            <a:extLst>
              <a:ext uri="{FF2B5EF4-FFF2-40B4-BE49-F238E27FC236}">
                <a16:creationId xmlns:a16="http://schemas.microsoft.com/office/drawing/2014/main" id="{27FD828C-2E61-3162-0D2D-F3CC5EE074F6}"/>
              </a:ext>
            </a:extLst>
          </p:cNvPr>
          <p:cNvSpPr>
            <a:spLocks noGrp="1"/>
          </p:cNvSpPr>
          <p:nvPr>
            <p:ph type="ctrTitle" hasCustomPrompt="1"/>
          </p:nvPr>
        </p:nvSpPr>
        <p:spPr>
          <a:xfrm>
            <a:off x="868233" y="2199758"/>
            <a:ext cx="5168654" cy="1574193"/>
          </a:xfrm>
        </p:spPr>
        <p:txBody>
          <a:bodyPr anchor="t" anchorCtr="0"/>
          <a:lstStyle>
            <a:lvl1pPr algn="l">
              <a:defRPr sz="3600" b="1" i="0">
                <a:solidFill>
                  <a:schemeClr val="bg1"/>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Presentation heading </a:t>
            </a:r>
            <a:br>
              <a:rPr lang="en-GB"/>
            </a:br>
            <a:r>
              <a:rPr lang="en-GB"/>
              <a:t>over a maximum of </a:t>
            </a:r>
            <a:br>
              <a:rPr lang="en-GB"/>
            </a:br>
            <a:r>
              <a:rPr lang="en-GB"/>
              <a:t>three lines</a:t>
            </a:r>
            <a:endParaRPr lang="en-US"/>
          </a:p>
        </p:txBody>
      </p:sp>
      <p:sp>
        <p:nvSpPr>
          <p:cNvPr id="6" name="Subtitle 2">
            <a:extLst>
              <a:ext uri="{FF2B5EF4-FFF2-40B4-BE49-F238E27FC236}">
                <a16:creationId xmlns:a16="http://schemas.microsoft.com/office/drawing/2014/main" id="{C19E8665-F92E-F0D4-E6FB-6EB6CEC142E2}"/>
              </a:ext>
            </a:extLst>
          </p:cNvPr>
          <p:cNvSpPr>
            <a:spLocks noGrp="1"/>
          </p:cNvSpPr>
          <p:nvPr>
            <p:ph type="subTitle" idx="1" hasCustomPrompt="1"/>
          </p:nvPr>
        </p:nvSpPr>
        <p:spPr>
          <a:xfrm>
            <a:off x="868232" y="4255739"/>
            <a:ext cx="6136059" cy="356242"/>
          </a:xfrm>
        </p:spPr>
        <p:txBody>
          <a:bodyPr anchor="ctr" anchorCtr="0"/>
          <a:lstStyle>
            <a:lvl1pPr marL="0" indent="0" algn="l">
              <a:buNone/>
              <a:defRPr sz="2200" b="1" i="0">
                <a:solidFill>
                  <a:schemeClr val="bg1"/>
                </a:solidFill>
                <a:latin typeface="Open Sans" panose="020B0606030504020204" pitchFamily="34" charset="0"/>
                <a:ea typeface="Open Sans" panose="020B0606030504020204" pitchFamily="34" charset="0"/>
                <a:cs typeface="Open Sans"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Event name and date</a:t>
            </a:r>
            <a:endParaRPr lang="en-US"/>
          </a:p>
        </p:txBody>
      </p:sp>
      <p:sp>
        <p:nvSpPr>
          <p:cNvPr id="7" name="Text Placeholder 22">
            <a:extLst>
              <a:ext uri="{FF2B5EF4-FFF2-40B4-BE49-F238E27FC236}">
                <a16:creationId xmlns:a16="http://schemas.microsoft.com/office/drawing/2014/main" id="{AE445F9D-282B-7082-2AA8-15A409CD0FAD}"/>
              </a:ext>
            </a:extLst>
          </p:cNvPr>
          <p:cNvSpPr>
            <a:spLocks noGrp="1"/>
          </p:cNvSpPr>
          <p:nvPr>
            <p:ph type="body" sz="quarter" idx="10" hasCustomPrompt="1"/>
          </p:nvPr>
        </p:nvSpPr>
        <p:spPr>
          <a:xfrm>
            <a:off x="868233" y="4772748"/>
            <a:ext cx="3381808" cy="516174"/>
          </a:xfrm>
        </p:spPr>
        <p:txBody>
          <a:bodyPr/>
          <a:lstStyle>
            <a:lvl1pPr marL="0" indent="0">
              <a:buNone/>
              <a:defRPr>
                <a:solidFill>
                  <a:schemeClr val="bg1"/>
                </a:solidFill>
              </a:defRPr>
            </a:lvl1pPr>
            <a:lvl2pPr marL="239400" indent="0">
              <a:buNone/>
              <a:defRPr/>
            </a:lvl2pPr>
            <a:lvl3pPr marL="491400" indent="0">
              <a:buNone/>
              <a:defRPr/>
            </a:lvl3pPr>
            <a:lvl4pPr marL="1371600" indent="0">
              <a:buNone/>
              <a:defRPr/>
            </a:lvl4pPr>
            <a:lvl5pPr marL="1828800" indent="0">
              <a:buNone/>
              <a:defRPr/>
            </a:lvl5pPr>
          </a:lstStyle>
          <a:p>
            <a:pPr lvl="0"/>
            <a:r>
              <a:rPr lang="en-GB"/>
              <a:t>Name(s)</a:t>
            </a:r>
            <a:endParaRPr lang="en-US"/>
          </a:p>
        </p:txBody>
      </p:sp>
    </p:spTree>
    <p:extLst>
      <p:ext uri="{BB962C8B-B14F-4D97-AF65-F5344CB8AC3E}">
        <p14:creationId xmlns:p14="http://schemas.microsoft.com/office/powerpoint/2010/main" val="675596286"/>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438">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cknowledgment of country">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4366852-609D-571E-AEC6-D508DE7D6F2A}"/>
              </a:ext>
            </a:extLst>
          </p:cNvPr>
          <p:cNvSpPr/>
          <p:nvPr userDrawn="1"/>
        </p:nvSpPr>
        <p:spPr>
          <a:xfrm>
            <a:off x="0" y="0"/>
            <a:ext cx="12192000" cy="6858000"/>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a:extLst>
              <a:ext uri="{FF2B5EF4-FFF2-40B4-BE49-F238E27FC236}">
                <a16:creationId xmlns:a16="http://schemas.microsoft.com/office/drawing/2014/main" id="{F39C04AA-A302-3D50-4BB1-3DC898856080}"/>
              </a:ext>
            </a:extLst>
          </p:cNvPr>
          <p:cNvSpPr>
            <a:spLocks noGrp="1"/>
          </p:cNvSpPr>
          <p:nvPr>
            <p:ph type="sldNum" sz="quarter" idx="10"/>
          </p:nvPr>
        </p:nvSpPr>
        <p:spPr/>
        <p:txBody>
          <a:bodyPr/>
          <a:lstStyle/>
          <a:p>
            <a:fld id="{3FE8A0A5-0893-3B4E-9EB9-FE67329D76D6}" type="slidenum">
              <a:rPr lang="en-US" smtClean="0"/>
              <a:t>‹#›</a:t>
            </a:fld>
            <a:endParaRPr lang="en-US"/>
          </a:p>
        </p:txBody>
      </p:sp>
      <p:pic>
        <p:nvPicPr>
          <p:cNvPr id="5" name="Picture 4" descr="A blue handprints in a circle&#10;&#10;AI-generated content may be incorrect.">
            <a:extLst>
              <a:ext uri="{FF2B5EF4-FFF2-40B4-BE49-F238E27FC236}">
                <a16:creationId xmlns:a16="http://schemas.microsoft.com/office/drawing/2014/main" id="{3CC7AFBB-4F77-1455-C157-440BA8BB86B7}"/>
              </a:ext>
            </a:extLst>
          </p:cNvPr>
          <p:cNvPicPr>
            <a:picLocks noChangeAspect="1"/>
          </p:cNvPicPr>
          <p:nvPr userDrawn="1"/>
        </p:nvPicPr>
        <p:blipFill>
          <a:blip r:embed="rId2">
            <a:extLst>
              <a:ext uri="{28A0092B-C50C-407E-A947-70E740481C1C}">
                <a14:useLocalDpi xmlns:a14="http://schemas.microsoft.com/office/drawing/2010/main" val="0"/>
              </a:ext>
            </a:extLst>
          </a:blip>
          <a:srcRect l="11821" t="10617" r="15718" b="10194"/>
          <a:stretch/>
        </p:blipFill>
        <p:spPr>
          <a:xfrm>
            <a:off x="846947" y="1585731"/>
            <a:ext cx="3634195" cy="3418279"/>
          </a:xfrm>
          <a:prstGeom prst="rect">
            <a:avLst/>
          </a:prstGeom>
        </p:spPr>
      </p:pic>
      <p:sp>
        <p:nvSpPr>
          <p:cNvPr id="6" name="TextBox 5">
            <a:extLst>
              <a:ext uri="{FF2B5EF4-FFF2-40B4-BE49-F238E27FC236}">
                <a16:creationId xmlns:a16="http://schemas.microsoft.com/office/drawing/2014/main" id="{8740AD85-746F-2D45-EB45-A93BFF52B62F}"/>
              </a:ext>
            </a:extLst>
          </p:cNvPr>
          <p:cNvSpPr txBox="1"/>
          <p:nvPr userDrawn="1"/>
        </p:nvSpPr>
        <p:spPr>
          <a:xfrm>
            <a:off x="4703530" y="2323329"/>
            <a:ext cx="5723630" cy="2211341"/>
          </a:xfrm>
          <a:prstGeom prst="rect">
            <a:avLst/>
          </a:prstGeom>
          <a:noFill/>
        </p:spPr>
        <p:txBody>
          <a:bodyPr wrap="square" rtlCol="0">
            <a:noAutofit/>
          </a:bodyPr>
          <a:lstStyle/>
          <a:p>
            <a:pPr algn="l">
              <a:lnSpc>
                <a:spcPts val="2620"/>
              </a:lnSpc>
              <a:spcAft>
                <a:spcPts val="450"/>
              </a:spcAft>
            </a:pPr>
            <a:r>
              <a:rPr lang="en-AU" sz="2000" b="1" dirty="0">
                <a:solidFill>
                  <a:schemeClr val="accent5"/>
                </a:solidFill>
                <a:effectLst/>
                <a:latin typeface="Open Sans Semibold" panose="020B0606030504020204" pitchFamily="34" charset="0"/>
                <a:ea typeface="Open Sans Semibold" panose="020B0606030504020204" pitchFamily="34" charset="0"/>
                <a:cs typeface="Open Sans Semibold" panose="020B0606030504020204" pitchFamily="34" charset="0"/>
              </a:rPr>
              <a:t>The Productivity Commission acknowledges the Traditional Owners of Country throughout Australia and their continuing connection to land, waters and community. We pay our respects to their Cultures, Country and Elders past and present. </a:t>
            </a:r>
            <a:endParaRPr lang="en-US" sz="2000" b="1" dirty="0">
              <a:solidFill>
                <a:schemeClr val="accent5"/>
              </a:solidFill>
              <a:latin typeface="Open Sans Semibold" panose="020B0606030504020204" pitchFamily="34" charset="0"/>
              <a:ea typeface="Open Sans Semibold" panose="020B0606030504020204" pitchFamily="34" charset="0"/>
              <a:cs typeface="Open Sans Semibold" panose="020B0606030504020204" pitchFamily="34" charset="0"/>
            </a:endParaRPr>
          </a:p>
        </p:txBody>
      </p:sp>
    </p:spTree>
    <p:extLst>
      <p:ext uri="{BB962C8B-B14F-4D97-AF65-F5344CB8AC3E}">
        <p14:creationId xmlns:p14="http://schemas.microsoft.com/office/powerpoint/2010/main" val="3376332377"/>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4_content-dot points">
    <p:spTree>
      <p:nvGrpSpPr>
        <p:cNvPr id="1" name=""/>
        <p:cNvGrpSpPr/>
        <p:nvPr/>
      </p:nvGrpSpPr>
      <p:grpSpPr>
        <a:xfrm>
          <a:off x="0" y="0"/>
          <a:ext cx="0" cy="0"/>
          <a:chOff x="0" y="0"/>
          <a:chExt cx="0" cy="0"/>
        </a:xfrm>
      </p:grpSpPr>
      <p:sp>
        <p:nvSpPr>
          <p:cNvPr id="13" name="Text Placeholder 12">
            <a:extLst>
              <a:ext uri="{FF2B5EF4-FFF2-40B4-BE49-F238E27FC236}">
                <a16:creationId xmlns:a16="http://schemas.microsoft.com/office/drawing/2014/main" id="{9662E684-9380-30DA-B062-1CE485D1CC82}"/>
              </a:ext>
            </a:extLst>
          </p:cNvPr>
          <p:cNvSpPr>
            <a:spLocks noGrp="1"/>
          </p:cNvSpPr>
          <p:nvPr>
            <p:ph type="body" sz="quarter" idx="10"/>
          </p:nvPr>
        </p:nvSpPr>
        <p:spPr>
          <a:xfrm>
            <a:off x="569913" y="1761068"/>
            <a:ext cx="11082430" cy="2827866"/>
          </a:xfrm>
        </p:spPr>
        <p:txBody>
          <a:bodyPr/>
          <a:lstStyle/>
          <a:p>
            <a:pPr lvl="0"/>
            <a:r>
              <a:rPr lang="en-GB"/>
              <a:t>Click to edit Master text styles</a:t>
            </a:r>
          </a:p>
          <a:p>
            <a:pPr lvl="1"/>
            <a:r>
              <a:rPr lang="en-GB"/>
              <a:t>Second level</a:t>
            </a:r>
          </a:p>
          <a:p>
            <a:pPr lvl="2"/>
            <a:r>
              <a:rPr lang="en-GB"/>
              <a:t>Third level</a:t>
            </a:r>
          </a:p>
        </p:txBody>
      </p:sp>
      <p:sp>
        <p:nvSpPr>
          <p:cNvPr id="2" name="Title 1">
            <a:extLst>
              <a:ext uri="{FF2B5EF4-FFF2-40B4-BE49-F238E27FC236}">
                <a16:creationId xmlns:a16="http://schemas.microsoft.com/office/drawing/2014/main" id="{CA52120A-8477-DF9B-A87F-541754EF755F}"/>
              </a:ext>
            </a:extLst>
          </p:cNvPr>
          <p:cNvSpPr>
            <a:spLocks noGrp="1"/>
          </p:cNvSpPr>
          <p:nvPr>
            <p:ph type="ctrTitle" hasCustomPrompt="1"/>
          </p:nvPr>
        </p:nvSpPr>
        <p:spPr>
          <a:xfrm>
            <a:off x="569994" y="507634"/>
            <a:ext cx="11082431" cy="515848"/>
          </a:xfrm>
        </p:spPr>
        <p:txBody>
          <a:bodyPr anchor="t" anchorCtr="0"/>
          <a:lstStyle>
            <a:lvl1pPr algn="l">
              <a:defRPr sz="28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Heading 28pt</a:t>
            </a:r>
            <a:endParaRPr lang="en-US"/>
          </a:p>
        </p:txBody>
      </p:sp>
      <p:sp>
        <p:nvSpPr>
          <p:cNvPr id="3" name="Subtitle 2">
            <a:extLst>
              <a:ext uri="{FF2B5EF4-FFF2-40B4-BE49-F238E27FC236}">
                <a16:creationId xmlns:a16="http://schemas.microsoft.com/office/drawing/2014/main" id="{F53162C3-03BF-4C27-D679-AE79E5B3ECEA}"/>
              </a:ext>
            </a:extLst>
          </p:cNvPr>
          <p:cNvSpPr>
            <a:spLocks noGrp="1"/>
          </p:cNvSpPr>
          <p:nvPr>
            <p:ph type="subTitle" idx="1" hasCustomPrompt="1"/>
          </p:nvPr>
        </p:nvSpPr>
        <p:spPr>
          <a:xfrm>
            <a:off x="609750" y="1063096"/>
            <a:ext cx="11082430" cy="401819"/>
          </a:xfrm>
        </p:spPr>
        <p:txBody>
          <a:bodyPr/>
          <a:lstStyle>
            <a:lvl1pPr marL="0" indent="0" algn="l">
              <a:buNone/>
              <a:defRPr sz="1600" b="1" i="0">
                <a:solidFill>
                  <a:schemeClr val="tx2"/>
                </a:solidFill>
                <a:latin typeface="Open Sans Semibold" panose="020B0606030504020204" pitchFamily="34" charset="0"/>
                <a:ea typeface="Open Sans Semibold" panose="020B0606030504020204" pitchFamily="34" charset="0"/>
                <a:cs typeface="Open Sans Semibold"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Sub heading 16pt</a:t>
            </a:r>
            <a:endParaRPr lang="en-US"/>
          </a:p>
        </p:txBody>
      </p:sp>
      <p:sp>
        <p:nvSpPr>
          <p:cNvPr id="4" name="Slide Number Placeholder 3">
            <a:extLst>
              <a:ext uri="{FF2B5EF4-FFF2-40B4-BE49-F238E27FC236}">
                <a16:creationId xmlns:a16="http://schemas.microsoft.com/office/drawing/2014/main" id="{C03493FC-EABE-A27D-8DDA-C0ECF423A683}"/>
              </a:ext>
            </a:extLst>
          </p:cNvPr>
          <p:cNvSpPr>
            <a:spLocks noGrp="1"/>
          </p:cNvSpPr>
          <p:nvPr>
            <p:ph type="sldNum" sz="quarter" idx="4"/>
          </p:nvPr>
        </p:nvSpPr>
        <p:spPr>
          <a:xfrm>
            <a:off x="10874644" y="6195576"/>
            <a:ext cx="694723" cy="365125"/>
          </a:xfrm>
          <a:prstGeom prst="rect">
            <a:avLst/>
          </a:prstGeom>
        </p:spPr>
        <p:txBody>
          <a:bodyPr vert="horz" lIns="91440" tIns="45720" rIns="91440" bIns="45720" rtlCol="0" anchor="ctr"/>
          <a:lstStyle>
            <a:lvl1pPr algn="r">
              <a:defRPr sz="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spTree>
    <p:extLst>
      <p:ext uri="{BB962C8B-B14F-4D97-AF65-F5344CB8AC3E}">
        <p14:creationId xmlns:p14="http://schemas.microsoft.com/office/powerpoint/2010/main" val="3326963983"/>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438">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2_content-dot points-blue">
    <p:bg>
      <p:bgPr>
        <a:solidFill>
          <a:srgbClr val="E1EEF4">
            <a:alpha val="65661"/>
          </a:srgbClr>
        </a:solidFill>
        <a:effectLst/>
      </p:bgPr>
    </p:bg>
    <p:spTree>
      <p:nvGrpSpPr>
        <p:cNvPr id="1" name=""/>
        <p:cNvGrpSpPr/>
        <p:nvPr/>
      </p:nvGrpSpPr>
      <p:grpSpPr>
        <a:xfrm>
          <a:off x="0" y="0"/>
          <a:ext cx="0" cy="0"/>
          <a:chOff x="0" y="0"/>
          <a:chExt cx="0" cy="0"/>
        </a:xfrm>
      </p:grpSpPr>
      <p:sp>
        <p:nvSpPr>
          <p:cNvPr id="13" name="Text Placeholder 12">
            <a:extLst>
              <a:ext uri="{FF2B5EF4-FFF2-40B4-BE49-F238E27FC236}">
                <a16:creationId xmlns:a16="http://schemas.microsoft.com/office/drawing/2014/main" id="{9662E684-9380-30DA-B062-1CE485D1CC82}"/>
              </a:ext>
            </a:extLst>
          </p:cNvPr>
          <p:cNvSpPr>
            <a:spLocks noGrp="1"/>
          </p:cNvSpPr>
          <p:nvPr>
            <p:ph type="body" sz="quarter" idx="10"/>
          </p:nvPr>
        </p:nvSpPr>
        <p:spPr>
          <a:xfrm>
            <a:off x="569913" y="1761068"/>
            <a:ext cx="11082430" cy="2827866"/>
          </a:xfrm>
        </p:spPr>
        <p:txBody>
          <a:bodyPr/>
          <a:lstStyle/>
          <a:p>
            <a:pPr lvl="0"/>
            <a:r>
              <a:rPr lang="en-GB"/>
              <a:t>Click to edit Master text styles</a:t>
            </a:r>
          </a:p>
          <a:p>
            <a:pPr lvl="1"/>
            <a:r>
              <a:rPr lang="en-GB"/>
              <a:t>Second level</a:t>
            </a:r>
          </a:p>
          <a:p>
            <a:pPr lvl="2"/>
            <a:r>
              <a:rPr lang="en-GB"/>
              <a:t>Third level</a:t>
            </a:r>
          </a:p>
        </p:txBody>
      </p:sp>
      <p:sp>
        <p:nvSpPr>
          <p:cNvPr id="2" name="Title 1">
            <a:extLst>
              <a:ext uri="{FF2B5EF4-FFF2-40B4-BE49-F238E27FC236}">
                <a16:creationId xmlns:a16="http://schemas.microsoft.com/office/drawing/2014/main" id="{CA52120A-8477-DF9B-A87F-541754EF755F}"/>
              </a:ext>
            </a:extLst>
          </p:cNvPr>
          <p:cNvSpPr>
            <a:spLocks noGrp="1"/>
          </p:cNvSpPr>
          <p:nvPr>
            <p:ph type="ctrTitle" hasCustomPrompt="1"/>
          </p:nvPr>
        </p:nvSpPr>
        <p:spPr>
          <a:xfrm>
            <a:off x="569994" y="507634"/>
            <a:ext cx="11082431" cy="515848"/>
          </a:xfrm>
        </p:spPr>
        <p:txBody>
          <a:bodyPr anchor="t" anchorCtr="0"/>
          <a:lstStyle>
            <a:lvl1pPr algn="l">
              <a:defRPr sz="28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Heading 28pt</a:t>
            </a:r>
            <a:endParaRPr lang="en-US"/>
          </a:p>
        </p:txBody>
      </p:sp>
      <p:sp>
        <p:nvSpPr>
          <p:cNvPr id="3" name="Subtitle 2">
            <a:extLst>
              <a:ext uri="{FF2B5EF4-FFF2-40B4-BE49-F238E27FC236}">
                <a16:creationId xmlns:a16="http://schemas.microsoft.com/office/drawing/2014/main" id="{F53162C3-03BF-4C27-D679-AE79E5B3ECEA}"/>
              </a:ext>
            </a:extLst>
          </p:cNvPr>
          <p:cNvSpPr>
            <a:spLocks noGrp="1"/>
          </p:cNvSpPr>
          <p:nvPr>
            <p:ph type="subTitle" idx="1" hasCustomPrompt="1"/>
          </p:nvPr>
        </p:nvSpPr>
        <p:spPr>
          <a:xfrm>
            <a:off x="609750" y="1063096"/>
            <a:ext cx="11082430" cy="401819"/>
          </a:xfrm>
        </p:spPr>
        <p:txBody>
          <a:bodyPr/>
          <a:lstStyle>
            <a:lvl1pPr marL="0" indent="0" algn="l">
              <a:buNone/>
              <a:defRPr sz="1600" b="1" i="0">
                <a:solidFill>
                  <a:schemeClr val="tx2"/>
                </a:solidFill>
                <a:latin typeface="Open Sans Semibold" panose="020B0606030504020204" pitchFamily="34" charset="0"/>
                <a:ea typeface="Open Sans Semibold" panose="020B0606030504020204" pitchFamily="34" charset="0"/>
                <a:cs typeface="Open Sans Semibold"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Sub heading 16pt</a:t>
            </a:r>
            <a:endParaRPr lang="en-US"/>
          </a:p>
        </p:txBody>
      </p:sp>
      <p:sp>
        <p:nvSpPr>
          <p:cNvPr id="4" name="Slide Number Placeholder 3">
            <a:extLst>
              <a:ext uri="{FF2B5EF4-FFF2-40B4-BE49-F238E27FC236}">
                <a16:creationId xmlns:a16="http://schemas.microsoft.com/office/drawing/2014/main" id="{C03493FC-EABE-A27D-8DDA-C0ECF423A683}"/>
              </a:ext>
            </a:extLst>
          </p:cNvPr>
          <p:cNvSpPr>
            <a:spLocks noGrp="1"/>
          </p:cNvSpPr>
          <p:nvPr>
            <p:ph type="sldNum" sz="quarter" idx="4"/>
          </p:nvPr>
        </p:nvSpPr>
        <p:spPr>
          <a:xfrm>
            <a:off x="10874644" y="6195576"/>
            <a:ext cx="694723" cy="365125"/>
          </a:xfrm>
          <a:prstGeom prst="rect">
            <a:avLst/>
          </a:prstGeom>
        </p:spPr>
        <p:txBody>
          <a:bodyPr vert="horz" lIns="91440" tIns="45720" rIns="91440" bIns="45720" rtlCol="0" anchor="ctr"/>
          <a:lstStyle>
            <a:lvl1pPr algn="r">
              <a:defRPr sz="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spTree>
    <p:extLst>
      <p:ext uri="{BB962C8B-B14F-4D97-AF65-F5344CB8AC3E}">
        <p14:creationId xmlns:p14="http://schemas.microsoft.com/office/powerpoint/2010/main" val="3301855706"/>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guide id="3" pos="438"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3 content - chart">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2CCD4E85-BF81-868F-ACE7-9134FC56920A}"/>
              </a:ext>
            </a:extLst>
          </p:cNvPr>
          <p:cNvSpPr>
            <a:spLocks noGrp="1"/>
          </p:cNvSpPr>
          <p:nvPr>
            <p:ph sz="half" idx="13" hasCustomPrompt="1"/>
          </p:nvPr>
        </p:nvSpPr>
        <p:spPr>
          <a:xfrm>
            <a:off x="569994" y="6182442"/>
            <a:ext cx="10098006" cy="391391"/>
          </a:xfrm>
        </p:spPr>
        <p:txBody>
          <a:bodyPr/>
          <a:lstStyle>
            <a:lvl1pPr marL="0" indent="0">
              <a:lnSpc>
                <a:spcPct val="110000"/>
              </a:lnSpc>
              <a:spcBef>
                <a:spcPts val="0"/>
              </a:spcBef>
              <a:spcAft>
                <a:spcPts val="1400"/>
              </a:spcAft>
              <a:buFontTx/>
              <a:buNone/>
              <a:defRPr sz="1000"/>
            </a:lvl1pPr>
            <a:lvl3pPr marL="684000">
              <a:defRPr/>
            </a:lvl3pPr>
          </a:lstStyle>
          <a:p>
            <a:pPr lvl="0"/>
            <a:r>
              <a:rPr lang="en-GB"/>
              <a:t>Source: </a:t>
            </a:r>
          </a:p>
        </p:txBody>
      </p:sp>
      <p:sp>
        <p:nvSpPr>
          <p:cNvPr id="2" name="Title 1">
            <a:extLst>
              <a:ext uri="{FF2B5EF4-FFF2-40B4-BE49-F238E27FC236}">
                <a16:creationId xmlns:a16="http://schemas.microsoft.com/office/drawing/2014/main" id="{6BB5A223-D667-921A-AFE7-B4FEAE6DC344}"/>
              </a:ext>
            </a:extLst>
          </p:cNvPr>
          <p:cNvSpPr>
            <a:spLocks noGrp="1"/>
          </p:cNvSpPr>
          <p:nvPr>
            <p:ph type="ctrTitle" hasCustomPrompt="1"/>
          </p:nvPr>
        </p:nvSpPr>
        <p:spPr>
          <a:xfrm>
            <a:off x="569994" y="507634"/>
            <a:ext cx="11082431" cy="515848"/>
          </a:xfrm>
        </p:spPr>
        <p:txBody>
          <a:bodyPr anchor="t" anchorCtr="0"/>
          <a:lstStyle>
            <a:lvl1pPr algn="l">
              <a:defRPr sz="28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Heading 28pt</a:t>
            </a:r>
            <a:endParaRPr lang="en-US"/>
          </a:p>
        </p:txBody>
      </p:sp>
      <p:sp>
        <p:nvSpPr>
          <p:cNvPr id="3" name="Subtitle 2">
            <a:extLst>
              <a:ext uri="{FF2B5EF4-FFF2-40B4-BE49-F238E27FC236}">
                <a16:creationId xmlns:a16="http://schemas.microsoft.com/office/drawing/2014/main" id="{49870423-FE71-560C-FB7A-EB90F5F2E533}"/>
              </a:ext>
            </a:extLst>
          </p:cNvPr>
          <p:cNvSpPr>
            <a:spLocks noGrp="1"/>
          </p:cNvSpPr>
          <p:nvPr>
            <p:ph type="subTitle" idx="1" hasCustomPrompt="1"/>
          </p:nvPr>
        </p:nvSpPr>
        <p:spPr>
          <a:xfrm>
            <a:off x="609750" y="1063096"/>
            <a:ext cx="11082430" cy="401819"/>
          </a:xfrm>
        </p:spPr>
        <p:txBody>
          <a:bodyPr/>
          <a:lstStyle>
            <a:lvl1pPr marL="0" indent="0" algn="l">
              <a:buNone/>
              <a:defRPr lang="en-US" sz="1600" b="1" i="0" kern="1200" dirty="0">
                <a:solidFill>
                  <a:schemeClr val="tx2"/>
                </a:solidFill>
                <a:latin typeface="Open Sans Semibold" panose="020B0606030504020204" pitchFamily="34" charset="0"/>
                <a:ea typeface="Open Sans Semibold" panose="020B0606030504020204" pitchFamily="34" charset="0"/>
                <a:cs typeface="Open Sans Semibold"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Sub heading 16pt</a:t>
            </a:r>
            <a:endParaRPr lang="en-US"/>
          </a:p>
        </p:txBody>
      </p:sp>
      <p:sp>
        <p:nvSpPr>
          <p:cNvPr id="4" name="Slide Number Placeholder 3">
            <a:extLst>
              <a:ext uri="{FF2B5EF4-FFF2-40B4-BE49-F238E27FC236}">
                <a16:creationId xmlns:a16="http://schemas.microsoft.com/office/drawing/2014/main" id="{1129505B-6183-8BDB-161A-AF708237FAE5}"/>
              </a:ext>
            </a:extLst>
          </p:cNvPr>
          <p:cNvSpPr>
            <a:spLocks noGrp="1"/>
          </p:cNvSpPr>
          <p:nvPr>
            <p:ph type="sldNum" sz="quarter" idx="4"/>
          </p:nvPr>
        </p:nvSpPr>
        <p:spPr>
          <a:xfrm>
            <a:off x="10745492" y="6195576"/>
            <a:ext cx="829041" cy="365125"/>
          </a:xfrm>
          <a:prstGeom prst="rect">
            <a:avLst/>
          </a:prstGeom>
        </p:spPr>
        <p:txBody>
          <a:bodyPr vert="horz" lIns="91440" tIns="45720" rIns="91440" bIns="45720" rtlCol="0" anchor="ctr"/>
          <a:lstStyle>
            <a:lvl1pPr algn="r">
              <a:defRPr sz="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spTree>
    <p:extLst>
      <p:ext uri="{BB962C8B-B14F-4D97-AF65-F5344CB8AC3E}">
        <p14:creationId xmlns:p14="http://schemas.microsoft.com/office/powerpoint/2010/main" val="3748995751"/>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_content-dot points">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03493FC-EABE-A27D-8DDA-C0ECF423A683}"/>
              </a:ext>
            </a:extLst>
          </p:cNvPr>
          <p:cNvSpPr>
            <a:spLocks noGrp="1"/>
          </p:cNvSpPr>
          <p:nvPr>
            <p:ph type="sldNum" sz="quarter" idx="4"/>
          </p:nvPr>
        </p:nvSpPr>
        <p:spPr>
          <a:xfrm>
            <a:off x="10874644" y="6195576"/>
            <a:ext cx="694723" cy="365125"/>
          </a:xfrm>
          <a:prstGeom prst="rect">
            <a:avLst/>
          </a:prstGeom>
        </p:spPr>
        <p:txBody>
          <a:bodyPr vert="horz" lIns="91440" tIns="45720" rIns="91440" bIns="45720" rtlCol="0" anchor="ctr"/>
          <a:lstStyle>
            <a:lvl1pPr algn="r">
              <a:defRPr sz="1200">
                <a:solidFill>
                  <a:schemeClr val="tx1">
                    <a:tint val="82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sp>
        <p:nvSpPr>
          <p:cNvPr id="8" name="Title 1">
            <a:extLst>
              <a:ext uri="{FF2B5EF4-FFF2-40B4-BE49-F238E27FC236}">
                <a16:creationId xmlns:a16="http://schemas.microsoft.com/office/drawing/2014/main" id="{7C734C37-1751-55C9-841B-5497E1979BB6}"/>
              </a:ext>
            </a:extLst>
          </p:cNvPr>
          <p:cNvSpPr>
            <a:spLocks noGrp="1"/>
          </p:cNvSpPr>
          <p:nvPr>
            <p:ph type="ctrTitle" hasCustomPrompt="1"/>
          </p:nvPr>
        </p:nvSpPr>
        <p:spPr>
          <a:xfrm>
            <a:off x="569994" y="507634"/>
            <a:ext cx="11082431" cy="515848"/>
          </a:xfrm>
        </p:spPr>
        <p:txBody>
          <a:bodyPr anchor="t" anchorCtr="0"/>
          <a:lstStyle>
            <a:lvl1pPr algn="l">
              <a:defRPr sz="2800" b="1" i="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Heading 28pt</a:t>
            </a:r>
            <a:endParaRPr lang="en-US"/>
          </a:p>
        </p:txBody>
      </p:sp>
      <p:sp>
        <p:nvSpPr>
          <p:cNvPr id="9" name="Subtitle 2">
            <a:extLst>
              <a:ext uri="{FF2B5EF4-FFF2-40B4-BE49-F238E27FC236}">
                <a16:creationId xmlns:a16="http://schemas.microsoft.com/office/drawing/2014/main" id="{212448FA-3851-53B4-B6B5-78E8CED4BC97}"/>
              </a:ext>
            </a:extLst>
          </p:cNvPr>
          <p:cNvSpPr>
            <a:spLocks noGrp="1"/>
          </p:cNvSpPr>
          <p:nvPr>
            <p:ph type="subTitle" idx="1" hasCustomPrompt="1"/>
          </p:nvPr>
        </p:nvSpPr>
        <p:spPr>
          <a:xfrm>
            <a:off x="609750" y="1063096"/>
            <a:ext cx="11082430" cy="401819"/>
          </a:xfrm>
        </p:spPr>
        <p:txBody>
          <a:bodyPr/>
          <a:lstStyle>
            <a:lvl1pPr marL="0" indent="0" algn="l">
              <a:buNone/>
              <a:defRPr sz="1600" b="1" i="0">
                <a:solidFill>
                  <a:schemeClr val="tx2"/>
                </a:solidFill>
                <a:latin typeface="Open Sans Semibold" panose="020B0606030504020204" pitchFamily="34" charset="0"/>
                <a:ea typeface="Open Sans Semibold" panose="020B0606030504020204" pitchFamily="34" charset="0"/>
                <a:cs typeface="Open Sans Semibold" panose="020B0606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Sub heading 16pt</a:t>
            </a:r>
            <a:endParaRPr lang="en-US"/>
          </a:p>
        </p:txBody>
      </p:sp>
    </p:spTree>
    <p:extLst>
      <p:ext uri="{BB962C8B-B14F-4D97-AF65-F5344CB8AC3E}">
        <p14:creationId xmlns:p14="http://schemas.microsoft.com/office/powerpoint/2010/main" val="351439474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438">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ing">
    <p:spTree>
      <p:nvGrpSpPr>
        <p:cNvPr id="1" name=""/>
        <p:cNvGrpSpPr/>
        <p:nvPr/>
      </p:nvGrpSpPr>
      <p:grpSpPr>
        <a:xfrm>
          <a:off x="0" y="0"/>
          <a:ext cx="0" cy="0"/>
          <a:chOff x="0" y="0"/>
          <a:chExt cx="0" cy="0"/>
        </a:xfrm>
      </p:grpSpPr>
      <p:pic>
        <p:nvPicPr>
          <p:cNvPr id="16" name="Picture 15">
            <a:extLst>
              <a:ext uri="{FF2B5EF4-FFF2-40B4-BE49-F238E27FC236}">
                <a16:creationId xmlns:a16="http://schemas.microsoft.com/office/drawing/2014/main" id="{609FFB5D-F312-9741-BCE7-A85E5CAB45BD}"/>
              </a:ext>
            </a:extLst>
          </p:cNvPr>
          <p:cNvPicPr>
            <a:picLocks noChangeAspect="1"/>
          </p:cNvPicPr>
          <p:nvPr userDrawn="1"/>
        </p:nvPicPr>
        <p:blipFill>
          <a:blip r:embed="rId2"/>
          <a:srcRect l="20394" r="20394"/>
          <a:stretch/>
        </p:blipFill>
        <p:spPr>
          <a:xfrm>
            <a:off x="6040095" y="-17628"/>
            <a:ext cx="6151905" cy="6872311"/>
          </a:xfrm>
          <a:prstGeom prst="rect">
            <a:avLst/>
          </a:prstGeom>
        </p:spPr>
      </p:pic>
      <p:grpSp>
        <p:nvGrpSpPr>
          <p:cNvPr id="13" name="Group 12">
            <a:extLst>
              <a:ext uri="{FF2B5EF4-FFF2-40B4-BE49-F238E27FC236}">
                <a16:creationId xmlns:a16="http://schemas.microsoft.com/office/drawing/2014/main" id="{AE4204FB-39E7-C6FF-BF91-50F048E70A39}"/>
              </a:ext>
            </a:extLst>
          </p:cNvPr>
          <p:cNvGrpSpPr/>
          <p:nvPr userDrawn="1"/>
        </p:nvGrpSpPr>
        <p:grpSpPr>
          <a:xfrm>
            <a:off x="-144073" y="-17628"/>
            <a:ext cx="7875457" cy="6875627"/>
            <a:chOff x="-16302" y="254267"/>
            <a:chExt cx="4633329" cy="4045104"/>
          </a:xfrm>
        </p:grpSpPr>
        <p:sp>
          <p:nvSpPr>
            <p:cNvPr id="11" name="Freeform 10">
              <a:extLst>
                <a:ext uri="{FF2B5EF4-FFF2-40B4-BE49-F238E27FC236}">
                  <a16:creationId xmlns:a16="http://schemas.microsoft.com/office/drawing/2014/main" id="{D9B33213-BC08-BA61-1089-4414D7F15E44}"/>
                </a:ext>
              </a:extLst>
            </p:cNvPr>
            <p:cNvSpPr/>
            <p:nvPr/>
          </p:nvSpPr>
          <p:spPr>
            <a:xfrm>
              <a:off x="1744337" y="254267"/>
              <a:ext cx="2872690" cy="4045104"/>
            </a:xfrm>
            <a:custGeom>
              <a:avLst/>
              <a:gdLst>
                <a:gd name="connsiteX0" fmla="*/ 2049222 w 2887571"/>
                <a:gd name="connsiteY0" fmla="*/ 0 h 4066058"/>
                <a:gd name="connsiteX1" fmla="*/ 0 w 2887571"/>
                <a:gd name="connsiteY1" fmla="*/ 0 h 4066058"/>
                <a:gd name="connsiteX2" fmla="*/ 846080 w 2887571"/>
                <a:gd name="connsiteY2" fmla="*/ 4066059 h 4066058"/>
                <a:gd name="connsiteX3" fmla="*/ 846080 w 2887571"/>
                <a:gd name="connsiteY3" fmla="*/ 4066059 h 4066058"/>
                <a:gd name="connsiteX4" fmla="*/ 2887571 w 2887571"/>
                <a:gd name="connsiteY4" fmla="*/ 4066059 h 4066058"/>
                <a:gd name="connsiteX5" fmla="*/ 2049222 w 2887571"/>
                <a:gd name="connsiteY5" fmla="*/ 0 h 40660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887571" h="4066058">
                  <a:moveTo>
                    <a:pt x="2049222" y="0"/>
                  </a:moveTo>
                  <a:lnTo>
                    <a:pt x="0" y="0"/>
                  </a:lnTo>
                  <a:lnTo>
                    <a:pt x="846080" y="4066059"/>
                  </a:lnTo>
                  <a:lnTo>
                    <a:pt x="846080" y="4066059"/>
                  </a:lnTo>
                  <a:lnTo>
                    <a:pt x="2887571" y="4066059"/>
                  </a:lnTo>
                  <a:lnTo>
                    <a:pt x="2049222" y="0"/>
                  </a:lnTo>
                  <a:close/>
                </a:path>
              </a:pathLst>
            </a:custGeom>
            <a:solidFill>
              <a:schemeClr val="accent1"/>
            </a:solidFill>
            <a:ln w="3717" cap="flat">
              <a:noFill/>
              <a:prstDash val="solid"/>
              <a:miter/>
            </a:ln>
          </p:spPr>
          <p:txBody>
            <a:bodyPr rtlCol="0" anchor="ctr"/>
            <a:lstStyle/>
            <a:p>
              <a:endParaRPr lang="en-US"/>
            </a:p>
          </p:txBody>
        </p:sp>
        <p:sp>
          <p:nvSpPr>
            <p:cNvPr id="12" name="Freeform 11">
              <a:extLst>
                <a:ext uri="{FF2B5EF4-FFF2-40B4-BE49-F238E27FC236}">
                  <a16:creationId xmlns:a16="http://schemas.microsoft.com/office/drawing/2014/main" id="{332A56B3-B509-481D-B3E1-F4009EBC01FC}"/>
                </a:ext>
              </a:extLst>
            </p:cNvPr>
            <p:cNvSpPr/>
            <p:nvPr/>
          </p:nvSpPr>
          <p:spPr>
            <a:xfrm>
              <a:off x="-16302" y="254267"/>
              <a:ext cx="4392587" cy="4045104"/>
            </a:xfrm>
            <a:custGeom>
              <a:avLst/>
              <a:gdLst>
                <a:gd name="connsiteX0" fmla="*/ 4553006 w 5387005"/>
                <a:gd name="connsiteY0" fmla="*/ 0 h 4045104"/>
                <a:gd name="connsiteX1" fmla="*/ 0 w 5387005"/>
                <a:gd name="connsiteY1" fmla="*/ 0 h 4045104"/>
                <a:gd name="connsiteX2" fmla="*/ 0 w 5387005"/>
                <a:gd name="connsiteY2" fmla="*/ 4045104 h 4045104"/>
                <a:gd name="connsiteX3" fmla="*/ 3356034 w 5387005"/>
                <a:gd name="connsiteY3" fmla="*/ 4045104 h 4045104"/>
                <a:gd name="connsiteX4" fmla="*/ 5387006 w 5387005"/>
                <a:gd name="connsiteY4" fmla="*/ 4045104 h 4045104"/>
                <a:gd name="connsiteX5" fmla="*/ 4553006 w 5387005"/>
                <a:gd name="connsiteY5" fmla="*/ 0 h 4045104"/>
                <a:gd name="connsiteX0" fmla="*/ 4553006 w 5387006"/>
                <a:gd name="connsiteY0" fmla="*/ 0 h 4045104"/>
                <a:gd name="connsiteX1" fmla="*/ 994420 w 5387006"/>
                <a:gd name="connsiteY1" fmla="*/ 0 h 4045104"/>
                <a:gd name="connsiteX2" fmla="*/ 0 w 5387006"/>
                <a:gd name="connsiteY2" fmla="*/ 4045104 h 4045104"/>
                <a:gd name="connsiteX3" fmla="*/ 3356034 w 5387006"/>
                <a:gd name="connsiteY3" fmla="*/ 4045104 h 4045104"/>
                <a:gd name="connsiteX4" fmla="*/ 5387006 w 5387006"/>
                <a:gd name="connsiteY4" fmla="*/ 4045104 h 4045104"/>
                <a:gd name="connsiteX5" fmla="*/ 4553006 w 5387006"/>
                <a:gd name="connsiteY5" fmla="*/ 0 h 4045104"/>
                <a:gd name="connsiteX0" fmla="*/ 3558587 w 4392587"/>
                <a:gd name="connsiteY0" fmla="*/ 0 h 4045104"/>
                <a:gd name="connsiteX1" fmla="*/ 1 w 4392587"/>
                <a:gd name="connsiteY1" fmla="*/ 0 h 4045104"/>
                <a:gd name="connsiteX2" fmla="*/ 0 w 4392587"/>
                <a:gd name="connsiteY2" fmla="*/ 4045104 h 4045104"/>
                <a:gd name="connsiteX3" fmla="*/ 2361615 w 4392587"/>
                <a:gd name="connsiteY3" fmla="*/ 4045104 h 4045104"/>
                <a:gd name="connsiteX4" fmla="*/ 4392587 w 4392587"/>
                <a:gd name="connsiteY4" fmla="*/ 4045104 h 4045104"/>
                <a:gd name="connsiteX5" fmla="*/ 3558587 w 4392587"/>
                <a:gd name="connsiteY5" fmla="*/ 0 h 40451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92587" h="4045104">
                  <a:moveTo>
                    <a:pt x="3558587" y="0"/>
                  </a:moveTo>
                  <a:lnTo>
                    <a:pt x="1" y="0"/>
                  </a:lnTo>
                  <a:cubicBezTo>
                    <a:pt x="1" y="1348368"/>
                    <a:pt x="0" y="2696736"/>
                    <a:pt x="0" y="4045104"/>
                  </a:cubicBezTo>
                  <a:lnTo>
                    <a:pt x="2361615" y="4045104"/>
                  </a:lnTo>
                  <a:lnTo>
                    <a:pt x="4392587" y="4045104"/>
                  </a:lnTo>
                  <a:lnTo>
                    <a:pt x="3558587" y="0"/>
                  </a:lnTo>
                  <a:close/>
                </a:path>
              </a:pathLst>
            </a:custGeom>
            <a:solidFill>
              <a:schemeClr val="tx2">
                <a:lumMod val="20000"/>
                <a:lumOff val="80000"/>
              </a:schemeClr>
            </a:solidFill>
            <a:ln w="3717" cap="flat">
              <a:noFill/>
              <a:prstDash val="solid"/>
              <a:miter/>
            </a:ln>
          </p:spPr>
          <p:txBody>
            <a:bodyPr rtlCol="0" anchor="ctr"/>
            <a:lstStyle/>
            <a:p>
              <a:endParaRPr lang="en-US"/>
            </a:p>
          </p:txBody>
        </p:sp>
      </p:grpSp>
      <p:sp>
        <p:nvSpPr>
          <p:cNvPr id="2" name="Title 1">
            <a:extLst>
              <a:ext uri="{FF2B5EF4-FFF2-40B4-BE49-F238E27FC236}">
                <a16:creationId xmlns:a16="http://schemas.microsoft.com/office/drawing/2014/main" id="{9EB44873-5FC6-787A-890E-60B3EC727A4D}"/>
              </a:ext>
            </a:extLst>
          </p:cNvPr>
          <p:cNvSpPr>
            <a:spLocks noGrp="1"/>
          </p:cNvSpPr>
          <p:nvPr>
            <p:ph type="ctrTitle" hasCustomPrompt="1"/>
          </p:nvPr>
        </p:nvSpPr>
        <p:spPr>
          <a:xfrm>
            <a:off x="825745" y="2633088"/>
            <a:ext cx="4051055" cy="1574193"/>
          </a:xfrm>
        </p:spPr>
        <p:txBody>
          <a:bodyPr anchor="t" anchorCtr="0"/>
          <a:lstStyle>
            <a:lvl1pPr algn="l">
              <a:defRPr sz="3600" b="1" i="0">
                <a:solidFill>
                  <a:schemeClr val="bg2">
                    <a:lumMod val="7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Chapter / section slide master</a:t>
            </a:r>
            <a:endParaRPr lang="en-US"/>
          </a:p>
        </p:txBody>
      </p:sp>
    </p:spTree>
    <p:extLst>
      <p:ext uri="{BB962C8B-B14F-4D97-AF65-F5344CB8AC3E}">
        <p14:creationId xmlns:p14="http://schemas.microsoft.com/office/powerpoint/2010/main" val="3125454503"/>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261" name="Rectangle 260">
            <a:extLst>
              <a:ext uri="{FF2B5EF4-FFF2-40B4-BE49-F238E27FC236}">
                <a16:creationId xmlns:a16="http://schemas.microsoft.com/office/drawing/2014/main" id="{20FF750E-CDE5-9350-071A-93986371B07C}"/>
              </a:ext>
            </a:extLst>
          </p:cNvPr>
          <p:cNvSpPr/>
          <p:nvPr userDrawn="1"/>
        </p:nvSpPr>
        <p:spPr>
          <a:xfrm>
            <a:off x="0" y="-17628"/>
            <a:ext cx="12232672" cy="6875628"/>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bg1">
                  <a:lumMod val="95000"/>
                </a:schemeClr>
              </a:solidFill>
            </a:endParaRPr>
          </a:p>
        </p:txBody>
      </p:sp>
      <p:grpSp>
        <p:nvGrpSpPr>
          <p:cNvPr id="9" name="Group 8">
            <a:extLst>
              <a:ext uri="{FF2B5EF4-FFF2-40B4-BE49-F238E27FC236}">
                <a16:creationId xmlns:a16="http://schemas.microsoft.com/office/drawing/2014/main" id="{9B9040B6-F234-9586-D8F4-D8DDBAC2C4C7}"/>
              </a:ext>
            </a:extLst>
          </p:cNvPr>
          <p:cNvGrpSpPr/>
          <p:nvPr userDrawn="1"/>
        </p:nvGrpSpPr>
        <p:grpSpPr>
          <a:xfrm>
            <a:off x="6590344" y="2633122"/>
            <a:ext cx="648216" cy="648185"/>
            <a:chOff x="5874571" y="2633122"/>
            <a:chExt cx="648216" cy="648185"/>
          </a:xfrm>
        </p:grpSpPr>
        <p:sp>
          <p:nvSpPr>
            <p:cNvPr id="179" name="Freeform 178">
              <a:extLst>
                <a:ext uri="{FF2B5EF4-FFF2-40B4-BE49-F238E27FC236}">
                  <a16:creationId xmlns:a16="http://schemas.microsoft.com/office/drawing/2014/main" id="{FD261F91-A8F0-294A-7D2B-66F3ACF800C8}"/>
                </a:ext>
              </a:extLst>
            </p:cNvPr>
            <p:cNvSpPr/>
            <p:nvPr/>
          </p:nvSpPr>
          <p:spPr>
            <a:xfrm>
              <a:off x="5874571" y="2633122"/>
              <a:ext cx="648216" cy="648185"/>
            </a:xfrm>
            <a:custGeom>
              <a:avLst/>
              <a:gdLst>
                <a:gd name="connsiteX0" fmla="*/ 590404 w 590403"/>
                <a:gd name="connsiteY0" fmla="*/ 295188 h 590375"/>
                <a:gd name="connsiteX1" fmla="*/ 295216 w 590403"/>
                <a:gd name="connsiteY1" fmla="*/ 590375 h 590375"/>
                <a:gd name="connsiteX2" fmla="*/ 0 w 590403"/>
                <a:gd name="connsiteY2" fmla="*/ 295188 h 590375"/>
                <a:gd name="connsiteX3" fmla="*/ 295216 w 590403"/>
                <a:gd name="connsiteY3" fmla="*/ 0 h 590375"/>
                <a:gd name="connsiteX4" fmla="*/ 590404 w 590403"/>
                <a:gd name="connsiteY4" fmla="*/ 295188 h 590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403" h="590375">
                  <a:moveTo>
                    <a:pt x="590404" y="295188"/>
                  </a:moveTo>
                  <a:cubicBezTo>
                    <a:pt x="590404" y="458223"/>
                    <a:pt x="458223" y="590375"/>
                    <a:pt x="295216" y="590375"/>
                  </a:cubicBezTo>
                  <a:cubicBezTo>
                    <a:pt x="132209" y="590375"/>
                    <a:pt x="0" y="458223"/>
                    <a:pt x="0" y="295188"/>
                  </a:cubicBezTo>
                  <a:cubicBezTo>
                    <a:pt x="0" y="132152"/>
                    <a:pt x="132152" y="0"/>
                    <a:pt x="295216" y="0"/>
                  </a:cubicBezTo>
                  <a:cubicBezTo>
                    <a:pt x="458280" y="0"/>
                    <a:pt x="590404" y="132152"/>
                    <a:pt x="590404" y="295188"/>
                  </a:cubicBezTo>
                </a:path>
              </a:pathLst>
            </a:custGeom>
            <a:solidFill>
              <a:srgbClr val="FFFFFF"/>
            </a:solidFill>
            <a:ln w="2853" cap="flat">
              <a:noFill/>
              <a:prstDash val="solid"/>
              <a:miter/>
            </a:ln>
          </p:spPr>
          <p:txBody>
            <a:bodyPr rtlCol="0" anchor="ctr"/>
            <a:lstStyle/>
            <a:p>
              <a:endParaRPr lang="en-US" sz="2400"/>
            </a:p>
          </p:txBody>
        </p:sp>
        <p:sp>
          <p:nvSpPr>
            <p:cNvPr id="182" name="Freeform 181">
              <a:extLst>
                <a:ext uri="{FF2B5EF4-FFF2-40B4-BE49-F238E27FC236}">
                  <a16:creationId xmlns:a16="http://schemas.microsoft.com/office/drawing/2014/main" id="{C3C5E82A-E4E5-DE68-30DE-792B80BCF45A}"/>
                </a:ext>
              </a:extLst>
            </p:cNvPr>
            <p:cNvSpPr/>
            <p:nvPr/>
          </p:nvSpPr>
          <p:spPr>
            <a:xfrm>
              <a:off x="6066232" y="2754797"/>
              <a:ext cx="222841" cy="429520"/>
            </a:xfrm>
            <a:custGeom>
              <a:avLst/>
              <a:gdLst>
                <a:gd name="connsiteX0" fmla="*/ 59825 w 202966"/>
                <a:gd name="connsiteY0" fmla="*/ 391212 h 391212"/>
                <a:gd name="connsiteX1" fmla="*/ 59626 w 202966"/>
                <a:gd name="connsiteY1" fmla="*/ 388101 h 391212"/>
                <a:gd name="connsiteX2" fmla="*/ 59626 w 202966"/>
                <a:gd name="connsiteY2" fmla="*/ 216446 h 391212"/>
                <a:gd name="connsiteX3" fmla="*/ 56743 w 202966"/>
                <a:gd name="connsiteY3" fmla="*/ 213449 h 391212"/>
                <a:gd name="connsiteX4" fmla="*/ 0 w 202966"/>
                <a:gd name="connsiteY4" fmla="*/ 213449 h 391212"/>
                <a:gd name="connsiteX5" fmla="*/ 0 w 202966"/>
                <a:gd name="connsiteY5" fmla="*/ 143377 h 391212"/>
                <a:gd name="connsiteX6" fmla="*/ 2968 w 202966"/>
                <a:gd name="connsiteY6" fmla="*/ 143377 h 391212"/>
                <a:gd name="connsiteX7" fmla="*/ 56914 w 202966"/>
                <a:gd name="connsiteY7" fmla="*/ 143434 h 391212"/>
                <a:gd name="connsiteX8" fmla="*/ 59683 w 202966"/>
                <a:gd name="connsiteY8" fmla="*/ 140665 h 391212"/>
                <a:gd name="connsiteX9" fmla="*/ 59740 w 202966"/>
                <a:gd name="connsiteY9" fmla="*/ 85407 h 391212"/>
                <a:gd name="connsiteX10" fmla="*/ 72869 w 202966"/>
                <a:gd name="connsiteY10" fmla="*/ 38454 h 391212"/>
                <a:gd name="connsiteX11" fmla="*/ 122305 w 202966"/>
                <a:gd name="connsiteY11" fmla="*/ 3204 h 391212"/>
                <a:gd name="connsiteX12" fmla="*/ 162864 w 202966"/>
                <a:gd name="connsiteY12" fmla="*/ 407 h 391212"/>
                <a:gd name="connsiteX13" fmla="*/ 176736 w 202966"/>
                <a:gd name="connsiteY13" fmla="*/ 921 h 391212"/>
                <a:gd name="connsiteX14" fmla="*/ 200655 w 202966"/>
                <a:gd name="connsiteY14" fmla="*/ 2633 h 391212"/>
                <a:gd name="connsiteX15" fmla="*/ 202966 w 202966"/>
                <a:gd name="connsiteY15" fmla="*/ 5402 h 391212"/>
                <a:gd name="connsiteX16" fmla="*/ 202938 w 202966"/>
                <a:gd name="connsiteY16" fmla="*/ 62944 h 391212"/>
                <a:gd name="connsiteX17" fmla="*/ 202938 w 202966"/>
                <a:gd name="connsiteY17" fmla="*/ 65570 h 391212"/>
                <a:gd name="connsiteX18" fmla="*/ 200255 w 202966"/>
                <a:gd name="connsiteY18" fmla="*/ 65570 h 391212"/>
                <a:gd name="connsiteX19" fmla="*/ 173739 w 202966"/>
                <a:gd name="connsiteY19" fmla="*/ 65598 h 391212"/>
                <a:gd name="connsiteX20" fmla="*/ 150591 w 202966"/>
                <a:gd name="connsiteY20" fmla="*/ 67653 h 391212"/>
                <a:gd name="connsiteX21" fmla="*/ 132923 w 202966"/>
                <a:gd name="connsiteY21" fmla="*/ 88689 h 391212"/>
                <a:gd name="connsiteX22" fmla="*/ 131981 w 202966"/>
                <a:gd name="connsiteY22" fmla="*/ 116490 h 391212"/>
                <a:gd name="connsiteX23" fmla="*/ 131895 w 202966"/>
                <a:gd name="connsiteY23" fmla="*/ 140722 h 391212"/>
                <a:gd name="connsiteX24" fmla="*/ 134521 w 202966"/>
                <a:gd name="connsiteY24" fmla="*/ 143434 h 391212"/>
                <a:gd name="connsiteX25" fmla="*/ 197886 w 202966"/>
                <a:gd name="connsiteY25" fmla="*/ 143377 h 391212"/>
                <a:gd name="connsiteX26" fmla="*/ 201168 w 202966"/>
                <a:gd name="connsiteY26" fmla="*/ 143377 h 391212"/>
                <a:gd name="connsiteX27" fmla="*/ 192120 w 202966"/>
                <a:gd name="connsiteY27" fmla="*/ 213449 h 391212"/>
                <a:gd name="connsiteX28" fmla="*/ 134864 w 202966"/>
                <a:gd name="connsiteY28" fmla="*/ 213449 h 391212"/>
                <a:gd name="connsiteX29" fmla="*/ 131981 w 202966"/>
                <a:gd name="connsiteY29" fmla="*/ 216446 h 391212"/>
                <a:gd name="connsiteX30" fmla="*/ 131952 w 202966"/>
                <a:gd name="connsiteY30" fmla="*/ 388101 h 391212"/>
                <a:gd name="connsiteX31" fmla="*/ 131781 w 202966"/>
                <a:gd name="connsiteY31" fmla="*/ 391212 h 391212"/>
                <a:gd name="connsiteX32" fmla="*/ 59854 w 202966"/>
                <a:gd name="connsiteY32" fmla="*/ 391212 h 391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202966" h="391212">
                  <a:moveTo>
                    <a:pt x="59825" y="391212"/>
                  </a:moveTo>
                  <a:cubicBezTo>
                    <a:pt x="59768" y="390185"/>
                    <a:pt x="59626" y="389129"/>
                    <a:pt x="59626" y="388101"/>
                  </a:cubicBezTo>
                  <a:lnTo>
                    <a:pt x="59626" y="216446"/>
                  </a:lnTo>
                  <a:cubicBezTo>
                    <a:pt x="59626" y="214448"/>
                    <a:pt x="58664" y="213449"/>
                    <a:pt x="56743" y="213449"/>
                  </a:cubicBezTo>
                  <a:lnTo>
                    <a:pt x="0" y="213449"/>
                  </a:lnTo>
                  <a:lnTo>
                    <a:pt x="0" y="143377"/>
                  </a:lnTo>
                  <a:lnTo>
                    <a:pt x="2968" y="143377"/>
                  </a:lnTo>
                  <a:cubicBezTo>
                    <a:pt x="20950" y="143377"/>
                    <a:pt x="38932" y="143348"/>
                    <a:pt x="56914" y="143434"/>
                  </a:cubicBezTo>
                  <a:cubicBezTo>
                    <a:pt x="59026" y="143434"/>
                    <a:pt x="59711" y="142892"/>
                    <a:pt x="59683" y="140665"/>
                  </a:cubicBezTo>
                  <a:cubicBezTo>
                    <a:pt x="59626" y="122227"/>
                    <a:pt x="59340" y="103817"/>
                    <a:pt x="59740" y="85407"/>
                  </a:cubicBezTo>
                  <a:cubicBezTo>
                    <a:pt x="60111" y="68738"/>
                    <a:pt x="64107" y="52840"/>
                    <a:pt x="72869" y="38454"/>
                  </a:cubicBezTo>
                  <a:cubicBezTo>
                    <a:pt x="84258" y="19644"/>
                    <a:pt x="101212" y="8427"/>
                    <a:pt x="122305" y="3204"/>
                  </a:cubicBezTo>
                  <a:cubicBezTo>
                    <a:pt x="135634" y="-78"/>
                    <a:pt x="149221" y="-478"/>
                    <a:pt x="162864" y="407"/>
                  </a:cubicBezTo>
                  <a:cubicBezTo>
                    <a:pt x="167488" y="721"/>
                    <a:pt x="172112" y="635"/>
                    <a:pt x="176736" y="921"/>
                  </a:cubicBezTo>
                  <a:cubicBezTo>
                    <a:pt x="184728" y="1434"/>
                    <a:pt x="192663" y="2205"/>
                    <a:pt x="200655" y="2633"/>
                  </a:cubicBezTo>
                  <a:cubicBezTo>
                    <a:pt x="202824" y="2747"/>
                    <a:pt x="202966" y="3689"/>
                    <a:pt x="202966" y="5402"/>
                  </a:cubicBezTo>
                  <a:cubicBezTo>
                    <a:pt x="202938" y="24611"/>
                    <a:pt x="202938" y="43763"/>
                    <a:pt x="202938" y="62944"/>
                  </a:cubicBezTo>
                  <a:lnTo>
                    <a:pt x="202938" y="65570"/>
                  </a:lnTo>
                  <a:lnTo>
                    <a:pt x="200255" y="65570"/>
                  </a:lnTo>
                  <a:cubicBezTo>
                    <a:pt x="191378" y="65570"/>
                    <a:pt x="182559" y="65484"/>
                    <a:pt x="173739" y="65598"/>
                  </a:cubicBezTo>
                  <a:cubicBezTo>
                    <a:pt x="165975" y="65684"/>
                    <a:pt x="158155" y="65512"/>
                    <a:pt x="150591" y="67653"/>
                  </a:cubicBezTo>
                  <a:cubicBezTo>
                    <a:pt x="140258" y="70622"/>
                    <a:pt x="133751" y="77900"/>
                    <a:pt x="132923" y="88689"/>
                  </a:cubicBezTo>
                  <a:cubicBezTo>
                    <a:pt x="132209" y="97937"/>
                    <a:pt x="132152" y="107213"/>
                    <a:pt x="131981" y="116490"/>
                  </a:cubicBezTo>
                  <a:cubicBezTo>
                    <a:pt x="131810" y="124539"/>
                    <a:pt x="132010" y="132645"/>
                    <a:pt x="131895" y="140722"/>
                  </a:cubicBezTo>
                  <a:cubicBezTo>
                    <a:pt x="131867" y="142777"/>
                    <a:pt x="132409" y="143434"/>
                    <a:pt x="134521" y="143434"/>
                  </a:cubicBezTo>
                  <a:cubicBezTo>
                    <a:pt x="155643" y="143348"/>
                    <a:pt x="176764" y="143377"/>
                    <a:pt x="197886" y="143377"/>
                  </a:cubicBezTo>
                  <a:lnTo>
                    <a:pt x="201168" y="143377"/>
                  </a:lnTo>
                  <a:cubicBezTo>
                    <a:pt x="198114" y="166896"/>
                    <a:pt x="195117" y="190044"/>
                    <a:pt x="192120" y="213449"/>
                  </a:cubicBezTo>
                  <a:lnTo>
                    <a:pt x="134864" y="213449"/>
                  </a:lnTo>
                  <a:cubicBezTo>
                    <a:pt x="132943" y="213449"/>
                    <a:pt x="131981" y="214448"/>
                    <a:pt x="131981" y="216446"/>
                  </a:cubicBezTo>
                  <a:cubicBezTo>
                    <a:pt x="131981" y="273674"/>
                    <a:pt x="131981" y="330902"/>
                    <a:pt x="131952" y="388101"/>
                  </a:cubicBezTo>
                  <a:cubicBezTo>
                    <a:pt x="131952" y="389129"/>
                    <a:pt x="131867" y="390185"/>
                    <a:pt x="131781" y="391212"/>
                  </a:cubicBezTo>
                  <a:lnTo>
                    <a:pt x="59854" y="391212"/>
                  </a:lnTo>
                  <a:close/>
                </a:path>
              </a:pathLst>
            </a:custGeom>
            <a:solidFill>
              <a:srgbClr val="265A9B"/>
            </a:solidFill>
            <a:ln w="2853" cap="flat">
              <a:noFill/>
              <a:prstDash val="solid"/>
              <a:miter/>
            </a:ln>
          </p:spPr>
          <p:txBody>
            <a:bodyPr rtlCol="0" anchor="ctr"/>
            <a:lstStyle/>
            <a:p>
              <a:endParaRPr lang="en-US" sz="2400"/>
            </a:p>
          </p:txBody>
        </p:sp>
      </p:grpSp>
      <p:grpSp>
        <p:nvGrpSpPr>
          <p:cNvPr id="10" name="Group 9">
            <a:extLst>
              <a:ext uri="{FF2B5EF4-FFF2-40B4-BE49-F238E27FC236}">
                <a16:creationId xmlns:a16="http://schemas.microsoft.com/office/drawing/2014/main" id="{BEE2C9B2-0070-662E-BA32-0B72238DC11A}"/>
              </a:ext>
            </a:extLst>
          </p:cNvPr>
          <p:cNvGrpSpPr/>
          <p:nvPr userDrawn="1"/>
        </p:nvGrpSpPr>
        <p:grpSpPr>
          <a:xfrm>
            <a:off x="5775976" y="2633122"/>
            <a:ext cx="648216" cy="648185"/>
            <a:chOff x="7578980" y="2633122"/>
            <a:chExt cx="648216" cy="648185"/>
          </a:xfrm>
        </p:grpSpPr>
        <p:sp>
          <p:nvSpPr>
            <p:cNvPr id="183" name="Freeform 182">
              <a:extLst>
                <a:ext uri="{FF2B5EF4-FFF2-40B4-BE49-F238E27FC236}">
                  <a16:creationId xmlns:a16="http://schemas.microsoft.com/office/drawing/2014/main" id="{39A25524-F20D-746E-2F71-7DD273589564}"/>
                </a:ext>
              </a:extLst>
            </p:cNvPr>
            <p:cNvSpPr/>
            <p:nvPr/>
          </p:nvSpPr>
          <p:spPr>
            <a:xfrm>
              <a:off x="7578980" y="2633122"/>
              <a:ext cx="648216" cy="648185"/>
            </a:xfrm>
            <a:custGeom>
              <a:avLst/>
              <a:gdLst>
                <a:gd name="connsiteX0" fmla="*/ 590404 w 590403"/>
                <a:gd name="connsiteY0" fmla="*/ 295188 h 590375"/>
                <a:gd name="connsiteX1" fmla="*/ 295216 w 590403"/>
                <a:gd name="connsiteY1" fmla="*/ 590375 h 590375"/>
                <a:gd name="connsiteX2" fmla="*/ 0 w 590403"/>
                <a:gd name="connsiteY2" fmla="*/ 295188 h 590375"/>
                <a:gd name="connsiteX3" fmla="*/ 295216 w 590403"/>
                <a:gd name="connsiteY3" fmla="*/ 0 h 590375"/>
                <a:gd name="connsiteX4" fmla="*/ 590404 w 590403"/>
                <a:gd name="connsiteY4" fmla="*/ 295188 h 590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403" h="590375">
                  <a:moveTo>
                    <a:pt x="590404" y="295188"/>
                  </a:moveTo>
                  <a:cubicBezTo>
                    <a:pt x="590404" y="458223"/>
                    <a:pt x="458251" y="590375"/>
                    <a:pt x="295216" y="590375"/>
                  </a:cubicBezTo>
                  <a:cubicBezTo>
                    <a:pt x="132181" y="590375"/>
                    <a:pt x="0" y="458223"/>
                    <a:pt x="0" y="295188"/>
                  </a:cubicBezTo>
                  <a:cubicBezTo>
                    <a:pt x="0" y="132152"/>
                    <a:pt x="132181" y="0"/>
                    <a:pt x="295216" y="0"/>
                  </a:cubicBezTo>
                  <a:cubicBezTo>
                    <a:pt x="458251" y="0"/>
                    <a:pt x="590404" y="132152"/>
                    <a:pt x="590404" y="295188"/>
                  </a:cubicBezTo>
                </a:path>
              </a:pathLst>
            </a:custGeom>
            <a:solidFill>
              <a:srgbClr val="FFFFFF"/>
            </a:solidFill>
            <a:ln w="2853" cap="flat">
              <a:noFill/>
              <a:prstDash val="solid"/>
              <a:miter/>
            </a:ln>
          </p:spPr>
          <p:txBody>
            <a:bodyPr rtlCol="0" anchor="ctr"/>
            <a:lstStyle/>
            <a:p>
              <a:endParaRPr lang="en-US" sz="2400"/>
            </a:p>
          </p:txBody>
        </p:sp>
        <p:grpSp>
          <p:nvGrpSpPr>
            <p:cNvPr id="184" name="Group 183">
              <a:extLst>
                <a:ext uri="{FF2B5EF4-FFF2-40B4-BE49-F238E27FC236}">
                  <a16:creationId xmlns:a16="http://schemas.microsoft.com/office/drawing/2014/main" id="{DA046034-17DF-8E1E-5044-D076E56D2FEA}"/>
                </a:ext>
              </a:extLst>
            </p:cNvPr>
            <p:cNvGrpSpPr/>
            <p:nvPr userDrawn="1"/>
          </p:nvGrpSpPr>
          <p:grpSpPr>
            <a:xfrm>
              <a:off x="7745417" y="2762106"/>
              <a:ext cx="330942" cy="330016"/>
              <a:chOff x="2140504" y="1643769"/>
              <a:chExt cx="301426" cy="300583"/>
            </a:xfrm>
          </p:grpSpPr>
          <p:sp>
            <p:nvSpPr>
              <p:cNvPr id="238" name="Freeform 237">
                <a:extLst>
                  <a:ext uri="{FF2B5EF4-FFF2-40B4-BE49-F238E27FC236}">
                    <a16:creationId xmlns:a16="http://schemas.microsoft.com/office/drawing/2014/main" id="{4C04154C-4F1D-1D06-E58E-9DB7012DC0DA}"/>
                  </a:ext>
                </a:extLst>
              </p:cNvPr>
              <p:cNvSpPr/>
              <p:nvPr/>
            </p:nvSpPr>
            <p:spPr>
              <a:xfrm>
                <a:off x="2246715" y="1738687"/>
                <a:ext cx="195215" cy="205665"/>
              </a:xfrm>
              <a:custGeom>
                <a:avLst/>
                <a:gdLst>
                  <a:gd name="connsiteX0" fmla="*/ 60682 w 195215"/>
                  <a:gd name="connsiteY0" fmla="*/ 32240 h 205665"/>
                  <a:gd name="connsiteX1" fmla="*/ 65648 w 195215"/>
                  <a:gd name="connsiteY1" fmla="*/ 25047 h 205665"/>
                  <a:gd name="connsiteX2" fmla="*/ 92592 w 195215"/>
                  <a:gd name="connsiteY2" fmla="*/ 5068 h 205665"/>
                  <a:gd name="connsiteX3" fmla="*/ 117824 w 195215"/>
                  <a:gd name="connsiteY3" fmla="*/ 44 h 205665"/>
                  <a:gd name="connsiteX4" fmla="*/ 154273 w 195215"/>
                  <a:gd name="connsiteY4" fmla="*/ 5496 h 205665"/>
                  <a:gd name="connsiteX5" fmla="*/ 182473 w 195215"/>
                  <a:gd name="connsiteY5" fmla="*/ 29357 h 205665"/>
                  <a:gd name="connsiteX6" fmla="*/ 192634 w 195215"/>
                  <a:gd name="connsiteY6" fmla="*/ 59527 h 205665"/>
                  <a:gd name="connsiteX7" fmla="*/ 194689 w 195215"/>
                  <a:gd name="connsiteY7" fmla="*/ 79307 h 205665"/>
                  <a:gd name="connsiteX8" fmla="*/ 195203 w 195215"/>
                  <a:gd name="connsiteY8" fmla="*/ 168017 h 205665"/>
                  <a:gd name="connsiteX9" fmla="*/ 195203 w 195215"/>
                  <a:gd name="connsiteY9" fmla="*/ 202925 h 205665"/>
                  <a:gd name="connsiteX10" fmla="*/ 195203 w 195215"/>
                  <a:gd name="connsiteY10" fmla="*/ 205522 h 205665"/>
                  <a:gd name="connsiteX11" fmla="*/ 192805 w 195215"/>
                  <a:gd name="connsiteY11" fmla="*/ 205608 h 205665"/>
                  <a:gd name="connsiteX12" fmla="*/ 134778 w 195215"/>
                  <a:gd name="connsiteY12" fmla="*/ 205665 h 205665"/>
                  <a:gd name="connsiteX13" fmla="*/ 132152 w 195215"/>
                  <a:gd name="connsiteY13" fmla="*/ 203011 h 205665"/>
                  <a:gd name="connsiteX14" fmla="*/ 132152 w 195215"/>
                  <a:gd name="connsiteY14" fmla="*/ 98316 h 205665"/>
                  <a:gd name="connsiteX15" fmla="*/ 127585 w 195215"/>
                  <a:gd name="connsiteY15" fmla="*/ 71572 h 205665"/>
                  <a:gd name="connsiteX16" fmla="*/ 104980 w 195215"/>
                  <a:gd name="connsiteY16" fmla="*/ 55217 h 205665"/>
                  <a:gd name="connsiteX17" fmla="*/ 83630 w 195215"/>
                  <a:gd name="connsiteY17" fmla="*/ 57871 h 205665"/>
                  <a:gd name="connsiteX18" fmla="*/ 67646 w 195215"/>
                  <a:gd name="connsiteY18" fmla="*/ 74198 h 205665"/>
                  <a:gd name="connsiteX19" fmla="*/ 63051 w 195215"/>
                  <a:gd name="connsiteY19" fmla="*/ 97003 h 205665"/>
                  <a:gd name="connsiteX20" fmla="*/ 62622 w 195215"/>
                  <a:gd name="connsiteY20" fmla="*/ 202440 h 205665"/>
                  <a:gd name="connsiteX21" fmla="*/ 59568 w 195215"/>
                  <a:gd name="connsiteY21" fmla="*/ 205580 h 205665"/>
                  <a:gd name="connsiteX22" fmla="*/ 2797 w 195215"/>
                  <a:gd name="connsiteY22" fmla="*/ 205580 h 205665"/>
                  <a:gd name="connsiteX23" fmla="*/ 0 w 195215"/>
                  <a:gd name="connsiteY23" fmla="*/ 202954 h 205665"/>
                  <a:gd name="connsiteX24" fmla="*/ 0 w 195215"/>
                  <a:gd name="connsiteY24" fmla="*/ 7437 h 205665"/>
                  <a:gd name="connsiteX25" fmla="*/ 2797 w 195215"/>
                  <a:gd name="connsiteY25" fmla="*/ 4640 h 205665"/>
                  <a:gd name="connsiteX26" fmla="*/ 57314 w 195215"/>
                  <a:gd name="connsiteY26" fmla="*/ 4640 h 205665"/>
                  <a:gd name="connsiteX27" fmla="*/ 60139 w 195215"/>
                  <a:gd name="connsiteY27" fmla="*/ 7551 h 205665"/>
                  <a:gd name="connsiteX28" fmla="*/ 60139 w 195215"/>
                  <a:gd name="connsiteY28" fmla="*/ 32040 h 205665"/>
                  <a:gd name="connsiteX29" fmla="*/ 60682 w 195215"/>
                  <a:gd name="connsiteY29" fmla="*/ 32126 h 2056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95215" h="205665">
                    <a:moveTo>
                      <a:pt x="60682" y="32240"/>
                    </a:moveTo>
                    <a:cubicBezTo>
                      <a:pt x="62309" y="29843"/>
                      <a:pt x="63850" y="27331"/>
                      <a:pt x="65648" y="25047"/>
                    </a:cubicBezTo>
                    <a:cubicBezTo>
                      <a:pt x="72755" y="15857"/>
                      <a:pt x="81832" y="9349"/>
                      <a:pt x="92592" y="5068"/>
                    </a:cubicBezTo>
                    <a:cubicBezTo>
                      <a:pt x="100670" y="1842"/>
                      <a:pt x="109090" y="273"/>
                      <a:pt x="117824" y="44"/>
                    </a:cubicBezTo>
                    <a:cubicBezTo>
                      <a:pt x="130325" y="-270"/>
                      <a:pt x="142542" y="1043"/>
                      <a:pt x="154273" y="5496"/>
                    </a:cubicBezTo>
                    <a:cubicBezTo>
                      <a:pt x="166489" y="10120"/>
                      <a:pt x="175822" y="18112"/>
                      <a:pt x="182473" y="29357"/>
                    </a:cubicBezTo>
                    <a:cubicBezTo>
                      <a:pt x="187953" y="38691"/>
                      <a:pt x="190950" y="48909"/>
                      <a:pt x="192634" y="59527"/>
                    </a:cubicBezTo>
                    <a:cubicBezTo>
                      <a:pt x="193662" y="66035"/>
                      <a:pt x="194603" y="72685"/>
                      <a:pt x="194689" y="79307"/>
                    </a:cubicBezTo>
                    <a:cubicBezTo>
                      <a:pt x="195032" y="108877"/>
                      <a:pt x="195089" y="138447"/>
                      <a:pt x="195203" y="168017"/>
                    </a:cubicBezTo>
                    <a:cubicBezTo>
                      <a:pt x="195231" y="179634"/>
                      <a:pt x="195203" y="191308"/>
                      <a:pt x="195203" y="202925"/>
                    </a:cubicBezTo>
                    <a:lnTo>
                      <a:pt x="195203" y="205522"/>
                    </a:lnTo>
                    <a:cubicBezTo>
                      <a:pt x="194261" y="205551"/>
                      <a:pt x="193547" y="205608"/>
                      <a:pt x="192805" y="205608"/>
                    </a:cubicBezTo>
                    <a:cubicBezTo>
                      <a:pt x="173482" y="205608"/>
                      <a:pt x="154102" y="205580"/>
                      <a:pt x="134778" y="205665"/>
                    </a:cubicBezTo>
                    <a:cubicBezTo>
                      <a:pt x="132666" y="205665"/>
                      <a:pt x="132124" y="205066"/>
                      <a:pt x="132152" y="203011"/>
                    </a:cubicBezTo>
                    <a:cubicBezTo>
                      <a:pt x="132181" y="168103"/>
                      <a:pt x="132209" y="133224"/>
                      <a:pt x="132152" y="98316"/>
                    </a:cubicBezTo>
                    <a:cubicBezTo>
                      <a:pt x="132124" y="89154"/>
                      <a:pt x="131267" y="80106"/>
                      <a:pt x="127585" y="71572"/>
                    </a:cubicBezTo>
                    <a:cubicBezTo>
                      <a:pt x="123361" y="61639"/>
                      <a:pt x="115683" y="56359"/>
                      <a:pt x="104980" y="55217"/>
                    </a:cubicBezTo>
                    <a:cubicBezTo>
                      <a:pt x="97644" y="54446"/>
                      <a:pt x="90537" y="55131"/>
                      <a:pt x="83630" y="57871"/>
                    </a:cubicBezTo>
                    <a:cubicBezTo>
                      <a:pt x="75895" y="60954"/>
                      <a:pt x="70814" y="66691"/>
                      <a:pt x="67646" y="74198"/>
                    </a:cubicBezTo>
                    <a:cubicBezTo>
                      <a:pt x="64563" y="81448"/>
                      <a:pt x="63079" y="89126"/>
                      <a:pt x="63051" y="97003"/>
                    </a:cubicBezTo>
                    <a:cubicBezTo>
                      <a:pt x="62822" y="132168"/>
                      <a:pt x="62765" y="167332"/>
                      <a:pt x="62622" y="202440"/>
                    </a:cubicBezTo>
                    <a:cubicBezTo>
                      <a:pt x="62594" y="206008"/>
                      <a:pt x="62936" y="205580"/>
                      <a:pt x="59568" y="205580"/>
                    </a:cubicBezTo>
                    <a:cubicBezTo>
                      <a:pt x="40645" y="205608"/>
                      <a:pt x="21721" y="205580"/>
                      <a:pt x="2797" y="205580"/>
                    </a:cubicBezTo>
                    <a:cubicBezTo>
                      <a:pt x="29" y="205580"/>
                      <a:pt x="0" y="205580"/>
                      <a:pt x="0" y="202954"/>
                    </a:cubicBezTo>
                    <a:lnTo>
                      <a:pt x="0" y="7437"/>
                    </a:lnTo>
                    <a:cubicBezTo>
                      <a:pt x="0" y="4754"/>
                      <a:pt x="86" y="4640"/>
                      <a:pt x="2797" y="4640"/>
                    </a:cubicBezTo>
                    <a:lnTo>
                      <a:pt x="57314" y="4640"/>
                    </a:lnTo>
                    <a:cubicBezTo>
                      <a:pt x="60111" y="4640"/>
                      <a:pt x="60139" y="4668"/>
                      <a:pt x="60139" y="7551"/>
                    </a:cubicBezTo>
                    <a:lnTo>
                      <a:pt x="60139" y="32040"/>
                    </a:lnTo>
                    <a:cubicBezTo>
                      <a:pt x="60311" y="32069"/>
                      <a:pt x="60482" y="32098"/>
                      <a:pt x="60682" y="32126"/>
                    </a:cubicBezTo>
                  </a:path>
                </a:pathLst>
              </a:custGeom>
              <a:solidFill>
                <a:srgbClr val="265A9B"/>
              </a:solidFill>
              <a:ln w="2853" cap="flat">
                <a:noFill/>
                <a:prstDash val="solid"/>
                <a:miter/>
              </a:ln>
            </p:spPr>
            <p:txBody>
              <a:bodyPr rtlCol="0" anchor="ctr"/>
              <a:lstStyle/>
              <a:p>
                <a:endParaRPr lang="en-US" sz="2400"/>
              </a:p>
            </p:txBody>
          </p:sp>
          <p:sp>
            <p:nvSpPr>
              <p:cNvPr id="239" name="Freeform 238">
                <a:extLst>
                  <a:ext uri="{FF2B5EF4-FFF2-40B4-BE49-F238E27FC236}">
                    <a16:creationId xmlns:a16="http://schemas.microsoft.com/office/drawing/2014/main" id="{A6151122-92DB-B66D-8FB9-2F7E97AB7E9C}"/>
                  </a:ext>
                </a:extLst>
              </p:cNvPr>
              <p:cNvSpPr/>
              <p:nvPr/>
            </p:nvSpPr>
            <p:spPr>
              <a:xfrm>
                <a:off x="2145474" y="1743384"/>
                <a:ext cx="62622" cy="200968"/>
              </a:xfrm>
              <a:custGeom>
                <a:avLst/>
                <a:gdLst>
                  <a:gd name="connsiteX0" fmla="*/ 0 w 62622"/>
                  <a:gd name="connsiteY0" fmla="*/ 200969 h 200968"/>
                  <a:gd name="connsiteX1" fmla="*/ 0 w 62622"/>
                  <a:gd name="connsiteY1" fmla="*/ 2997 h 200968"/>
                  <a:gd name="connsiteX2" fmla="*/ 3054 w 62622"/>
                  <a:gd name="connsiteY2" fmla="*/ 0 h 200968"/>
                  <a:gd name="connsiteX3" fmla="*/ 59626 w 62622"/>
                  <a:gd name="connsiteY3" fmla="*/ 0 h 200968"/>
                  <a:gd name="connsiteX4" fmla="*/ 62622 w 62622"/>
                  <a:gd name="connsiteY4" fmla="*/ 2997 h 200968"/>
                  <a:gd name="connsiteX5" fmla="*/ 62622 w 62622"/>
                  <a:gd name="connsiteY5" fmla="*/ 198057 h 200968"/>
                  <a:gd name="connsiteX6" fmla="*/ 59683 w 62622"/>
                  <a:gd name="connsiteY6" fmla="*/ 200940 h 200968"/>
                  <a:gd name="connsiteX7" fmla="*/ 29 w 62622"/>
                  <a:gd name="connsiteY7" fmla="*/ 200940 h 2009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2622" h="200968">
                    <a:moveTo>
                      <a:pt x="0" y="200969"/>
                    </a:moveTo>
                    <a:lnTo>
                      <a:pt x="0" y="2997"/>
                    </a:lnTo>
                    <a:cubicBezTo>
                      <a:pt x="0" y="999"/>
                      <a:pt x="1019" y="0"/>
                      <a:pt x="3054" y="0"/>
                    </a:cubicBezTo>
                    <a:lnTo>
                      <a:pt x="59626" y="0"/>
                    </a:lnTo>
                    <a:cubicBezTo>
                      <a:pt x="61624" y="0"/>
                      <a:pt x="62622" y="999"/>
                      <a:pt x="62622" y="2997"/>
                    </a:cubicBezTo>
                    <a:lnTo>
                      <a:pt x="62622" y="198057"/>
                    </a:lnTo>
                    <a:cubicBezTo>
                      <a:pt x="62622" y="199978"/>
                      <a:pt x="61644" y="200940"/>
                      <a:pt x="59683" y="200940"/>
                    </a:cubicBezTo>
                    <a:lnTo>
                      <a:pt x="29" y="200940"/>
                    </a:lnTo>
                    <a:close/>
                  </a:path>
                </a:pathLst>
              </a:custGeom>
              <a:solidFill>
                <a:srgbClr val="265A9B"/>
              </a:solidFill>
              <a:ln w="2853" cap="flat">
                <a:noFill/>
                <a:prstDash val="solid"/>
                <a:miter/>
              </a:ln>
            </p:spPr>
            <p:txBody>
              <a:bodyPr rtlCol="0" anchor="ctr"/>
              <a:lstStyle/>
              <a:p>
                <a:endParaRPr lang="en-US" sz="2400"/>
              </a:p>
            </p:txBody>
          </p:sp>
          <p:sp>
            <p:nvSpPr>
              <p:cNvPr id="240" name="Freeform 239">
                <a:extLst>
                  <a:ext uri="{FF2B5EF4-FFF2-40B4-BE49-F238E27FC236}">
                    <a16:creationId xmlns:a16="http://schemas.microsoft.com/office/drawing/2014/main" id="{D848DFA3-F32C-7021-EA42-32E5010CC256}"/>
                  </a:ext>
                </a:extLst>
              </p:cNvPr>
              <p:cNvSpPr/>
              <p:nvPr/>
            </p:nvSpPr>
            <p:spPr>
              <a:xfrm>
                <a:off x="2140504" y="1643769"/>
                <a:ext cx="72816" cy="72842"/>
              </a:xfrm>
              <a:custGeom>
                <a:avLst/>
                <a:gdLst>
                  <a:gd name="connsiteX0" fmla="*/ 4 w 72816"/>
                  <a:gd name="connsiteY0" fmla="*/ 36336 h 72842"/>
                  <a:gd name="connsiteX1" fmla="*/ 36339 w 72816"/>
                  <a:gd name="connsiteY1" fmla="*/ 1 h 72842"/>
                  <a:gd name="connsiteX2" fmla="*/ 72817 w 72816"/>
                  <a:gd name="connsiteY2" fmla="*/ 36336 h 72842"/>
                  <a:gd name="connsiteX3" fmla="*/ 36339 w 72816"/>
                  <a:gd name="connsiteY3" fmla="*/ 72842 h 72842"/>
                  <a:gd name="connsiteX4" fmla="*/ 4 w 72816"/>
                  <a:gd name="connsiteY4" fmla="*/ 36336 h 728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816" h="72842">
                    <a:moveTo>
                      <a:pt x="4" y="36336"/>
                    </a:moveTo>
                    <a:cubicBezTo>
                      <a:pt x="-310" y="16584"/>
                      <a:pt x="16473" y="-142"/>
                      <a:pt x="36339" y="1"/>
                    </a:cubicBezTo>
                    <a:cubicBezTo>
                      <a:pt x="56290" y="172"/>
                      <a:pt x="72817" y="15956"/>
                      <a:pt x="72817" y="36336"/>
                    </a:cubicBezTo>
                    <a:cubicBezTo>
                      <a:pt x="72788" y="56658"/>
                      <a:pt x="57318" y="72670"/>
                      <a:pt x="36339" y="72842"/>
                    </a:cubicBezTo>
                    <a:cubicBezTo>
                      <a:pt x="15817" y="73013"/>
                      <a:pt x="-138" y="56487"/>
                      <a:pt x="4" y="36336"/>
                    </a:cubicBezTo>
                  </a:path>
                </a:pathLst>
              </a:custGeom>
              <a:solidFill>
                <a:srgbClr val="265A9B"/>
              </a:solidFill>
              <a:ln w="2853" cap="flat">
                <a:noFill/>
                <a:prstDash val="solid"/>
                <a:miter/>
              </a:ln>
            </p:spPr>
            <p:txBody>
              <a:bodyPr rtlCol="0" anchor="ctr"/>
              <a:lstStyle/>
              <a:p>
                <a:endParaRPr lang="en-US" sz="2400"/>
              </a:p>
            </p:txBody>
          </p:sp>
        </p:grpSp>
      </p:grpSp>
      <p:sp>
        <p:nvSpPr>
          <p:cNvPr id="185" name="Freeform 184">
            <a:extLst>
              <a:ext uri="{FF2B5EF4-FFF2-40B4-BE49-F238E27FC236}">
                <a16:creationId xmlns:a16="http://schemas.microsoft.com/office/drawing/2014/main" id="{0B96D96F-CE42-5F31-474A-5FECEABCDDB3}"/>
              </a:ext>
            </a:extLst>
          </p:cNvPr>
          <p:cNvSpPr/>
          <p:nvPr/>
        </p:nvSpPr>
        <p:spPr>
          <a:xfrm>
            <a:off x="5874571" y="2633090"/>
            <a:ext cx="2405969" cy="648216"/>
          </a:xfrm>
          <a:custGeom>
            <a:avLst/>
            <a:gdLst>
              <a:gd name="connsiteX0" fmla="*/ 0 w 2191386"/>
              <a:gd name="connsiteY0" fmla="*/ 0 h 590403"/>
              <a:gd name="connsiteX1" fmla="*/ 2191387 w 2191386"/>
              <a:gd name="connsiteY1" fmla="*/ 0 h 590403"/>
              <a:gd name="connsiteX2" fmla="*/ 2191387 w 2191386"/>
              <a:gd name="connsiteY2" fmla="*/ 590404 h 590403"/>
              <a:gd name="connsiteX3" fmla="*/ 0 w 2191386"/>
              <a:gd name="connsiteY3" fmla="*/ 590404 h 590403"/>
            </a:gdLst>
            <a:ahLst/>
            <a:cxnLst>
              <a:cxn ang="0">
                <a:pos x="connsiteX0" y="connsiteY0"/>
              </a:cxn>
              <a:cxn ang="0">
                <a:pos x="connsiteX1" y="connsiteY1"/>
              </a:cxn>
              <a:cxn ang="0">
                <a:pos x="connsiteX2" y="connsiteY2"/>
              </a:cxn>
              <a:cxn ang="0">
                <a:pos x="connsiteX3" y="connsiteY3"/>
              </a:cxn>
            </a:cxnLst>
            <a:rect l="l" t="t" r="r" b="b"/>
            <a:pathLst>
              <a:path w="2191386" h="590403">
                <a:moveTo>
                  <a:pt x="0" y="0"/>
                </a:moveTo>
                <a:lnTo>
                  <a:pt x="2191387" y="0"/>
                </a:lnTo>
                <a:lnTo>
                  <a:pt x="2191387" y="590404"/>
                </a:lnTo>
                <a:lnTo>
                  <a:pt x="0" y="590404"/>
                </a:lnTo>
                <a:close/>
              </a:path>
            </a:pathLst>
          </a:custGeom>
          <a:noFill/>
          <a:ln w="2853" cap="flat">
            <a:noFill/>
            <a:prstDash val="solid"/>
            <a:miter/>
          </a:ln>
        </p:spPr>
        <p:txBody>
          <a:bodyPr rtlCol="0" anchor="ctr"/>
          <a:lstStyle/>
          <a:p>
            <a:endParaRPr lang="en-US" sz="2400"/>
          </a:p>
        </p:txBody>
      </p:sp>
      <p:grpSp>
        <p:nvGrpSpPr>
          <p:cNvPr id="11" name="Group 10">
            <a:extLst>
              <a:ext uri="{FF2B5EF4-FFF2-40B4-BE49-F238E27FC236}">
                <a16:creationId xmlns:a16="http://schemas.microsoft.com/office/drawing/2014/main" id="{66FB5B68-86AA-25BD-B00B-F69097D0CCAF}"/>
              </a:ext>
            </a:extLst>
          </p:cNvPr>
          <p:cNvGrpSpPr/>
          <p:nvPr userDrawn="1"/>
        </p:nvGrpSpPr>
        <p:grpSpPr>
          <a:xfrm>
            <a:off x="7434796" y="2633122"/>
            <a:ext cx="648216" cy="648185"/>
            <a:chOff x="6726775" y="2633122"/>
            <a:chExt cx="648216" cy="648185"/>
          </a:xfrm>
        </p:grpSpPr>
        <p:sp>
          <p:nvSpPr>
            <p:cNvPr id="180" name="Freeform 179">
              <a:extLst>
                <a:ext uri="{FF2B5EF4-FFF2-40B4-BE49-F238E27FC236}">
                  <a16:creationId xmlns:a16="http://schemas.microsoft.com/office/drawing/2014/main" id="{BAFA9BEE-C1DC-C37E-8C66-2D35DF8A9238}"/>
                </a:ext>
              </a:extLst>
            </p:cNvPr>
            <p:cNvSpPr/>
            <p:nvPr/>
          </p:nvSpPr>
          <p:spPr>
            <a:xfrm>
              <a:off x="6726775" y="2633122"/>
              <a:ext cx="648216" cy="648185"/>
            </a:xfrm>
            <a:custGeom>
              <a:avLst/>
              <a:gdLst>
                <a:gd name="connsiteX0" fmla="*/ 590404 w 590403"/>
                <a:gd name="connsiteY0" fmla="*/ 295188 h 590375"/>
                <a:gd name="connsiteX1" fmla="*/ 295216 w 590403"/>
                <a:gd name="connsiteY1" fmla="*/ 590375 h 590375"/>
                <a:gd name="connsiteX2" fmla="*/ 0 w 590403"/>
                <a:gd name="connsiteY2" fmla="*/ 295188 h 590375"/>
                <a:gd name="connsiteX3" fmla="*/ 295216 w 590403"/>
                <a:gd name="connsiteY3" fmla="*/ 0 h 590375"/>
                <a:gd name="connsiteX4" fmla="*/ 590404 w 590403"/>
                <a:gd name="connsiteY4" fmla="*/ 295188 h 590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403" h="590375">
                  <a:moveTo>
                    <a:pt x="590404" y="295188"/>
                  </a:moveTo>
                  <a:cubicBezTo>
                    <a:pt x="590404" y="458223"/>
                    <a:pt x="458223" y="590375"/>
                    <a:pt x="295216" y="590375"/>
                  </a:cubicBezTo>
                  <a:cubicBezTo>
                    <a:pt x="132209" y="590375"/>
                    <a:pt x="0" y="458223"/>
                    <a:pt x="0" y="295188"/>
                  </a:cubicBezTo>
                  <a:cubicBezTo>
                    <a:pt x="0" y="132152"/>
                    <a:pt x="132152" y="0"/>
                    <a:pt x="295216" y="0"/>
                  </a:cubicBezTo>
                  <a:cubicBezTo>
                    <a:pt x="458280" y="0"/>
                    <a:pt x="590404" y="132152"/>
                    <a:pt x="590404" y="295188"/>
                  </a:cubicBezTo>
                </a:path>
              </a:pathLst>
            </a:custGeom>
            <a:solidFill>
              <a:srgbClr val="FFFFFF"/>
            </a:solidFill>
            <a:ln w="2853" cap="flat">
              <a:noFill/>
              <a:prstDash val="solid"/>
              <a:miter/>
            </a:ln>
          </p:spPr>
          <p:txBody>
            <a:bodyPr rtlCol="0" anchor="ctr"/>
            <a:lstStyle/>
            <a:p>
              <a:endParaRPr lang="en-US" sz="2400"/>
            </a:p>
          </p:txBody>
        </p:sp>
        <p:sp>
          <p:nvSpPr>
            <p:cNvPr id="186" name="Freeform 185">
              <a:extLst>
                <a:ext uri="{FF2B5EF4-FFF2-40B4-BE49-F238E27FC236}">
                  <a16:creationId xmlns:a16="http://schemas.microsoft.com/office/drawing/2014/main" id="{12D5A363-C49F-B887-C802-F0E287786DCC}"/>
                </a:ext>
              </a:extLst>
            </p:cNvPr>
            <p:cNvSpPr/>
            <p:nvPr/>
          </p:nvSpPr>
          <p:spPr>
            <a:xfrm>
              <a:off x="6871558" y="2767685"/>
              <a:ext cx="378714" cy="379058"/>
            </a:xfrm>
            <a:custGeom>
              <a:avLst/>
              <a:gdLst>
                <a:gd name="connsiteX0" fmla="*/ 205336 w 344937"/>
                <a:gd name="connsiteY0" fmla="*/ 146195 h 345251"/>
                <a:gd name="connsiteX1" fmla="*/ 333777 w 344937"/>
                <a:gd name="connsiteY1" fmla="*/ 0 h 345251"/>
                <a:gd name="connsiteX2" fmla="*/ 303351 w 344937"/>
                <a:gd name="connsiteY2" fmla="*/ 0 h 345251"/>
                <a:gd name="connsiteX3" fmla="*/ 191778 w 344937"/>
                <a:gd name="connsiteY3" fmla="*/ 126929 h 345251"/>
                <a:gd name="connsiteX4" fmla="*/ 102725 w 344937"/>
                <a:gd name="connsiteY4" fmla="*/ 0 h 345251"/>
                <a:gd name="connsiteX5" fmla="*/ 0 w 344937"/>
                <a:gd name="connsiteY5" fmla="*/ 0 h 345251"/>
                <a:gd name="connsiteX6" fmla="*/ 134693 w 344937"/>
                <a:gd name="connsiteY6" fmla="*/ 191949 h 345251"/>
                <a:gd name="connsiteX7" fmla="*/ 0 w 344937"/>
                <a:gd name="connsiteY7" fmla="*/ 345251 h 345251"/>
                <a:gd name="connsiteX8" fmla="*/ 30426 w 344937"/>
                <a:gd name="connsiteY8" fmla="*/ 345251 h 345251"/>
                <a:gd name="connsiteX9" fmla="*/ 148165 w 344937"/>
                <a:gd name="connsiteY9" fmla="*/ 211187 h 345251"/>
                <a:gd name="connsiteX10" fmla="*/ 242213 w 344937"/>
                <a:gd name="connsiteY10" fmla="*/ 345251 h 345251"/>
                <a:gd name="connsiteX11" fmla="*/ 344937 w 344937"/>
                <a:gd name="connsiteY11" fmla="*/ 345251 h 345251"/>
                <a:gd name="connsiteX12" fmla="*/ 41415 w 344937"/>
                <a:gd name="connsiteY12" fmla="*/ 22463 h 345251"/>
                <a:gd name="connsiteX13" fmla="*/ 88168 w 344937"/>
                <a:gd name="connsiteY13" fmla="*/ 22463 h 345251"/>
                <a:gd name="connsiteX14" fmla="*/ 303351 w 344937"/>
                <a:gd name="connsiteY14" fmla="*/ 323873 h 345251"/>
                <a:gd name="connsiteX15" fmla="*/ 256598 w 344937"/>
                <a:gd name="connsiteY15" fmla="*/ 323873 h 3452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44937" h="345251">
                  <a:moveTo>
                    <a:pt x="205336" y="146195"/>
                  </a:moveTo>
                  <a:lnTo>
                    <a:pt x="333777" y="0"/>
                  </a:lnTo>
                  <a:lnTo>
                    <a:pt x="303351" y="0"/>
                  </a:lnTo>
                  <a:lnTo>
                    <a:pt x="191778" y="126929"/>
                  </a:lnTo>
                  <a:lnTo>
                    <a:pt x="102725" y="0"/>
                  </a:lnTo>
                  <a:lnTo>
                    <a:pt x="0" y="0"/>
                  </a:lnTo>
                  <a:lnTo>
                    <a:pt x="134693" y="191949"/>
                  </a:lnTo>
                  <a:lnTo>
                    <a:pt x="0" y="345251"/>
                  </a:lnTo>
                  <a:lnTo>
                    <a:pt x="30426" y="345251"/>
                  </a:lnTo>
                  <a:lnTo>
                    <a:pt x="148165" y="211187"/>
                  </a:lnTo>
                  <a:lnTo>
                    <a:pt x="242213" y="345251"/>
                  </a:lnTo>
                  <a:lnTo>
                    <a:pt x="344937" y="345251"/>
                  </a:lnTo>
                  <a:moveTo>
                    <a:pt x="41415" y="22463"/>
                  </a:moveTo>
                  <a:lnTo>
                    <a:pt x="88168" y="22463"/>
                  </a:lnTo>
                  <a:lnTo>
                    <a:pt x="303351" y="323873"/>
                  </a:lnTo>
                  <a:lnTo>
                    <a:pt x="256598" y="323873"/>
                  </a:lnTo>
                </a:path>
              </a:pathLst>
            </a:custGeom>
            <a:solidFill>
              <a:srgbClr val="265A9B"/>
            </a:solidFill>
            <a:ln w="2853" cap="flat">
              <a:noFill/>
              <a:prstDash val="solid"/>
              <a:miter/>
            </a:ln>
          </p:spPr>
          <p:txBody>
            <a:bodyPr rtlCol="0" anchor="ctr"/>
            <a:lstStyle/>
            <a:p>
              <a:endParaRPr lang="en-US" sz="2400"/>
            </a:p>
          </p:txBody>
        </p:sp>
      </p:grpSp>
      <p:grpSp>
        <p:nvGrpSpPr>
          <p:cNvPr id="12" name="Group 11">
            <a:extLst>
              <a:ext uri="{FF2B5EF4-FFF2-40B4-BE49-F238E27FC236}">
                <a16:creationId xmlns:a16="http://schemas.microsoft.com/office/drawing/2014/main" id="{0E0BF9EB-E795-6952-B05E-A480C6207A72}"/>
              </a:ext>
            </a:extLst>
          </p:cNvPr>
          <p:cNvGrpSpPr/>
          <p:nvPr userDrawn="1"/>
        </p:nvGrpSpPr>
        <p:grpSpPr>
          <a:xfrm>
            <a:off x="8244421" y="2633122"/>
            <a:ext cx="648216" cy="648185"/>
            <a:chOff x="8431184" y="2633122"/>
            <a:chExt cx="648216" cy="648185"/>
          </a:xfrm>
        </p:grpSpPr>
        <p:sp>
          <p:nvSpPr>
            <p:cNvPr id="181" name="Freeform 180">
              <a:extLst>
                <a:ext uri="{FF2B5EF4-FFF2-40B4-BE49-F238E27FC236}">
                  <a16:creationId xmlns:a16="http://schemas.microsoft.com/office/drawing/2014/main" id="{F9D7D13C-DFBD-16D3-DCE2-516A0D300BD4}"/>
                </a:ext>
              </a:extLst>
            </p:cNvPr>
            <p:cNvSpPr/>
            <p:nvPr/>
          </p:nvSpPr>
          <p:spPr>
            <a:xfrm>
              <a:off x="8431184" y="2633122"/>
              <a:ext cx="648216" cy="648185"/>
            </a:xfrm>
            <a:custGeom>
              <a:avLst/>
              <a:gdLst>
                <a:gd name="connsiteX0" fmla="*/ 590404 w 590403"/>
                <a:gd name="connsiteY0" fmla="*/ 295188 h 590375"/>
                <a:gd name="connsiteX1" fmla="*/ 295216 w 590403"/>
                <a:gd name="connsiteY1" fmla="*/ 590375 h 590375"/>
                <a:gd name="connsiteX2" fmla="*/ 0 w 590403"/>
                <a:gd name="connsiteY2" fmla="*/ 295188 h 590375"/>
                <a:gd name="connsiteX3" fmla="*/ 295216 w 590403"/>
                <a:gd name="connsiteY3" fmla="*/ 0 h 590375"/>
                <a:gd name="connsiteX4" fmla="*/ 590404 w 590403"/>
                <a:gd name="connsiteY4" fmla="*/ 295188 h 590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403" h="590375">
                  <a:moveTo>
                    <a:pt x="590404" y="295188"/>
                  </a:moveTo>
                  <a:cubicBezTo>
                    <a:pt x="590404" y="458223"/>
                    <a:pt x="458223" y="590375"/>
                    <a:pt x="295216" y="590375"/>
                  </a:cubicBezTo>
                  <a:cubicBezTo>
                    <a:pt x="132209" y="590375"/>
                    <a:pt x="0" y="458223"/>
                    <a:pt x="0" y="295188"/>
                  </a:cubicBezTo>
                  <a:cubicBezTo>
                    <a:pt x="0" y="132152"/>
                    <a:pt x="132152" y="0"/>
                    <a:pt x="295216" y="0"/>
                  </a:cubicBezTo>
                  <a:cubicBezTo>
                    <a:pt x="458280" y="0"/>
                    <a:pt x="590404" y="132152"/>
                    <a:pt x="590404" y="295188"/>
                  </a:cubicBezTo>
                </a:path>
              </a:pathLst>
            </a:custGeom>
            <a:solidFill>
              <a:srgbClr val="FFFFFF"/>
            </a:solidFill>
            <a:ln w="2853" cap="flat">
              <a:noFill/>
              <a:prstDash val="solid"/>
              <a:miter/>
            </a:ln>
          </p:spPr>
          <p:txBody>
            <a:bodyPr rtlCol="0" anchor="ctr"/>
            <a:lstStyle/>
            <a:p>
              <a:endParaRPr lang="en-US" sz="2400"/>
            </a:p>
          </p:txBody>
        </p:sp>
        <p:grpSp>
          <p:nvGrpSpPr>
            <p:cNvPr id="187" name="Graphic 74">
              <a:extLst>
                <a:ext uri="{FF2B5EF4-FFF2-40B4-BE49-F238E27FC236}">
                  <a16:creationId xmlns:a16="http://schemas.microsoft.com/office/drawing/2014/main" id="{7310B6C6-5EE0-7603-1F8E-85BFC56DC15D}"/>
                </a:ext>
              </a:extLst>
            </p:cNvPr>
            <p:cNvGrpSpPr/>
            <p:nvPr/>
          </p:nvGrpSpPr>
          <p:grpSpPr>
            <a:xfrm>
              <a:off x="8575760" y="2769220"/>
              <a:ext cx="375946" cy="376027"/>
              <a:chOff x="2913088" y="1650249"/>
              <a:chExt cx="342416" cy="342490"/>
            </a:xfrm>
            <a:solidFill>
              <a:srgbClr val="265A9B"/>
            </a:solidFill>
          </p:grpSpPr>
          <p:sp>
            <p:nvSpPr>
              <p:cNvPr id="235" name="Freeform 234">
                <a:extLst>
                  <a:ext uri="{FF2B5EF4-FFF2-40B4-BE49-F238E27FC236}">
                    <a16:creationId xmlns:a16="http://schemas.microsoft.com/office/drawing/2014/main" id="{B4B89680-386E-3E5B-26A0-97BCABD2CC6A}"/>
                  </a:ext>
                </a:extLst>
              </p:cNvPr>
              <p:cNvSpPr/>
              <p:nvPr/>
            </p:nvSpPr>
            <p:spPr>
              <a:xfrm>
                <a:off x="2913088" y="1650249"/>
                <a:ext cx="342416" cy="342490"/>
              </a:xfrm>
              <a:custGeom>
                <a:avLst/>
                <a:gdLst>
                  <a:gd name="connsiteX0" fmla="*/ 220789 w 342416"/>
                  <a:gd name="connsiteY0" fmla="*/ 0 h 342490"/>
                  <a:gd name="connsiteX1" fmla="*/ 258551 w 342416"/>
                  <a:gd name="connsiteY1" fmla="*/ 2883 h 342490"/>
                  <a:gd name="connsiteX2" fmla="*/ 340696 w 342416"/>
                  <a:gd name="connsiteY2" fmla="*/ 94076 h 342490"/>
                  <a:gd name="connsiteX3" fmla="*/ 342038 w 342416"/>
                  <a:gd name="connsiteY3" fmla="*/ 121420 h 342490"/>
                  <a:gd name="connsiteX4" fmla="*/ 342038 w 342416"/>
                  <a:gd name="connsiteY4" fmla="*/ 220149 h 342490"/>
                  <a:gd name="connsiteX5" fmla="*/ 286551 w 342416"/>
                  <a:gd name="connsiteY5" fmla="*/ 330695 h 342490"/>
                  <a:gd name="connsiteX6" fmla="*/ 117550 w 342416"/>
                  <a:gd name="connsiteY6" fmla="*/ 340171 h 342490"/>
                  <a:gd name="connsiteX7" fmla="*/ 24844 w 342416"/>
                  <a:gd name="connsiteY7" fmla="*/ 307575 h 342490"/>
                  <a:gd name="connsiteX8" fmla="*/ 2267 w 342416"/>
                  <a:gd name="connsiteY8" fmla="*/ 224773 h 342490"/>
                  <a:gd name="connsiteX9" fmla="*/ 13969 w 342416"/>
                  <a:gd name="connsiteY9" fmla="*/ 49835 h 342490"/>
                  <a:gd name="connsiteX10" fmla="*/ 122146 w 342416"/>
                  <a:gd name="connsiteY10" fmla="*/ 29 h 342490"/>
                  <a:gd name="connsiteX11" fmla="*/ 220760 w 342416"/>
                  <a:gd name="connsiteY11" fmla="*/ 29 h 342490"/>
                  <a:gd name="connsiteX12" fmla="*/ 104592 w 342416"/>
                  <a:gd name="connsiteY12" fmla="*/ 31054 h 342490"/>
                  <a:gd name="connsiteX13" fmla="*/ 31523 w 342416"/>
                  <a:gd name="connsiteY13" fmla="*/ 105979 h 342490"/>
                  <a:gd name="connsiteX14" fmla="*/ 31523 w 342416"/>
                  <a:gd name="connsiteY14" fmla="*/ 235505 h 342490"/>
                  <a:gd name="connsiteX15" fmla="*/ 108160 w 342416"/>
                  <a:gd name="connsiteY15" fmla="*/ 310886 h 342490"/>
                  <a:gd name="connsiteX16" fmla="*/ 236145 w 342416"/>
                  <a:gd name="connsiteY16" fmla="*/ 310829 h 342490"/>
                  <a:gd name="connsiteX17" fmla="*/ 311497 w 342416"/>
                  <a:gd name="connsiteY17" fmla="*/ 234192 h 342490"/>
                  <a:gd name="connsiteX18" fmla="*/ 311440 w 342416"/>
                  <a:gd name="connsiteY18" fmla="*/ 106064 h 342490"/>
                  <a:gd name="connsiteX19" fmla="*/ 234889 w 342416"/>
                  <a:gd name="connsiteY19" fmla="*/ 30626 h 342490"/>
                  <a:gd name="connsiteX20" fmla="*/ 104620 w 342416"/>
                  <a:gd name="connsiteY20" fmla="*/ 31083 h 342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42416" h="342490">
                    <a:moveTo>
                      <a:pt x="220789" y="0"/>
                    </a:moveTo>
                    <a:lnTo>
                      <a:pt x="258551" y="2883"/>
                    </a:lnTo>
                    <a:cubicBezTo>
                      <a:pt x="307758" y="10361"/>
                      <a:pt x="337071" y="44755"/>
                      <a:pt x="340696" y="94076"/>
                    </a:cubicBezTo>
                    <a:cubicBezTo>
                      <a:pt x="341353" y="102925"/>
                      <a:pt x="339126" y="113057"/>
                      <a:pt x="342038" y="121420"/>
                    </a:cubicBezTo>
                    <a:cubicBezTo>
                      <a:pt x="341125" y="154244"/>
                      <a:pt x="343237" y="187354"/>
                      <a:pt x="342038" y="220149"/>
                    </a:cubicBezTo>
                    <a:cubicBezTo>
                      <a:pt x="340354" y="265846"/>
                      <a:pt x="333589" y="310401"/>
                      <a:pt x="286551" y="330695"/>
                    </a:cubicBezTo>
                    <a:cubicBezTo>
                      <a:pt x="248104" y="347278"/>
                      <a:pt x="161049" y="342140"/>
                      <a:pt x="117550" y="340171"/>
                    </a:cubicBezTo>
                    <a:cubicBezTo>
                      <a:pt x="81358" y="338515"/>
                      <a:pt x="50190" y="337802"/>
                      <a:pt x="24844" y="307575"/>
                    </a:cubicBezTo>
                    <a:cubicBezTo>
                      <a:pt x="3237" y="281773"/>
                      <a:pt x="3694" y="256313"/>
                      <a:pt x="2267" y="224773"/>
                    </a:cubicBezTo>
                    <a:cubicBezTo>
                      <a:pt x="269" y="181046"/>
                      <a:pt x="-5183" y="87369"/>
                      <a:pt x="13969" y="49835"/>
                    </a:cubicBezTo>
                    <a:cubicBezTo>
                      <a:pt x="35547" y="7535"/>
                      <a:pt x="79731" y="1598"/>
                      <a:pt x="122146" y="29"/>
                    </a:cubicBezTo>
                    <a:lnTo>
                      <a:pt x="220760" y="29"/>
                    </a:lnTo>
                    <a:close/>
                    <a:moveTo>
                      <a:pt x="104592" y="31054"/>
                    </a:moveTo>
                    <a:cubicBezTo>
                      <a:pt x="54357" y="34337"/>
                      <a:pt x="34177" y="55630"/>
                      <a:pt x="31523" y="105979"/>
                    </a:cubicBezTo>
                    <a:cubicBezTo>
                      <a:pt x="29468" y="144968"/>
                      <a:pt x="29468" y="196487"/>
                      <a:pt x="31523" y="235505"/>
                    </a:cubicBezTo>
                    <a:cubicBezTo>
                      <a:pt x="34291" y="287852"/>
                      <a:pt x="56383" y="308232"/>
                      <a:pt x="108160" y="310886"/>
                    </a:cubicBezTo>
                    <a:cubicBezTo>
                      <a:pt x="146835" y="312856"/>
                      <a:pt x="197498" y="312941"/>
                      <a:pt x="236145" y="310829"/>
                    </a:cubicBezTo>
                    <a:cubicBezTo>
                      <a:pt x="288520" y="307975"/>
                      <a:pt x="308843" y="286282"/>
                      <a:pt x="311497" y="234192"/>
                    </a:cubicBezTo>
                    <a:cubicBezTo>
                      <a:pt x="313467" y="195488"/>
                      <a:pt x="313552" y="144740"/>
                      <a:pt x="311440" y="106064"/>
                    </a:cubicBezTo>
                    <a:cubicBezTo>
                      <a:pt x="308586" y="53632"/>
                      <a:pt x="286922" y="33224"/>
                      <a:pt x="234889" y="30626"/>
                    </a:cubicBezTo>
                    <a:cubicBezTo>
                      <a:pt x="195643" y="28657"/>
                      <a:pt x="143752" y="28514"/>
                      <a:pt x="104620" y="31083"/>
                    </a:cubicBezTo>
                    <a:close/>
                  </a:path>
                </a:pathLst>
              </a:custGeom>
              <a:solidFill>
                <a:srgbClr val="265A9B"/>
              </a:solidFill>
              <a:ln w="2853" cap="flat">
                <a:noFill/>
                <a:prstDash val="solid"/>
                <a:miter/>
              </a:ln>
            </p:spPr>
            <p:txBody>
              <a:bodyPr rtlCol="0" anchor="ctr"/>
              <a:lstStyle/>
              <a:p>
                <a:endParaRPr lang="en-US" sz="2400"/>
              </a:p>
            </p:txBody>
          </p:sp>
          <p:sp>
            <p:nvSpPr>
              <p:cNvPr id="236" name="Freeform 235">
                <a:extLst>
                  <a:ext uri="{FF2B5EF4-FFF2-40B4-BE49-F238E27FC236}">
                    <a16:creationId xmlns:a16="http://schemas.microsoft.com/office/drawing/2014/main" id="{75A3EAF4-1B54-EF4A-FDE0-53A05017DF7D}"/>
                  </a:ext>
                </a:extLst>
              </p:cNvPr>
              <p:cNvSpPr/>
              <p:nvPr/>
            </p:nvSpPr>
            <p:spPr>
              <a:xfrm>
                <a:off x="2997759" y="1733927"/>
                <a:ext cx="174255" cy="174042"/>
              </a:xfrm>
              <a:custGeom>
                <a:avLst/>
                <a:gdLst>
                  <a:gd name="connsiteX0" fmla="*/ 73209 w 174255"/>
                  <a:gd name="connsiteY0" fmla="*/ 722 h 174042"/>
                  <a:gd name="connsiteX1" fmla="*/ 162148 w 174255"/>
                  <a:gd name="connsiteY1" fmla="*/ 131105 h 174042"/>
                  <a:gd name="connsiteX2" fmla="*/ 5849 w 174255"/>
                  <a:gd name="connsiteY2" fmla="*/ 119431 h 174042"/>
                  <a:gd name="connsiteX3" fmla="*/ 73209 w 174255"/>
                  <a:gd name="connsiteY3" fmla="*/ 722 h 174042"/>
                  <a:gd name="connsiteX4" fmla="*/ 79860 w 174255"/>
                  <a:gd name="connsiteY4" fmla="*/ 30093 h 174042"/>
                  <a:gd name="connsiteX5" fmla="*/ 102523 w 174255"/>
                  <a:gd name="connsiteY5" fmla="*/ 142151 h 174042"/>
                  <a:gd name="connsiteX6" fmla="*/ 79860 w 174255"/>
                  <a:gd name="connsiteY6" fmla="*/ 30093 h 1740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4255" h="174042">
                    <a:moveTo>
                      <a:pt x="73209" y="722"/>
                    </a:moveTo>
                    <a:cubicBezTo>
                      <a:pt x="146792" y="-8126"/>
                      <a:pt x="198968" y="65999"/>
                      <a:pt x="162148" y="131105"/>
                    </a:cubicBezTo>
                    <a:cubicBezTo>
                      <a:pt x="126841" y="193528"/>
                      <a:pt x="31880" y="186392"/>
                      <a:pt x="5849" y="119431"/>
                    </a:cubicBezTo>
                    <a:cubicBezTo>
                      <a:pt x="-13846" y="68711"/>
                      <a:pt x="18094" y="7344"/>
                      <a:pt x="73209" y="722"/>
                    </a:cubicBezTo>
                    <a:close/>
                    <a:moveTo>
                      <a:pt x="79860" y="30093"/>
                    </a:moveTo>
                    <a:cubicBezTo>
                      <a:pt x="1025" y="39255"/>
                      <a:pt x="22061" y="163615"/>
                      <a:pt x="102523" y="142151"/>
                    </a:cubicBezTo>
                    <a:cubicBezTo>
                      <a:pt x="168684" y="124483"/>
                      <a:pt x="150503" y="21901"/>
                      <a:pt x="79860" y="30093"/>
                    </a:cubicBezTo>
                    <a:close/>
                  </a:path>
                </a:pathLst>
              </a:custGeom>
              <a:solidFill>
                <a:srgbClr val="265A9B"/>
              </a:solidFill>
              <a:ln w="2853" cap="flat">
                <a:noFill/>
                <a:prstDash val="solid"/>
                <a:miter/>
              </a:ln>
            </p:spPr>
            <p:txBody>
              <a:bodyPr rtlCol="0" anchor="ctr"/>
              <a:lstStyle/>
              <a:p>
                <a:endParaRPr lang="en-US" sz="2400"/>
              </a:p>
            </p:txBody>
          </p:sp>
          <p:sp>
            <p:nvSpPr>
              <p:cNvPr id="237" name="Freeform 236">
                <a:extLst>
                  <a:ext uri="{FF2B5EF4-FFF2-40B4-BE49-F238E27FC236}">
                    <a16:creationId xmlns:a16="http://schemas.microsoft.com/office/drawing/2014/main" id="{CA6EA67C-3996-8247-8AEC-C39E085610C8}"/>
                  </a:ext>
                </a:extLst>
              </p:cNvPr>
              <p:cNvSpPr/>
              <p:nvPr/>
            </p:nvSpPr>
            <p:spPr>
              <a:xfrm>
                <a:off x="3155732" y="1709924"/>
                <a:ext cx="39538" cy="40208"/>
              </a:xfrm>
              <a:custGeom>
                <a:avLst/>
                <a:gdLst>
                  <a:gd name="connsiteX0" fmla="*/ 13766 w 39538"/>
                  <a:gd name="connsiteY0" fmla="*/ 665 h 40208"/>
                  <a:gd name="connsiteX1" fmla="*/ 17847 w 39538"/>
                  <a:gd name="connsiteY1" fmla="*/ 40082 h 40208"/>
                  <a:gd name="connsiteX2" fmla="*/ 13766 w 39538"/>
                  <a:gd name="connsiteY2" fmla="*/ 665 h 40208"/>
                </a:gdLst>
                <a:ahLst/>
                <a:cxnLst>
                  <a:cxn ang="0">
                    <a:pos x="connsiteX0" y="connsiteY0"/>
                  </a:cxn>
                  <a:cxn ang="0">
                    <a:pos x="connsiteX1" y="connsiteY1"/>
                  </a:cxn>
                  <a:cxn ang="0">
                    <a:pos x="connsiteX2" y="connsiteY2"/>
                  </a:cxn>
                </a:cxnLst>
                <a:rect l="l" t="t" r="r" b="b"/>
                <a:pathLst>
                  <a:path w="39538" h="40208">
                    <a:moveTo>
                      <a:pt x="13766" y="665"/>
                    </a:moveTo>
                    <a:cubicBezTo>
                      <a:pt x="47047" y="-6243"/>
                      <a:pt x="47760" y="43022"/>
                      <a:pt x="17847" y="40082"/>
                    </a:cubicBezTo>
                    <a:cubicBezTo>
                      <a:pt x="-5129" y="37827"/>
                      <a:pt x="-5301" y="4604"/>
                      <a:pt x="13766" y="665"/>
                    </a:cubicBezTo>
                    <a:close/>
                  </a:path>
                </a:pathLst>
              </a:custGeom>
              <a:solidFill>
                <a:srgbClr val="265A9B"/>
              </a:solidFill>
              <a:ln w="2853" cap="flat">
                <a:noFill/>
                <a:prstDash val="solid"/>
                <a:miter/>
              </a:ln>
            </p:spPr>
            <p:txBody>
              <a:bodyPr rtlCol="0" anchor="ctr"/>
              <a:lstStyle/>
              <a:p>
                <a:endParaRPr lang="en-US" sz="2400"/>
              </a:p>
            </p:txBody>
          </p:sp>
        </p:grpSp>
      </p:grpSp>
      <p:pic>
        <p:nvPicPr>
          <p:cNvPr id="3" name="Picture 2" descr="Blue text on a black background&#10;&#10;AI-generated content may be incorrect.">
            <a:extLst>
              <a:ext uri="{FF2B5EF4-FFF2-40B4-BE49-F238E27FC236}">
                <a16:creationId xmlns:a16="http://schemas.microsoft.com/office/drawing/2014/main" id="{B833FA3B-8505-2CCD-A687-8F17F7C1275D}"/>
              </a:ext>
            </a:extLst>
          </p:cNvPr>
          <p:cNvPicPr>
            <a:picLocks noChangeAspect="1"/>
          </p:cNvPicPr>
          <p:nvPr userDrawn="1"/>
        </p:nvPicPr>
        <p:blipFill>
          <a:blip r:embed="rId2"/>
          <a:stretch>
            <a:fillRect/>
          </a:stretch>
        </p:blipFill>
        <p:spPr>
          <a:xfrm>
            <a:off x="2269310" y="2428984"/>
            <a:ext cx="3460172" cy="1093861"/>
          </a:xfrm>
          <a:prstGeom prst="rect">
            <a:avLst/>
          </a:prstGeom>
        </p:spPr>
      </p:pic>
    </p:spTree>
    <p:extLst>
      <p:ext uri="{BB962C8B-B14F-4D97-AF65-F5344CB8AC3E}">
        <p14:creationId xmlns:p14="http://schemas.microsoft.com/office/powerpoint/2010/main" val="249790857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sv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362A8B5-F8FC-B63C-A256-BBABE0FD0ACD}"/>
              </a:ext>
            </a:extLst>
          </p:cNvPr>
          <p:cNvSpPr>
            <a:spLocks noGrp="1"/>
          </p:cNvSpPr>
          <p:nvPr>
            <p:ph type="title"/>
          </p:nvPr>
        </p:nvSpPr>
        <p:spPr>
          <a:xfrm>
            <a:off x="434716" y="365125"/>
            <a:ext cx="11310298" cy="1325563"/>
          </a:xfrm>
          <a:prstGeom prst="rect">
            <a:avLst/>
          </a:prstGeom>
        </p:spPr>
        <p:txBody>
          <a:bodyPr vert="horz" lIns="91440" tIns="45720" rIns="91440" bIns="45720" rtlCol="0" anchor="ctr">
            <a:noAutofit/>
          </a:bodyPr>
          <a:lstStyle/>
          <a:p>
            <a:r>
              <a:rPr lang="en-GB"/>
              <a:t>Click to edit Master title style</a:t>
            </a:r>
            <a:endParaRPr lang="en-US"/>
          </a:p>
        </p:txBody>
      </p:sp>
      <p:sp>
        <p:nvSpPr>
          <p:cNvPr id="3" name="Text Placeholder 2">
            <a:extLst>
              <a:ext uri="{FF2B5EF4-FFF2-40B4-BE49-F238E27FC236}">
                <a16:creationId xmlns:a16="http://schemas.microsoft.com/office/drawing/2014/main" id="{007F7C63-32E6-9676-319E-C4F0F4E4A0DA}"/>
              </a:ext>
            </a:extLst>
          </p:cNvPr>
          <p:cNvSpPr>
            <a:spLocks noGrp="1"/>
          </p:cNvSpPr>
          <p:nvPr>
            <p:ph type="body" idx="1"/>
          </p:nvPr>
        </p:nvSpPr>
        <p:spPr>
          <a:xfrm>
            <a:off x="434716" y="1825625"/>
            <a:ext cx="11310298" cy="4351338"/>
          </a:xfrm>
          <a:prstGeom prst="rect">
            <a:avLst/>
          </a:prstGeom>
        </p:spPr>
        <p:txBody>
          <a:bodyPr vert="horz" lIns="91440" tIns="45720" rIns="91440" bIns="45720" rtlCol="0">
            <a:noAutofit/>
          </a:bodyPr>
          <a:lstStyle/>
          <a:p>
            <a:pPr lvl="0"/>
            <a:r>
              <a:rPr lang="en-GB"/>
              <a:t>Click to edit Master text styles</a:t>
            </a:r>
          </a:p>
          <a:p>
            <a:pPr lvl="1"/>
            <a:r>
              <a:rPr lang="en-GB"/>
              <a:t>Second level</a:t>
            </a:r>
          </a:p>
          <a:p>
            <a:pPr lvl="2"/>
            <a:r>
              <a:rPr lang="en-GB"/>
              <a:t>Third level</a:t>
            </a:r>
          </a:p>
        </p:txBody>
      </p:sp>
      <p:sp>
        <p:nvSpPr>
          <p:cNvPr id="4" name="Slide Number Placeholder 3">
            <a:extLst>
              <a:ext uri="{FF2B5EF4-FFF2-40B4-BE49-F238E27FC236}">
                <a16:creationId xmlns:a16="http://schemas.microsoft.com/office/drawing/2014/main" id="{EFEA2BBA-19D5-1A6C-221D-B22C306255AB}"/>
              </a:ext>
            </a:extLst>
          </p:cNvPr>
          <p:cNvSpPr>
            <a:spLocks noGrp="1"/>
          </p:cNvSpPr>
          <p:nvPr>
            <p:ph type="sldNum" sz="quarter" idx="4"/>
          </p:nvPr>
        </p:nvSpPr>
        <p:spPr>
          <a:xfrm>
            <a:off x="8779671" y="6195576"/>
            <a:ext cx="2743200" cy="365125"/>
          </a:xfrm>
          <a:prstGeom prst="rect">
            <a:avLst/>
          </a:prstGeom>
        </p:spPr>
        <p:txBody>
          <a:bodyPr vert="horz" lIns="91440" tIns="45720" rIns="91440" bIns="45720" rtlCol="0" anchor="ctr"/>
          <a:lstStyle>
            <a:lvl1pPr algn="r">
              <a:defRPr sz="120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defRPr>
            </a:lvl1pPr>
          </a:lstStyle>
          <a:p>
            <a:fld id="{3FE8A0A5-0893-3B4E-9EB9-FE67329D76D6}" type="slidenum">
              <a:rPr lang="en-US" smtClean="0"/>
              <a:pPr/>
              <a:t>‹#›</a:t>
            </a:fld>
            <a:endParaRPr lang="en-US"/>
          </a:p>
        </p:txBody>
      </p:sp>
      <p:pic>
        <p:nvPicPr>
          <p:cNvPr id="6" name="Graphic 5">
            <a:extLst>
              <a:ext uri="{FF2B5EF4-FFF2-40B4-BE49-F238E27FC236}">
                <a16:creationId xmlns:a16="http://schemas.microsoft.com/office/drawing/2014/main" id="{7615E28E-D644-C73A-3025-035A92F7C50E}"/>
              </a:ext>
            </a:extLst>
          </p:cNvPr>
          <p:cNvPicPr>
            <a:picLocks noChangeAspect="1"/>
          </p:cNvPicPr>
          <p:nvPr userDrawn="1"/>
        </p:nvPicPr>
        <p:blipFill>
          <a:blip>
            <a:extLst>
              <a:ext uri="{96DAC541-7B7A-43D3-8B79-37D633B846F1}">
                <asvg:svgBlip xmlns:asvg="http://schemas.microsoft.com/office/drawing/2016/SVG/main" r:embed="rId13"/>
              </a:ext>
            </a:extLst>
          </a:blip>
          <a:stretch>
            <a:fillRect/>
          </a:stretch>
        </p:blipFill>
        <p:spPr>
          <a:xfrm>
            <a:off x="11522871" y="6220290"/>
            <a:ext cx="331481" cy="315696"/>
          </a:xfrm>
          <a:prstGeom prst="rect">
            <a:avLst/>
          </a:prstGeom>
        </p:spPr>
      </p:pic>
    </p:spTree>
    <p:extLst>
      <p:ext uri="{BB962C8B-B14F-4D97-AF65-F5344CB8AC3E}">
        <p14:creationId xmlns:p14="http://schemas.microsoft.com/office/powerpoint/2010/main" val="2859247836"/>
      </p:ext>
    </p:extLst>
  </p:cSld>
  <p:clrMap bg1="lt1" tx1="dk1" bg2="lt2" tx2="dk2" accent1="accent1" accent2="accent2" accent3="accent3" accent4="accent4" accent5="accent5" accent6="accent6" hlink="hlink" folHlink="folHlink"/>
  <p:sldLayoutIdLst>
    <p:sldLayoutId id="2147483649" r:id="rId1"/>
    <p:sldLayoutId id="2147483674" r:id="rId2"/>
    <p:sldLayoutId id="2147483667" r:id="rId3"/>
    <p:sldLayoutId id="2147483673" r:id="rId4"/>
    <p:sldLayoutId id="2147483659" r:id="rId5"/>
    <p:sldLayoutId id="2147483651" r:id="rId6"/>
    <p:sldLayoutId id="2147483669" r:id="rId7"/>
    <p:sldLayoutId id="2147483657" r:id="rId8"/>
    <p:sldLayoutId id="2147483666" r:id="rId9"/>
    <p:sldLayoutId id="2147483675" r:id="rId10"/>
    <p:sldLayoutId id="2147483676"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vl2pPr marL="468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720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9.xml"/><Relationship Id="rId1" Type="http://schemas.openxmlformats.org/officeDocument/2006/relationships/customXml" Target="../../customXml/item8.xml"/><Relationship Id="rId5" Type="http://schemas.openxmlformats.org/officeDocument/2006/relationships/image" Target="../media/image6.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xml"/><Relationship Id="rId1" Type="http://schemas.openxmlformats.org/officeDocument/2006/relationships/customXml" Target="../../customXml/item14.xml"/><Relationship Id="rId4" Type="http://schemas.openxmlformats.org/officeDocument/2006/relationships/notesSlide" Target="../notesSlides/notesSlide6.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1.xml"/><Relationship Id="rId2" Type="http://schemas.openxmlformats.org/officeDocument/2006/relationships/customXml" Target="../../customXml/item17.xml"/><Relationship Id="rId1" Type="http://schemas.openxmlformats.org/officeDocument/2006/relationships/customXml" Target="../../customXml/item16.xml"/><Relationship Id="rId4" Type="http://schemas.openxmlformats.org/officeDocument/2006/relationships/notesSlide" Target="../notesSlides/notesSlide7.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9.xml"/><Relationship Id="rId1" Type="http://schemas.openxmlformats.org/officeDocument/2006/relationships/customXml" Target="../../customXml/item18.xml"/><Relationship Id="rId4" Type="http://schemas.openxmlformats.org/officeDocument/2006/relationships/notesSlide" Target="../notesSlides/notesSlide10.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21.xml"/><Relationship Id="rId1" Type="http://schemas.openxmlformats.org/officeDocument/2006/relationships/customXml" Target="../../customXml/item20.xml"/><Relationship Id="rId5" Type="http://schemas.openxmlformats.org/officeDocument/2006/relationships/image" Target="../media/image7.svg"/><Relationship Id="rId4" Type="http://schemas.openxmlformats.org/officeDocument/2006/relationships/notesSlide" Target="../notesSlides/notesSlide11.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23.xml"/><Relationship Id="rId1" Type="http://schemas.openxmlformats.org/officeDocument/2006/relationships/customXml" Target="../../customXml/item22.xml"/><Relationship Id="rId4" Type="http://schemas.openxmlformats.org/officeDocument/2006/relationships/notesSlide" Target="../notesSlides/notesSlide1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4.xml"/><Relationship Id="rId1" Type="http://schemas.openxmlformats.org/officeDocument/2006/relationships/slideLayout" Target="../slideLayouts/slideLayout10.xml"/><Relationship Id="rId4" Type="http://schemas.openxmlformats.org/officeDocument/2006/relationships/chart" Target="../charts/chart2.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11.xml"/><Relationship Id="rId1" Type="http://schemas.openxmlformats.org/officeDocument/2006/relationships/customXml" Target="../../customXml/item10.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25.xml"/><Relationship Id="rId1" Type="http://schemas.openxmlformats.org/officeDocument/2006/relationships/customXml" Target="../../customXml/item24.xml"/><Relationship Id="rId4" Type="http://schemas.openxmlformats.org/officeDocument/2006/relationships/image" Target="../media/image6.png"/></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27.xml"/><Relationship Id="rId1" Type="http://schemas.openxmlformats.org/officeDocument/2006/relationships/customXml" Target="../../customXml/item2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0.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29.xml"/><Relationship Id="rId1" Type="http://schemas.openxmlformats.org/officeDocument/2006/relationships/customXml" Target="../../customXml/item28.xml"/><Relationship Id="rId4" Type="http://schemas.microsoft.com/office/2018/10/relationships/comments" Target="../comments/modernComment_1E6_F390B7CF.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31.xml"/><Relationship Id="rId1" Type="http://schemas.openxmlformats.org/officeDocument/2006/relationships/customXml" Target="../../customXml/item30.xml"/><Relationship Id="rId5" Type="http://schemas.openxmlformats.org/officeDocument/2006/relationships/image" Target="../media/image6.png"/><Relationship Id="rId4" Type="http://schemas.openxmlformats.org/officeDocument/2006/relationships/notesSlide" Target="../notesSlides/notesSlide16.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3.xml"/><Relationship Id="rId1" Type="http://schemas.openxmlformats.org/officeDocument/2006/relationships/customXml" Target="../../customXml/item32.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5.xml"/><Relationship Id="rId1" Type="http://schemas.openxmlformats.org/officeDocument/2006/relationships/customXml" Target="../../customXml/item34.xml"/><Relationship Id="rId4" Type="http://schemas.microsoft.com/office/2018/10/relationships/comments" Target="../comments/modernComment_18E_C580BCF4.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7.xml"/><Relationship Id="rId1" Type="http://schemas.openxmlformats.org/officeDocument/2006/relationships/customXml" Target="../../customXml/item36.xml"/><Relationship Id="rId4" Type="http://schemas.openxmlformats.org/officeDocument/2006/relationships/notesSlide" Target="../notesSlides/notesSlide17.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9.xml"/><Relationship Id="rId1" Type="http://schemas.openxmlformats.org/officeDocument/2006/relationships/customXml" Target="../../customXml/item38.xml"/><Relationship Id="rId4" Type="http://schemas.microsoft.com/office/2018/10/relationships/comments" Target="../comments/modernComment_1EF_127EBCD4.xml"/></Relationships>
</file>

<file path=ppt/slides/_rels/slide2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41.xml"/><Relationship Id="rId1" Type="http://schemas.openxmlformats.org/officeDocument/2006/relationships/customXml" Target="../../customXml/item40.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0.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43.xml"/><Relationship Id="rId1" Type="http://schemas.openxmlformats.org/officeDocument/2006/relationships/customXml" Target="../../customXml/item42.xml"/><Relationship Id="rId4" Type="http://schemas.openxmlformats.org/officeDocument/2006/relationships/image" Target="../media/image6.png"/></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45.xml"/><Relationship Id="rId1" Type="http://schemas.openxmlformats.org/officeDocument/2006/relationships/customXml" Target="../../customXml/item44.xml"/></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47.xml"/><Relationship Id="rId1" Type="http://schemas.openxmlformats.org/officeDocument/2006/relationships/customXml" Target="../../customXml/item46.xml"/><Relationship Id="rId4" Type="http://schemas.openxmlformats.org/officeDocument/2006/relationships/notesSlide" Target="../notesSlides/notesSlide18.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49.xml"/><Relationship Id="rId1" Type="http://schemas.openxmlformats.org/officeDocument/2006/relationships/customXml" Target="../../customXml/item48.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0.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1.xml"/><Relationship Id="rId1" Type="http://schemas.openxmlformats.org/officeDocument/2006/relationships/customXml" Target="../../customXml/item50.xml"/><Relationship Id="rId4" Type="http://schemas.openxmlformats.org/officeDocument/2006/relationships/notesSlide" Target="../notesSlides/notesSlide20.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3.xml"/><Relationship Id="rId1" Type="http://schemas.openxmlformats.org/officeDocument/2006/relationships/customXml" Target="../../customXml/item5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0.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0.xml"/></Relationships>
</file>

<file path=ppt/slides/_rels/slide4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24.xml"/><Relationship Id="rId1" Type="http://schemas.openxmlformats.org/officeDocument/2006/relationships/slideLayout" Target="../slideLayouts/slideLayout10.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0.xml"/></Relationships>
</file>

<file path=ppt/slides/_rels/slide42.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Layout" Target="../slideLayouts/slideLayout10.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6.xml"/></Relationships>
</file>

<file path=ppt/slides/_rels/slide44.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55.xml"/><Relationship Id="rId1" Type="http://schemas.openxmlformats.org/officeDocument/2006/relationships/customXml" Target="../../customXml/item54.xml"/></Relationships>
</file>

<file path=ppt/slides/_rels/slide45.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7.xml"/><Relationship Id="rId1" Type="http://schemas.openxmlformats.org/officeDocument/2006/relationships/customXml" Target="../../customXml/item56.xml"/><Relationship Id="rId4"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8.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3.xml"/><Relationship Id="rId1" Type="http://schemas.openxmlformats.org/officeDocument/2006/relationships/customXml" Target="../../customXml/item12.xml"/><Relationship Id="rId4"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D68DE1-A917-870D-756A-F572E12B2CF5}"/>
            </a:ext>
          </a:extLst>
        </p:cNvPr>
        <p:cNvGrpSpPr/>
        <p:nvPr/>
      </p:nvGrpSpPr>
      <p:grpSpPr>
        <a:xfrm>
          <a:off x="0" y="0"/>
          <a:ext cx="0" cy="0"/>
          <a:chOff x="0" y="0"/>
          <a:chExt cx="0" cy="0"/>
        </a:xfrm>
      </p:grpSpPr>
      <p:pic>
        <p:nvPicPr>
          <p:cNvPr id="7" name="Picture 6">
            <a:extLst>
              <a:ext uri="{FF2B5EF4-FFF2-40B4-BE49-F238E27FC236}">
                <a16:creationId xmlns:a16="http://schemas.microsoft.com/office/drawing/2014/main" id="{7C1E6E13-469C-6288-10E8-8E955D154774}"/>
              </a:ext>
            </a:extLst>
          </p:cNvPr>
          <p:cNvPicPr>
            <a:picLocks noChangeAspect="1"/>
          </p:cNvPicPr>
          <p:nvPr/>
        </p:nvPicPr>
        <p:blipFill>
          <a:blip r:embed="rId5"/>
          <a:srcRect/>
          <a:stretch/>
        </p:blipFill>
        <p:spPr>
          <a:xfrm>
            <a:off x="1" y="-140109"/>
            <a:ext cx="12690165" cy="7138218"/>
          </a:xfrm>
          <a:prstGeom prst="rect">
            <a:avLst/>
          </a:prstGeom>
        </p:spPr>
      </p:pic>
      <p:sp>
        <p:nvSpPr>
          <p:cNvPr id="8" name="Title 7">
            <a:extLst>
              <a:ext uri="{FF2B5EF4-FFF2-40B4-BE49-F238E27FC236}">
                <a16:creationId xmlns:a16="http://schemas.microsoft.com/office/drawing/2014/main" id="{8369D7B5-8C04-821E-4560-37165B0D3AE3}"/>
              </a:ext>
            </a:extLst>
          </p:cNvPr>
          <p:cNvSpPr>
            <a:spLocks noGrp="1"/>
          </p:cNvSpPr>
          <p:nvPr>
            <p:ph type="ctrTitle"/>
          </p:nvPr>
        </p:nvSpPr>
        <p:spPr>
          <a:xfrm>
            <a:off x="882087" y="2199758"/>
            <a:ext cx="6653032" cy="1574193"/>
          </a:xfrm>
        </p:spPr>
        <p:txBody>
          <a:bodyPr/>
          <a:lstStyle/>
          <a:p>
            <a:r>
              <a:rPr lang="en-US"/>
              <a:t>Review of the National Mental Health and Suicide Prevention Agreement</a:t>
            </a:r>
          </a:p>
        </p:txBody>
      </p:sp>
      <p:sp>
        <p:nvSpPr>
          <p:cNvPr id="9" name="Subtitle 8">
            <a:extLst>
              <a:ext uri="{FF2B5EF4-FFF2-40B4-BE49-F238E27FC236}">
                <a16:creationId xmlns:a16="http://schemas.microsoft.com/office/drawing/2014/main" id="{80799D10-030A-A48B-C13A-3E1383FDE194}"/>
              </a:ext>
            </a:extLst>
          </p:cNvPr>
          <p:cNvSpPr>
            <a:spLocks noGrp="1"/>
          </p:cNvSpPr>
          <p:nvPr>
            <p:ph type="subTitle" idx="1"/>
          </p:nvPr>
        </p:nvSpPr>
        <p:spPr/>
        <p:txBody>
          <a:bodyPr/>
          <a:lstStyle/>
          <a:p>
            <a:endParaRPr lang="en-US"/>
          </a:p>
        </p:txBody>
      </p:sp>
      <p:sp>
        <p:nvSpPr>
          <p:cNvPr id="10" name="Text Placeholder 9">
            <a:extLst>
              <a:ext uri="{FF2B5EF4-FFF2-40B4-BE49-F238E27FC236}">
                <a16:creationId xmlns:a16="http://schemas.microsoft.com/office/drawing/2014/main" id="{A9562D76-3EAE-1C26-B56B-FD565A54E243}"/>
              </a:ext>
            </a:extLst>
          </p:cNvPr>
          <p:cNvSpPr>
            <a:spLocks noGrp="1"/>
          </p:cNvSpPr>
          <p:nvPr>
            <p:ph type="body" sz="quarter" idx="10"/>
          </p:nvPr>
        </p:nvSpPr>
        <p:spPr>
          <a:xfrm>
            <a:off x="882087" y="4772748"/>
            <a:ext cx="4986278" cy="516174"/>
          </a:xfrm>
        </p:spPr>
        <p:txBody>
          <a:bodyPr/>
          <a:lstStyle/>
          <a:p>
            <a:r>
              <a:rPr lang="en-US" b="1" dirty="0"/>
              <a:t>Selwyn Button</a:t>
            </a:r>
            <a:r>
              <a:rPr lang="en-US" dirty="0"/>
              <a:t>, Commissioner</a:t>
            </a:r>
          </a:p>
        </p:txBody>
      </p:sp>
    </p:spTree>
    <p:custDataLst>
      <p:custData r:id="rId1"/>
      <p:custData r:id="rId2"/>
    </p:custDataLst>
    <p:extLst>
      <p:ext uri="{BB962C8B-B14F-4D97-AF65-F5344CB8AC3E}">
        <p14:creationId xmlns:p14="http://schemas.microsoft.com/office/powerpoint/2010/main" val="38168628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73B37E-930E-16DA-0FB4-59B30C92C01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905E831-C6C1-9D18-212C-7D4D3B1EDC8D}"/>
              </a:ext>
            </a:extLst>
          </p:cNvPr>
          <p:cNvSpPr>
            <a:spLocks noGrp="1"/>
          </p:cNvSpPr>
          <p:nvPr>
            <p:ph type="ctrTitle"/>
          </p:nvPr>
        </p:nvSpPr>
        <p:spPr/>
        <p:txBody>
          <a:bodyPr>
            <a:normAutofit fontScale="90000"/>
          </a:bodyPr>
          <a:lstStyle/>
          <a:p>
            <a:r>
              <a:rPr lang="en-US"/>
              <a:t>The National Mental Health and Suicide Prevention Agreement</a:t>
            </a:r>
          </a:p>
        </p:txBody>
      </p:sp>
      <p:grpSp>
        <p:nvGrpSpPr>
          <p:cNvPr id="7" name="Group 6">
            <a:extLst>
              <a:ext uri="{FF2B5EF4-FFF2-40B4-BE49-F238E27FC236}">
                <a16:creationId xmlns:a16="http://schemas.microsoft.com/office/drawing/2014/main" id="{366F1D71-9743-E7EF-05A3-38EC3E992758}"/>
              </a:ext>
            </a:extLst>
          </p:cNvPr>
          <p:cNvGrpSpPr/>
          <p:nvPr/>
        </p:nvGrpSpPr>
        <p:grpSpPr>
          <a:xfrm>
            <a:off x="10855101" y="477244"/>
            <a:ext cx="660223" cy="633883"/>
            <a:chOff x="2108168" y="2892774"/>
            <a:chExt cx="400240" cy="400050"/>
          </a:xfrm>
        </p:grpSpPr>
        <p:sp>
          <p:nvSpPr>
            <p:cNvPr id="8" name="Graphic 142">
              <a:extLst>
                <a:ext uri="{FF2B5EF4-FFF2-40B4-BE49-F238E27FC236}">
                  <a16:creationId xmlns:a16="http://schemas.microsoft.com/office/drawing/2014/main" id="{AC552F7F-687E-4B3B-20DA-814B6D6BE029}"/>
                </a:ext>
              </a:extLst>
            </p:cNvPr>
            <p:cNvSpPr/>
            <p:nvPr/>
          </p:nvSpPr>
          <p:spPr>
            <a:xfrm>
              <a:off x="2121503" y="2902299"/>
              <a:ext cx="275462" cy="377761"/>
            </a:xfrm>
            <a:custGeom>
              <a:avLst/>
              <a:gdLst>
                <a:gd name="connsiteX0" fmla="*/ 0 w 275462"/>
                <a:gd name="connsiteY0" fmla="*/ 0 h 377761"/>
                <a:gd name="connsiteX1" fmla="*/ 275463 w 275462"/>
                <a:gd name="connsiteY1" fmla="*/ 0 h 377761"/>
                <a:gd name="connsiteX2" fmla="*/ 275463 w 275462"/>
                <a:gd name="connsiteY2" fmla="*/ 377762 h 377761"/>
                <a:gd name="connsiteX3" fmla="*/ 0 w 275462"/>
                <a:gd name="connsiteY3" fmla="*/ 377762 h 377761"/>
              </a:gdLst>
              <a:ahLst/>
              <a:cxnLst>
                <a:cxn ang="0">
                  <a:pos x="connsiteX0" y="connsiteY0"/>
                </a:cxn>
                <a:cxn ang="0">
                  <a:pos x="connsiteX1" y="connsiteY1"/>
                </a:cxn>
                <a:cxn ang="0">
                  <a:pos x="connsiteX2" y="connsiteY2"/>
                </a:cxn>
                <a:cxn ang="0">
                  <a:pos x="connsiteX3" y="connsiteY3"/>
                </a:cxn>
              </a:cxnLst>
              <a:rect l="l" t="t" r="r" b="b"/>
              <a:pathLst>
                <a:path w="275462" h="377761">
                  <a:moveTo>
                    <a:pt x="0" y="0"/>
                  </a:moveTo>
                  <a:lnTo>
                    <a:pt x="275463" y="0"/>
                  </a:lnTo>
                  <a:lnTo>
                    <a:pt x="275463" y="377762"/>
                  </a:lnTo>
                  <a:lnTo>
                    <a:pt x="0" y="377762"/>
                  </a:lnTo>
                  <a:close/>
                </a:path>
              </a:pathLst>
            </a:custGeom>
            <a:solidFill>
              <a:srgbClr val="C7E4F1"/>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9" name="Graphic 142">
              <a:extLst>
                <a:ext uri="{FF2B5EF4-FFF2-40B4-BE49-F238E27FC236}">
                  <a16:creationId xmlns:a16="http://schemas.microsoft.com/office/drawing/2014/main" id="{7D20ED23-27A7-52FF-A50A-FBBDFDE186F4}"/>
                </a:ext>
              </a:extLst>
            </p:cNvPr>
            <p:cNvSpPr/>
            <p:nvPr/>
          </p:nvSpPr>
          <p:spPr>
            <a:xfrm>
              <a:off x="2173700" y="3176238"/>
              <a:ext cx="60579" cy="60579"/>
            </a:xfrm>
            <a:custGeom>
              <a:avLst/>
              <a:gdLst>
                <a:gd name="connsiteX0" fmla="*/ 60579 w 60579"/>
                <a:gd name="connsiteY0" fmla="*/ 30194 h 60579"/>
                <a:gd name="connsiteX1" fmla="*/ 30385 w 60579"/>
                <a:gd name="connsiteY1" fmla="*/ 60579 h 60579"/>
                <a:gd name="connsiteX2" fmla="*/ 0 w 60579"/>
                <a:gd name="connsiteY2" fmla="*/ 30385 h 60579"/>
                <a:gd name="connsiteX3" fmla="*/ 30194 w 60579"/>
                <a:gd name="connsiteY3" fmla="*/ 0 h 60579"/>
                <a:gd name="connsiteX4" fmla="*/ 30385 w 60579"/>
                <a:gd name="connsiteY4" fmla="*/ 0 h 60579"/>
                <a:gd name="connsiteX5" fmla="*/ 60579 w 60579"/>
                <a:gd name="connsiteY5" fmla="*/ 30194 h 605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579" h="60579">
                  <a:moveTo>
                    <a:pt x="60579" y="30194"/>
                  </a:moveTo>
                  <a:cubicBezTo>
                    <a:pt x="60636" y="46920"/>
                    <a:pt x="47111" y="60522"/>
                    <a:pt x="30385" y="60579"/>
                  </a:cubicBezTo>
                  <a:cubicBezTo>
                    <a:pt x="13659" y="60627"/>
                    <a:pt x="57" y="47111"/>
                    <a:pt x="0" y="30385"/>
                  </a:cubicBezTo>
                  <a:cubicBezTo>
                    <a:pt x="-48" y="13659"/>
                    <a:pt x="13468" y="57"/>
                    <a:pt x="30194" y="0"/>
                  </a:cubicBezTo>
                  <a:cubicBezTo>
                    <a:pt x="30261" y="0"/>
                    <a:pt x="30318" y="0"/>
                    <a:pt x="30385" y="0"/>
                  </a:cubicBezTo>
                  <a:cubicBezTo>
                    <a:pt x="47063" y="0"/>
                    <a:pt x="60579" y="13516"/>
                    <a:pt x="60579" y="30194"/>
                  </a:cubicBez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0" name="Graphic 142">
              <a:extLst>
                <a:ext uri="{FF2B5EF4-FFF2-40B4-BE49-F238E27FC236}">
                  <a16:creationId xmlns:a16="http://schemas.microsoft.com/office/drawing/2014/main" id="{28FB7957-9774-8E2A-C29F-A15DCAF264D5}"/>
                </a:ext>
              </a:extLst>
            </p:cNvPr>
            <p:cNvSpPr/>
            <p:nvPr/>
          </p:nvSpPr>
          <p:spPr>
            <a:xfrm>
              <a:off x="2448306" y="2943066"/>
              <a:ext cx="53530" cy="256603"/>
            </a:xfrm>
            <a:custGeom>
              <a:avLst/>
              <a:gdLst>
                <a:gd name="connsiteX0" fmla="*/ 0 w 53530"/>
                <a:gd name="connsiteY0" fmla="*/ 0 h 256603"/>
                <a:gd name="connsiteX1" fmla="*/ 53530 w 53530"/>
                <a:gd name="connsiteY1" fmla="*/ 0 h 256603"/>
                <a:gd name="connsiteX2" fmla="*/ 53530 w 53530"/>
                <a:gd name="connsiteY2" fmla="*/ 256603 h 256603"/>
                <a:gd name="connsiteX3" fmla="*/ 0 w 53530"/>
                <a:gd name="connsiteY3" fmla="*/ 256603 h 256603"/>
              </a:gdLst>
              <a:ahLst/>
              <a:cxnLst>
                <a:cxn ang="0">
                  <a:pos x="connsiteX0" y="connsiteY0"/>
                </a:cxn>
                <a:cxn ang="0">
                  <a:pos x="connsiteX1" y="connsiteY1"/>
                </a:cxn>
                <a:cxn ang="0">
                  <a:pos x="connsiteX2" y="connsiteY2"/>
                </a:cxn>
                <a:cxn ang="0">
                  <a:pos x="connsiteX3" y="connsiteY3"/>
                </a:cxn>
              </a:cxnLst>
              <a:rect l="l" t="t" r="r" b="b"/>
              <a:pathLst>
                <a:path w="53530" h="256603">
                  <a:moveTo>
                    <a:pt x="0" y="0"/>
                  </a:moveTo>
                  <a:lnTo>
                    <a:pt x="53530" y="0"/>
                  </a:lnTo>
                  <a:lnTo>
                    <a:pt x="53530" y="256603"/>
                  </a:lnTo>
                  <a:lnTo>
                    <a:pt x="0" y="256603"/>
                  </a:lnTo>
                  <a:close/>
                </a:path>
              </a:pathLst>
            </a:custGeom>
            <a:solidFill>
              <a:srgbClr val="66B9DA"/>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1" name="Graphic 142">
              <a:extLst>
                <a:ext uri="{FF2B5EF4-FFF2-40B4-BE49-F238E27FC236}">
                  <a16:creationId xmlns:a16="http://schemas.microsoft.com/office/drawing/2014/main" id="{3314A6BA-AF76-BD9A-9E92-8ED762C2B477}"/>
                </a:ext>
              </a:extLst>
            </p:cNvPr>
            <p:cNvSpPr/>
            <p:nvPr/>
          </p:nvSpPr>
          <p:spPr>
            <a:xfrm>
              <a:off x="2175033" y="3003645"/>
              <a:ext cx="164972" cy="17907"/>
            </a:xfrm>
            <a:custGeom>
              <a:avLst/>
              <a:gdLst>
                <a:gd name="connsiteX0" fmla="*/ 8953 w 164972"/>
                <a:gd name="connsiteY0" fmla="*/ 17907 h 17907"/>
                <a:gd name="connsiteX1" fmla="*/ 0 w 164972"/>
                <a:gd name="connsiteY1" fmla="*/ 8954 h 17907"/>
                <a:gd name="connsiteX2" fmla="*/ 8953 w 164972"/>
                <a:gd name="connsiteY2" fmla="*/ 0 h 17907"/>
                <a:gd name="connsiteX3" fmla="*/ 156019 w 164972"/>
                <a:gd name="connsiteY3" fmla="*/ 0 h 17907"/>
                <a:gd name="connsiteX4" fmla="*/ 164973 w 164972"/>
                <a:gd name="connsiteY4" fmla="*/ 8954 h 17907"/>
                <a:gd name="connsiteX5" fmla="*/ 156019 w 16497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2" h="17907">
                  <a:moveTo>
                    <a:pt x="8953" y="17907"/>
                  </a:moveTo>
                  <a:cubicBezTo>
                    <a:pt x="4010" y="17907"/>
                    <a:pt x="0" y="13897"/>
                    <a:pt x="0" y="8954"/>
                  </a:cubicBezTo>
                  <a:cubicBezTo>
                    <a:pt x="0" y="4010"/>
                    <a:pt x="4010" y="0"/>
                    <a:pt x="8953" y="0"/>
                  </a:cubicBezTo>
                  <a:lnTo>
                    <a:pt x="156019" y="0"/>
                  </a:lnTo>
                  <a:cubicBezTo>
                    <a:pt x="160963" y="0"/>
                    <a:pt x="164973" y="4010"/>
                    <a:pt x="164973" y="8954"/>
                  </a:cubicBezTo>
                  <a:cubicBezTo>
                    <a:pt x="164973" y="13897"/>
                    <a:pt x="160963" y="17907"/>
                    <a:pt x="156019" y="17907"/>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2" name="Graphic 142">
              <a:extLst>
                <a:ext uri="{FF2B5EF4-FFF2-40B4-BE49-F238E27FC236}">
                  <a16:creationId xmlns:a16="http://schemas.microsoft.com/office/drawing/2014/main" id="{E14DA24E-DC9B-2252-C260-C3487DFCAC5B}"/>
                </a:ext>
              </a:extLst>
            </p:cNvPr>
            <p:cNvSpPr/>
            <p:nvPr/>
          </p:nvSpPr>
          <p:spPr>
            <a:xfrm>
              <a:off x="2215963" y="2950114"/>
              <a:ext cx="82923" cy="18002"/>
            </a:xfrm>
            <a:custGeom>
              <a:avLst/>
              <a:gdLst>
                <a:gd name="connsiteX0" fmla="*/ 8124 w 82923"/>
                <a:gd name="connsiteY0" fmla="*/ 18002 h 18002"/>
                <a:gd name="connsiteX1" fmla="*/ 47 w 82923"/>
                <a:gd name="connsiteY1" fmla="*/ 8077 h 18002"/>
                <a:gd name="connsiteX2" fmla="*/ 8124 w 82923"/>
                <a:gd name="connsiteY2" fmla="*/ 0 h 18002"/>
                <a:gd name="connsiteX3" fmla="*/ 74799 w 82923"/>
                <a:gd name="connsiteY3" fmla="*/ 0 h 18002"/>
                <a:gd name="connsiteX4" fmla="*/ 82877 w 82923"/>
                <a:gd name="connsiteY4" fmla="*/ 9925 h 18002"/>
                <a:gd name="connsiteX5" fmla="*/ 74799 w 82923"/>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2923" h="18002">
                  <a:moveTo>
                    <a:pt x="8124" y="18002"/>
                  </a:moveTo>
                  <a:cubicBezTo>
                    <a:pt x="3152" y="17488"/>
                    <a:pt x="-458" y="13049"/>
                    <a:pt x="47" y="8077"/>
                  </a:cubicBezTo>
                  <a:cubicBezTo>
                    <a:pt x="485" y="3810"/>
                    <a:pt x="3857" y="438"/>
                    <a:pt x="8124" y="0"/>
                  </a:cubicBezTo>
                  <a:lnTo>
                    <a:pt x="74799" y="0"/>
                  </a:lnTo>
                  <a:cubicBezTo>
                    <a:pt x="79771" y="514"/>
                    <a:pt x="83381" y="4953"/>
                    <a:pt x="82877" y="9925"/>
                  </a:cubicBezTo>
                  <a:cubicBezTo>
                    <a:pt x="82438" y="14192"/>
                    <a:pt x="79067" y="17564"/>
                    <a:pt x="74799" y="18002"/>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3" name="Graphic 142">
              <a:extLst>
                <a:ext uri="{FF2B5EF4-FFF2-40B4-BE49-F238E27FC236}">
                  <a16:creationId xmlns:a16="http://schemas.microsoft.com/office/drawing/2014/main" id="{F5220297-A8FC-35BB-97C6-233AB3A1F63B}"/>
                </a:ext>
              </a:extLst>
            </p:cNvPr>
            <p:cNvSpPr/>
            <p:nvPr/>
          </p:nvSpPr>
          <p:spPr>
            <a:xfrm>
              <a:off x="2175862" y="3057031"/>
              <a:ext cx="165164" cy="18100"/>
            </a:xfrm>
            <a:custGeom>
              <a:avLst/>
              <a:gdLst>
                <a:gd name="connsiteX0" fmla="*/ 8124 w 165164"/>
                <a:gd name="connsiteY0" fmla="*/ 18051 h 18100"/>
                <a:gd name="connsiteX1" fmla="*/ 47 w 165164"/>
                <a:gd name="connsiteY1" fmla="*/ 8126 h 18100"/>
                <a:gd name="connsiteX2" fmla="*/ 8124 w 165164"/>
                <a:gd name="connsiteY2" fmla="*/ 49 h 18100"/>
                <a:gd name="connsiteX3" fmla="*/ 155190 w 165164"/>
                <a:gd name="connsiteY3" fmla="*/ 49 h 18100"/>
                <a:gd name="connsiteX4" fmla="*/ 165115 w 165164"/>
                <a:gd name="connsiteY4" fmla="*/ 8126 h 18100"/>
                <a:gd name="connsiteX5" fmla="*/ 157048 w 165164"/>
                <a:gd name="connsiteY5" fmla="*/ 18051 h 18100"/>
                <a:gd name="connsiteX6" fmla="*/ 155190 w 165164"/>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65164" h="18100">
                  <a:moveTo>
                    <a:pt x="8124" y="18051"/>
                  </a:moveTo>
                  <a:cubicBezTo>
                    <a:pt x="3152" y="17537"/>
                    <a:pt x="-458" y="13098"/>
                    <a:pt x="47" y="8126"/>
                  </a:cubicBezTo>
                  <a:cubicBezTo>
                    <a:pt x="485" y="3859"/>
                    <a:pt x="3857" y="487"/>
                    <a:pt x="8124" y="49"/>
                  </a:cubicBezTo>
                  <a:lnTo>
                    <a:pt x="155190" y="49"/>
                  </a:lnTo>
                  <a:cubicBezTo>
                    <a:pt x="160162" y="-466"/>
                    <a:pt x="164610" y="3154"/>
                    <a:pt x="165115" y="8126"/>
                  </a:cubicBezTo>
                  <a:cubicBezTo>
                    <a:pt x="165630" y="13098"/>
                    <a:pt x="162020" y="17537"/>
                    <a:pt x="157048" y="18051"/>
                  </a:cubicBezTo>
                  <a:cubicBezTo>
                    <a:pt x="156429" y="18118"/>
                    <a:pt x="155809" y="18118"/>
                    <a:pt x="155190" y="18051"/>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4" name="Graphic 142">
              <a:extLst>
                <a:ext uri="{FF2B5EF4-FFF2-40B4-BE49-F238E27FC236}">
                  <a16:creationId xmlns:a16="http://schemas.microsoft.com/office/drawing/2014/main" id="{F841878D-82A1-DCD2-836B-7EC73D2D4525}"/>
                </a:ext>
              </a:extLst>
            </p:cNvPr>
            <p:cNvSpPr/>
            <p:nvPr/>
          </p:nvSpPr>
          <p:spPr>
            <a:xfrm>
              <a:off x="2175033" y="3110611"/>
              <a:ext cx="164972" cy="17906"/>
            </a:xfrm>
            <a:custGeom>
              <a:avLst/>
              <a:gdLst>
                <a:gd name="connsiteX0" fmla="*/ 8953 w 164972"/>
                <a:gd name="connsiteY0" fmla="*/ 17907 h 17906"/>
                <a:gd name="connsiteX1" fmla="*/ 0 w 164972"/>
                <a:gd name="connsiteY1" fmla="*/ 8953 h 17906"/>
                <a:gd name="connsiteX2" fmla="*/ 8953 w 164972"/>
                <a:gd name="connsiteY2" fmla="*/ 0 h 17906"/>
                <a:gd name="connsiteX3" fmla="*/ 156019 w 164972"/>
                <a:gd name="connsiteY3" fmla="*/ 0 h 17906"/>
                <a:gd name="connsiteX4" fmla="*/ 164973 w 164972"/>
                <a:gd name="connsiteY4" fmla="*/ 8953 h 17906"/>
                <a:gd name="connsiteX5" fmla="*/ 156019 w 1649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2" h="17906">
                  <a:moveTo>
                    <a:pt x="8953" y="17907"/>
                  </a:moveTo>
                  <a:cubicBezTo>
                    <a:pt x="4010" y="17907"/>
                    <a:pt x="0" y="13897"/>
                    <a:pt x="0" y="8953"/>
                  </a:cubicBezTo>
                  <a:cubicBezTo>
                    <a:pt x="0" y="4010"/>
                    <a:pt x="4010" y="0"/>
                    <a:pt x="8953" y="0"/>
                  </a:cubicBezTo>
                  <a:lnTo>
                    <a:pt x="156019" y="0"/>
                  </a:lnTo>
                  <a:cubicBezTo>
                    <a:pt x="160963" y="0"/>
                    <a:pt x="164973" y="4010"/>
                    <a:pt x="164973" y="8953"/>
                  </a:cubicBezTo>
                  <a:cubicBezTo>
                    <a:pt x="164973" y="13897"/>
                    <a:pt x="160963" y="17907"/>
                    <a:pt x="156019" y="17907"/>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5" name="Graphic 142">
              <a:extLst>
                <a:ext uri="{FF2B5EF4-FFF2-40B4-BE49-F238E27FC236}">
                  <a16:creationId xmlns:a16="http://schemas.microsoft.com/office/drawing/2014/main" id="{E60D1083-AE85-384F-75CB-CB0F9E4F1433}"/>
                </a:ext>
              </a:extLst>
            </p:cNvPr>
            <p:cNvSpPr/>
            <p:nvPr/>
          </p:nvSpPr>
          <p:spPr>
            <a:xfrm>
              <a:off x="2108168" y="2892774"/>
              <a:ext cx="298704" cy="400050"/>
            </a:xfrm>
            <a:custGeom>
              <a:avLst/>
              <a:gdLst>
                <a:gd name="connsiteX0" fmla="*/ 22384 w 298704"/>
                <a:gd name="connsiteY0" fmla="*/ 400050 h 400050"/>
                <a:gd name="connsiteX1" fmla="*/ 0 w 298704"/>
                <a:gd name="connsiteY1" fmla="*/ 377762 h 400050"/>
                <a:gd name="connsiteX2" fmla="*/ 0 w 298704"/>
                <a:gd name="connsiteY2" fmla="*/ 22384 h 400050"/>
                <a:gd name="connsiteX3" fmla="*/ 22384 w 298704"/>
                <a:gd name="connsiteY3" fmla="*/ 0 h 400050"/>
                <a:gd name="connsiteX4" fmla="*/ 276416 w 298704"/>
                <a:gd name="connsiteY4" fmla="*/ 0 h 400050"/>
                <a:gd name="connsiteX5" fmla="*/ 298704 w 298704"/>
                <a:gd name="connsiteY5" fmla="*/ 22384 h 400050"/>
                <a:gd name="connsiteX6" fmla="*/ 298704 w 298704"/>
                <a:gd name="connsiteY6" fmla="*/ 377476 h 400050"/>
                <a:gd name="connsiteX7" fmla="*/ 276416 w 298704"/>
                <a:gd name="connsiteY7" fmla="*/ 399764 h 400050"/>
                <a:gd name="connsiteX8" fmla="*/ 22384 w 298704"/>
                <a:gd name="connsiteY8" fmla="*/ 18002 h 400050"/>
                <a:gd name="connsiteX9" fmla="*/ 17907 w 298704"/>
                <a:gd name="connsiteY9" fmla="*/ 22289 h 400050"/>
                <a:gd name="connsiteX10" fmla="*/ 17907 w 298704"/>
                <a:gd name="connsiteY10" fmla="*/ 22384 h 400050"/>
                <a:gd name="connsiteX11" fmla="*/ 17907 w 298704"/>
                <a:gd name="connsiteY11" fmla="*/ 377476 h 400050"/>
                <a:gd name="connsiteX12" fmla="*/ 22384 w 298704"/>
                <a:gd name="connsiteY12" fmla="*/ 381857 h 400050"/>
                <a:gd name="connsiteX13" fmla="*/ 276320 w 298704"/>
                <a:gd name="connsiteY13" fmla="*/ 381857 h 400050"/>
                <a:gd name="connsiteX14" fmla="*/ 280702 w 298704"/>
                <a:gd name="connsiteY14" fmla="*/ 377476 h 400050"/>
                <a:gd name="connsiteX15" fmla="*/ 280702 w 298704"/>
                <a:gd name="connsiteY15" fmla="*/ 22384 h 400050"/>
                <a:gd name="connsiteX16" fmla="*/ 279368 w 298704"/>
                <a:gd name="connsiteY16" fmla="*/ 19241 h 400050"/>
                <a:gd name="connsiteX17" fmla="*/ 276320 w 298704"/>
                <a:gd name="connsiteY17" fmla="*/ 18002 h 4000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98704" h="400050">
                  <a:moveTo>
                    <a:pt x="22384" y="400050"/>
                  </a:moveTo>
                  <a:cubicBezTo>
                    <a:pt x="10058" y="400050"/>
                    <a:pt x="48" y="390087"/>
                    <a:pt x="0" y="377762"/>
                  </a:cubicBezTo>
                  <a:lnTo>
                    <a:pt x="0" y="22384"/>
                  </a:lnTo>
                  <a:cubicBezTo>
                    <a:pt x="0" y="10020"/>
                    <a:pt x="10020" y="0"/>
                    <a:pt x="22384" y="0"/>
                  </a:cubicBezTo>
                  <a:lnTo>
                    <a:pt x="276416" y="0"/>
                  </a:lnTo>
                  <a:cubicBezTo>
                    <a:pt x="288741" y="57"/>
                    <a:pt x="298704" y="10058"/>
                    <a:pt x="298704" y="22384"/>
                  </a:cubicBezTo>
                  <a:lnTo>
                    <a:pt x="298704" y="377476"/>
                  </a:lnTo>
                  <a:cubicBezTo>
                    <a:pt x="298704" y="389782"/>
                    <a:pt x="288722" y="399764"/>
                    <a:pt x="276416" y="399764"/>
                  </a:cubicBezTo>
                  <a:close/>
                  <a:moveTo>
                    <a:pt x="22384" y="18002"/>
                  </a:moveTo>
                  <a:cubicBezTo>
                    <a:pt x="19964" y="17945"/>
                    <a:pt x="17964" y="19869"/>
                    <a:pt x="17907" y="22289"/>
                  </a:cubicBezTo>
                  <a:cubicBezTo>
                    <a:pt x="17907" y="22317"/>
                    <a:pt x="17907" y="22355"/>
                    <a:pt x="17907" y="22384"/>
                  </a:cubicBezTo>
                  <a:lnTo>
                    <a:pt x="17907" y="377476"/>
                  </a:lnTo>
                  <a:cubicBezTo>
                    <a:pt x="17955" y="379914"/>
                    <a:pt x="19945" y="381857"/>
                    <a:pt x="22384" y="381857"/>
                  </a:cubicBezTo>
                  <a:lnTo>
                    <a:pt x="276320" y="381857"/>
                  </a:lnTo>
                  <a:cubicBezTo>
                    <a:pt x="278740" y="381857"/>
                    <a:pt x="280702" y="379895"/>
                    <a:pt x="280702" y="377476"/>
                  </a:cubicBezTo>
                  <a:lnTo>
                    <a:pt x="280702" y="22384"/>
                  </a:lnTo>
                  <a:cubicBezTo>
                    <a:pt x="280692" y="21203"/>
                    <a:pt x="280206" y="20069"/>
                    <a:pt x="279368" y="19241"/>
                  </a:cubicBezTo>
                  <a:cubicBezTo>
                    <a:pt x="278549" y="18450"/>
                    <a:pt x="277463" y="18002"/>
                    <a:pt x="276320" y="18002"/>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6" name="Graphic 142">
              <a:extLst>
                <a:ext uri="{FF2B5EF4-FFF2-40B4-BE49-F238E27FC236}">
                  <a16:creationId xmlns:a16="http://schemas.microsoft.com/office/drawing/2014/main" id="{7ECC45D6-C664-6266-FC45-14156DE3878B}"/>
                </a:ext>
              </a:extLst>
            </p:cNvPr>
            <p:cNvSpPr/>
            <p:nvPr/>
          </p:nvSpPr>
          <p:spPr>
            <a:xfrm>
              <a:off x="2436304" y="2892774"/>
              <a:ext cx="72104" cy="400050"/>
            </a:xfrm>
            <a:custGeom>
              <a:avLst/>
              <a:gdLst>
                <a:gd name="connsiteX0" fmla="*/ 36195 w 72104"/>
                <a:gd name="connsiteY0" fmla="*/ 400050 h 400050"/>
                <a:gd name="connsiteX1" fmla="*/ 26670 w 72104"/>
                <a:gd name="connsiteY1" fmla="*/ 391096 h 400050"/>
                <a:gd name="connsiteX2" fmla="*/ 26670 w 72104"/>
                <a:gd name="connsiteY2" fmla="*/ 364331 h 400050"/>
                <a:gd name="connsiteX3" fmla="*/ 22288 w 72104"/>
                <a:gd name="connsiteY3" fmla="*/ 359950 h 400050"/>
                <a:gd name="connsiteX4" fmla="*/ 13335 w 72104"/>
                <a:gd name="connsiteY4" fmla="*/ 350996 h 400050"/>
                <a:gd name="connsiteX5" fmla="*/ 13335 w 72104"/>
                <a:gd name="connsiteY5" fmla="*/ 324231 h 400050"/>
                <a:gd name="connsiteX6" fmla="*/ 8954 w 72104"/>
                <a:gd name="connsiteY6" fmla="*/ 319850 h 400050"/>
                <a:gd name="connsiteX7" fmla="*/ 0 w 72104"/>
                <a:gd name="connsiteY7" fmla="*/ 310896 h 400050"/>
                <a:gd name="connsiteX8" fmla="*/ 0 w 72104"/>
                <a:gd name="connsiteY8" fmla="*/ 49149 h 400050"/>
                <a:gd name="connsiteX9" fmla="*/ 8954 w 72104"/>
                <a:gd name="connsiteY9" fmla="*/ 40100 h 400050"/>
                <a:gd name="connsiteX10" fmla="*/ 13335 w 72104"/>
                <a:gd name="connsiteY10" fmla="*/ 35719 h 400050"/>
                <a:gd name="connsiteX11" fmla="*/ 13335 w 72104"/>
                <a:gd name="connsiteY11" fmla="*/ 9049 h 400050"/>
                <a:gd name="connsiteX12" fmla="*/ 22288 w 72104"/>
                <a:gd name="connsiteY12" fmla="*/ 0 h 400050"/>
                <a:gd name="connsiteX13" fmla="*/ 49721 w 72104"/>
                <a:gd name="connsiteY13" fmla="*/ 0 h 400050"/>
                <a:gd name="connsiteX14" fmla="*/ 58674 w 72104"/>
                <a:gd name="connsiteY14" fmla="*/ 9049 h 400050"/>
                <a:gd name="connsiteX15" fmla="*/ 58674 w 72104"/>
                <a:gd name="connsiteY15" fmla="*/ 35719 h 400050"/>
                <a:gd name="connsiteX16" fmla="*/ 63055 w 72104"/>
                <a:gd name="connsiteY16" fmla="*/ 40100 h 400050"/>
                <a:gd name="connsiteX17" fmla="*/ 63151 w 72104"/>
                <a:gd name="connsiteY17" fmla="*/ 40100 h 400050"/>
                <a:gd name="connsiteX18" fmla="*/ 72104 w 72104"/>
                <a:gd name="connsiteY18" fmla="*/ 49149 h 400050"/>
                <a:gd name="connsiteX19" fmla="*/ 72104 w 72104"/>
                <a:gd name="connsiteY19" fmla="*/ 310801 h 400050"/>
                <a:gd name="connsiteX20" fmla="*/ 63151 w 72104"/>
                <a:gd name="connsiteY20" fmla="*/ 319754 h 400050"/>
                <a:gd name="connsiteX21" fmla="*/ 58674 w 72104"/>
                <a:gd name="connsiteY21" fmla="*/ 324136 h 400050"/>
                <a:gd name="connsiteX22" fmla="*/ 58674 w 72104"/>
                <a:gd name="connsiteY22" fmla="*/ 350901 h 400050"/>
                <a:gd name="connsiteX23" fmla="*/ 49721 w 72104"/>
                <a:gd name="connsiteY23" fmla="*/ 359855 h 400050"/>
                <a:gd name="connsiteX24" fmla="*/ 45339 w 72104"/>
                <a:gd name="connsiteY24" fmla="*/ 364236 h 400050"/>
                <a:gd name="connsiteX25" fmla="*/ 45339 w 72104"/>
                <a:gd name="connsiteY25" fmla="*/ 391001 h 400050"/>
                <a:gd name="connsiteX26" fmla="*/ 36481 w 72104"/>
                <a:gd name="connsiteY26" fmla="*/ 400050 h 400050"/>
                <a:gd name="connsiteX27" fmla="*/ 36195 w 72104"/>
                <a:gd name="connsiteY27" fmla="*/ 400050 h 400050"/>
                <a:gd name="connsiteX28" fmla="*/ 22765 w 72104"/>
                <a:gd name="connsiteY28" fmla="*/ 58103 h 400050"/>
                <a:gd name="connsiteX29" fmla="*/ 18383 w 72104"/>
                <a:gd name="connsiteY29" fmla="*/ 62484 h 400050"/>
                <a:gd name="connsiteX30" fmla="*/ 18383 w 72104"/>
                <a:gd name="connsiteY30" fmla="*/ 297466 h 400050"/>
                <a:gd name="connsiteX31" fmla="*/ 22765 w 72104"/>
                <a:gd name="connsiteY31" fmla="*/ 301847 h 400050"/>
                <a:gd name="connsiteX32" fmla="*/ 49721 w 72104"/>
                <a:gd name="connsiteY32" fmla="*/ 301847 h 400050"/>
                <a:gd name="connsiteX33" fmla="*/ 54102 w 72104"/>
                <a:gd name="connsiteY33" fmla="*/ 297656 h 400050"/>
                <a:gd name="connsiteX34" fmla="*/ 54102 w 72104"/>
                <a:gd name="connsiteY34" fmla="*/ 297466 h 400050"/>
                <a:gd name="connsiteX35" fmla="*/ 54102 w 72104"/>
                <a:gd name="connsiteY35" fmla="*/ 62484 h 400050"/>
                <a:gd name="connsiteX36" fmla="*/ 49721 w 72104"/>
                <a:gd name="connsiteY36" fmla="*/ 58103 h 4000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72104" h="400050">
                  <a:moveTo>
                    <a:pt x="36195" y="400050"/>
                  </a:moveTo>
                  <a:cubicBezTo>
                    <a:pt x="31147" y="400060"/>
                    <a:pt x="26975" y="396135"/>
                    <a:pt x="26670" y="391096"/>
                  </a:cubicBezTo>
                  <a:lnTo>
                    <a:pt x="26670" y="364331"/>
                  </a:lnTo>
                  <a:cubicBezTo>
                    <a:pt x="26670" y="361912"/>
                    <a:pt x="24708" y="359950"/>
                    <a:pt x="22288" y="359950"/>
                  </a:cubicBezTo>
                  <a:cubicBezTo>
                    <a:pt x="17345" y="359950"/>
                    <a:pt x="13335" y="355940"/>
                    <a:pt x="13335" y="350996"/>
                  </a:cubicBezTo>
                  <a:lnTo>
                    <a:pt x="13335" y="324231"/>
                  </a:lnTo>
                  <a:cubicBezTo>
                    <a:pt x="13287" y="321831"/>
                    <a:pt x="11354" y="319897"/>
                    <a:pt x="8954" y="319850"/>
                  </a:cubicBezTo>
                  <a:cubicBezTo>
                    <a:pt x="4010" y="319850"/>
                    <a:pt x="0" y="315840"/>
                    <a:pt x="0" y="310896"/>
                  </a:cubicBezTo>
                  <a:lnTo>
                    <a:pt x="0" y="49149"/>
                  </a:lnTo>
                  <a:cubicBezTo>
                    <a:pt x="238" y="44291"/>
                    <a:pt x="4096" y="40386"/>
                    <a:pt x="8954" y="40100"/>
                  </a:cubicBezTo>
                  <a:cubicBezTo>
                    <a:pt x="11373" y="40100"/>
                    <a:pt x="13335" y="38138"/>
                    <a:pt x="13335" y="35719"/>
                  </a:cubicBezTo>
                  <a:lnTo>
                    <a:pt x="13335" y="9049"/>
                  </a:lnTo>
                  <a:cubicBezTo>
                    <a:pt x="13573" y="4191"/>
                    <a:pt x="17431" y="286"/>
                    <a:pt x="22288" y="0"/>
                  </a:cubicBezTo>
                  <a:lnTo>
                    <a:pt x="49721" y="0"/>
                  </a:lnTo>
                  <a:cubicBezTo>
                    <a:pt x="54578" y="286"/>
                    <a:pt x="58436" y="4191"/>
                    <a:pt x="58674" y="9049"/>
                  </a:cubicBezTo>
                  <a:lnTo>
                    <a:pt x="58674" y="35719"/>
                  </a:lnTo>
                  <a:cubicBezTo>
                    <a:pt x="58674" y="38138"/>
                    <a:pt x="60636" y="40100"/>
                    <a:pt x="63055" y="40100"/>
                  </a:cubicBezTo>
                  <a:cubicBezTo>
                    <a:pt x="63084" y="40100"/>
                    <a:pt x="63122" y="40100"/>
                    <a:pt x="63151" y="40100"/>
                  </a:cubicBezTo>
                  <a:cubicBezTo>
                    <a:pt x="68008" y="40386"/>
                    <a:pt x="71866" y="44291"/>
                    <a:pt x="72104" y="49149"/>
                  </a:cubicBezTo>
                  <a:lnTo>
                    <a:pt x="72104" y="310801"/>
                  </a:lnTo>
                  <a:cubicBezTo>
                    <a:pt x="72104" y="315744"/>
                    <a:pt x="68094" y="319754"/>
                    <a:pt x="63151" y="319754"/>
                  </a:cubicBezTo>
                  <a:cubicBezTo>
                    <a:pt x="60712" y="319754"/>
                    <a:pt x="58722" y="321697"/>
                    <a:pt x="58674" y="324136"/>
                  </a:cubicBezTo>
                  <a:lnTo>
                    <a:pt x="58674" y="350901"/>
                  </a:lnTo>
                  <a:cubicBezTo>
                    <a:pt x="58674" y="355845"/>
                    <a:pt x="54664" y="359855"/>
                    <a:pt x="49721" y="359855"/>
                  </a:cubicBezTo>
                  <a:cubicBezTo>
                    <a:pt x="47320" y="359902"/>
                    <a:pt x="45387" y="361836"/>
                    <a:pt x="45339" y="364236"/>
                  </a:cubicBezTo>
                  <a:lnTo>
                    <a:pt x="45339" y="391001"/>
                  </a:lnTo>
                  <a:cubicBezTo>
                    <a:pt x="45396" y="395945"/>
                    <a:pt x="41424" y="400002"/>
                    <a:pt x="36481" y="400050"/>
                  </a:cubicBezTo>
                  <a:cubicBezTo>
                    <a:pt x="36386" y="400050"/>
                    <a:pt x="36290" y="400050"/>
                    <a:pt x="36195" y="400050"/>
                  </a:cubicBezTo>
                  <a:close/>
                  <a:moveTo>
                    <a:pt x="22765" y="58103"/>
                  </a:moveTo>
                  <a:cubicBezTo>
                    <a:pt x="20364" y="58150"/>
                    <a:pt x="18431" y="60084"/>
                    <a:pt x="18383" y="62484"/>
                  </a:cubicBezTo>
                  <a:lnTo>
                    <a:pt x="18383" y="297466"/>
                  </a:lnTo>
                  <a:cubicBezTo>
                    <a:pt x="18383" y="299885"/>
                    <a:pt x="20345" y="301847"/>
                    <a:pt x="22765" y="301847"/>
                  </a:cubicBezTo>
                  <a:lnTo>
                    <a:pt x="49721" y="301847"/>
                  </a:lnTo>
                  <a:cubicBezTo>
                    <a:pt x="52083" y="301904"/>
                    <a:pt x="54045" y="300028"/>
                    <a:pt x="54102" y="297656"/>
                  </a:cubicBezTo>
                  <a:cubicBezTo>
                    <a:pt x="54102" y="297590"/>
                    <a:pt x="54102" y="297532"/>
                    <a:pt x="54102" y="297466"/>
                  </a:cubicBezTo>
                  <a:lnTo>
                    <a:pt x="54102" y="62484"/>
                  </a:lnTo>
                  <a:cubicBezTo>
                    <a:pt x="54102" y="60065"/>
                    <a:pt x="52140" y="58103"/>
                    <a:pt x="49721" y="58103"/>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7" name="Graphic 142">
              <a:extLst>
                <a:ext uri="{FF2B5EF4-FFF2-40B4-BE49-F238E27FC236}">
                  <a16:creationId xmlns:a16="http://schemas.microsoft.com/office/drawing/2014/main" id="{82BA0CC9-109E-D739-FBBE-7C6F87D69CA9}"/>
                </a:ext>
              </a:extLst>
            </p:cNvPr>
            <p:cNvSpPr/>
            <p:nvPr/>
          </p:nvSpPr>
          <p:spPr>
            <a:xfrm>
              <a:off x="2161508" y="3163950"/>
              <a:ext cx="84963" cy="84963"/>
            </a:xfrm>
            <a:custGeom>
              <a:avLst/>
              <a:gdLst>
                <a:gd name="connsiteX0" fmla="*/ 42577 w 84963"/>
                <a:gd name="connsiteY0" fmla="*/ 84963 h 84963"/>
                <a:gd name="connsiteX1" fmla="*/ 0 w 84963"/>
                <a:gd name="connsiteY1" fmla="*/ 42577 h 84963"/>
                <a:gd name="connsiteX2" fmla="*/ 42386 w 84963"/>
                <a:gd name="connsiteY2" fmla="*/ 0 h 84963"/>
                <a:gd name="connsiteX3" fmla="*/ 84963 w 84963"/>
                <a:gd name="connsiteY3" fmla="*/ 42386 h 84963"/>
                <a:gd name="connsiteX4" fmla="*/ 84963 w 84963"/>
                <a:gd name="connsiteY4" fmla="*/ 42482 h 84963"/>
                <a:gd name="connsiteX5" fmla="*/ 42577 w 84963"/>
                <a:gd name="connsiteY5" fmla="*/ 84963 h 84963"/>
                <a:gd name="connsiteX6" fmla="*/ 42577 w 84963"/>
                <a:gd name="connsiteY6" fmla="*/ 18288 h 84963"/>
                <a:gd name="connsiteX7" fmla="*/ 18383 w 84963"/>
                <a:gd name="connsiteY7" fmla="*/ 43053 h 84963"/>
                <a:gd name="connsiteX8" fmla="*/ 43149 w 84963"/>
                <a:gd name="connsiteY8" fmla="*/ 67247 h 84963"/>
                <a:gd name="connsiteX9" fmla="*/ 67342 w 84963"/>
                <a:gd name="connsiteY9" fmla="*/ 42482 h 84963"/>
                <a:gd name="connsiteX10" fmla="*/ 42767 w 84963"/>
                <a:gd name="connsiteY10" fmla="*/ 18098 h 84963"/>
                <a:gd name="connsiteX11" fmla="*/ 42577 w 84963"/>
                <a:gd name="connsiteY11" fmla="*/ 18098 h 84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963" h="84963">
                  <a:moveTo>
                    <a:pt x="42577" y="84963"/>
                  </a:moveTo>
                  <a:cubicBezTo>
                    <a:pt x="19117" y="85020"/>
                    <a:pt x="57" y="66037"/>
                    <a:pt x="0" y="42577"/>
                  </a:cubicBezTo>
                  <a:cubicBezTo>
                    <a:pt x="-57" y="19117"/>
                    <a:pt x="18926" y="57"/>
                    <a:pt x="42386" y="0"/>
                  </a:cubicBezTo>
                  <a:cubicBezTo>
                    <a:pt x="65847" y="-47"/>
                    <a:pt x="84906" y="18926"/>
                    <a:pt x="84963" y="42386"/>
                  </a:cubicBezTo>
                  <a:cubicBezTo>
                    <a:pt x="84963" y="42415"/>
                    <a:pt x="84963" y="42453"/>
                    <a:pt x="84963" y="42482"/>
                  </a:cubicBezTo>
                  <a:cubicBezTo>
                    <a:pt x="84963" y="65904"/>
                    <a:pt x="65999" y="84906"/>
                    <a:pt x="42577" y="84963"/>
                  </a:cubicBezTo>
                  <a:close/>
                  <a:moveTo>
                    <a:pt x="42577" y="18288"/>
                  </a:moveTo>
                  <a:cubicBezTo>
                    <a:pt x="29061" y="18450"/>
                    <a:pt x="18231" y="29537"/>
                    <a:pt x="18383" y="43053"/>
                  </a:cubicBezTo>
                  <a:cubicBezTo>
                    <a:pt x="18545" y="56569"/>
                    <a:pt x="29632" y="67399"/>
                    <a:pt x="43149" y="67247"/>
                  </a:cubicBezTo>
                  <a:cubicBezTo>
                    <a:pt x="56664" y="67085"/>
                    <a:pt x="67494" y="55998"/>
                    <a:pt x="67342" y="42482"/>
                  </a:cubicBezTo>
                  <a:cubicBezTo>
                    <a:pt x="67294" y="28966"/>
                    <a:pt x="56293" y="18040"/>
                    <a:pt x="42767" y="18098"/>
                  </a:cubicBezTo>
                  <a:cubicBezTo>
                    <a:pt x="42701" y="18098"/>
                    <a:pt x="42644" y="18098"/>
                    <a:pt x="42577" y="18098"/>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sp>
          <p:nvSpPr>
            <p:cNvPr id="18" name="Graphic 142">
              <a:extLst>
                <a:ext uri="{FF2B5EF4-FFF2-40B4-BE49-F238E27FC236}">
                  <a16:creationId xmlns:a16="http://schemas.microsoft.com/office/drawing/2014/main" id="{0061A871-8BF5-3276-C6E4-7365896B60B0}"/>
                </a:ext>
              </a:extLst>
            </p:cNvPr>
            <p:cNvSpPr/>
            <p:nvPr/>
          </p:nvSpPr>
          <p:spPr>
            <a:xfrm>
              <a:off x="2296163" y="3204574"/>
              <a:ext cx="44863" cy="18100"/>
            </a:xfrm>
            <a:custGeom>
              <a:avLst/>
              <a:gdLst>
                <a:gd name="connsiteX0" fmla="*/ 8124 w 44863"/>
                <a:gd name="connsiteY0" fmla="*/ 18051 h 18100"/>
                <a:gd name="connsiteX1" fmla="*/ 47 w 44863"/>
                <a:gd name="connsiteY1" fmla="*/ 8126 h 18100"/>
                <a:gd name="connsiteX2" fmla="*/ 8124 w 44863"/>
                <a:gd name="connsiteY2" fmla="*/ 49 h 18100"/>
                <a:gd name="connsiteX3" fmla="*/ 34889 w 44863"/>
                <a:gd name="connsiteY3" fmla="*/ 49 h 18100"/>
                <a:gd name="connsiteX4" fmla="*/ 44815 w 44863"/>
                <a:gd name="connsiteY4" fmla="*/ 8126 h 18100"/>
                <a:gd name="connsiteX5" fmla="*/ 36747 w 44863"/>
                <a:gd name="connsiteY5" fmla="*/ 18051 h 18100"/>
                <a:gd name="connsiteX6" fmla="*/ 34889 w 44863"/>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4863" h="18100">
                  <a:moveTo>
                    <a:pt x="8124" y="18051"/>
                  </a:moveTo>
                  <a:cubicBezTo>
                    <a:pt x="3152" y="17537"/>
                    <a:pt x="-458" y="13098"/>
                    <a:pt x="47" y="8126"/>
                  </a:cubicBezTo>
                  <a:cubicBezTo>
                    <a:pt x="485" y="3859"/>
                    <a:pt x="3857" y="487"/>
                    <a:pt x="8124" y="49"/>
                  </a:cubicBezTo>
                  <a:lnTo>
                    <a:pt x="34889" y="49"/>
                  </a:lnTo>
                  <a:cubicBezTo>
                    <a:pt x="39862" y="-466"/>
                    <a:pt x="44310" y="3154"/>
                    <a:pt x="44815" y="8126"/>
                  </a:cubicBezTo>
                  <a:cubicBezTo>
                    <a:pt x="45329" y="13098"/>
                    <a:pt x="41719" y="17537"/>
                    <a:pt x="36747" y="18051"/>
                  </a:cubicBezTo>
                  <a:cubicBezTo>
                    <a:pt x="36128" y="18118"/>
                    <a:pt x="35509" y="18118"/>
                    <a:pt x="34889" y="18051"/>
                  </a:cubicBezTo>
                  <a:close/>
                </a:path>
              </a:pathLst>
            </a:custGeom>
            <a:solidFill>
              <a:srgbClr val="265999"/>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972"/>
            </a:p>
          </p:txBody>
        </p:sp>
      </p:grpSp>
      <p:grpSp>
        <p:nvGrpSpPr>
          <p:cNvPr id="3" name="Group 2">
            <a:extLst>
              <a:ext uri="{FF2B5EF4-FFF2-40B4-BE49-F238E27FC236}">
                <a16:creationId xmlns:a16="http://schemas.microsoft.com/office/drawing/2014/main" id="{BCE7ABCD-44F4-5AFC-4A89-EE6E5A525368}"/>
              </a:ext>
            </a:extLst>
          </p:cNvPr>
          <p:cNvGrpSpPr/>
          <p:nvPr/>
        </p:nvGrpSpPr>
        <p:grpSpPr>
          <a:xfrm>
            <a:off x="600101" y="1409614"/>
            <a:ext cx="11085376" cy="4593239"/>
            <a:chOff x="600101" y="1226496"/>
            <a:chExt cx="11085376" cy="5017418"/>
          </a:xfrm>
        </p:grpSpPr>
        <p:sp>
          <p:nvSpPr>
            <p:cNvPr id="6" name="Rectangle 5">
              <a:extLst>
                <a:ext uri="{FF2B5EF4-FFF2-40B4-BE49-F238E27FC236}">
                  <a16:creationId xmlns:a16="http://schemas.microsoft.com/office/drawing/2014/main" id="{BA862BD5-0B68-9B5B-6343-F494B78252B3}"/>
                </a:ext>
              </a:extLst>
            </p:cNvPr>
            <p:cNvSpPr/>
            <p:nvPr/>
          </p:nvSpPr>
          <p:spPr>
            <a:xfrm>
              <a:off x="600101" y="1227934"/>
              <a:ext cx="5472000" cy="24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An ambitious four-year agreement</a:t>
              </a:r>
            </a:p>
            <a:p>
              <a:pPr>
                <a:lnSpc>
                  <a:spcPts val="2693"/>
                </a:lnSpc>
                <a:spcAft>
                  <a:spcPts val="1600"/>
                </a:spcAft>
              </a:pPr>
              <a:r>
                <a:rPr lang="en-US" sz="1500">
                  <a:solidFill>
                    <a:schemeClr val="tx1"/>
                  </a:solidFill>
                  <a:latin typeface="Open Sans" panose="020B0606030504020204" pitchFamily="34" charset="0"/>
                  <a:ea typeface="Open Sans" panose="020B0606030504020204" pitchFamily="34" charset="0"/>
                  <a:cs typeface="Open Sans" panose="020B0606030504020204" pitchFamily="34" charset="0"/>
                </a:rPr>
                <a:t>Signed in 2022, the Agreement </a:t>
              </a: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sets out the shared intention of governments to work together </a:t>
              </a:r>
              <a:r>
                <a:rPr lang="en-US" sz="1500">
                  <a:solidFill>
                    <a:schemeClr val="tx1"/>
                  </a:solidFill>
                  <a:latin typeface="Open Sans" panose="020B0606030504020204" pitchFamily="34" charset="0"/>
                  <a:ea typeface="Open Sans" panose="020B0606030504020204" pitchFamily="34" charset="0"/>
                  <a:cs typeface="Open Sans" panose="020B0606030504020204" pitchFamily="34" charset="0"/>
                </a:rPr>
                <a:t>to improve the mental health of all Australians and reduce the rate of suicide toward zero. It </a:t>
              </a: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expires in mid-2026.</a:t>
              </a:r>
              <a:endParaRPr lang="en-US" sz="150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2" name="Rectangle 21">
              <a:extLst>
                <a:ext uri="{FF2B5EF4-FFF2-40B4-BE49-F238E27FC236}">
                  <a16:creationId xmlns:a16="http://schemas.microsoft.com/office/drawing/2014/main" id="{69631204-CFF8-1B43-190F-488A27931720}"/>
                </a:ext>
              </a:extLst>
            </p:cNvPr>
            <p:cNvSpPr/>
            <p:nvPr/>
          </p:nvSpPr>
          <p:spPr>
            <a:xfrm>
              <a:off x="600101" y="3795914"/>
              <a:ext cx="5472000" cy="24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800" b="1">
                  <a:solidFill>
                    <a:schemeClr val="tx1"/>
                  </a:solidFill>
                </a:rPr>
                <a:t>Reported progress</a:t>
              </a:r>
            </a:p>
            <a:p>
              <a:pPr>
                <a:lnSpc>
                  <a:spcPts val="2693"/>
                </a:lnSpc>
                <a:spcAft>
                  <a:spcPts val="1600"/>
                </a:spcAft>
              </a:pPr>
              <a:r>
                <a:rPr lang="en-US" sz="1500" b="0">
                  <a:solidFill>
                    <a:schemeClr val="tx1"/>
                  </a:solidFill>
                  <a:latin typeface="Open Sans" panose="020B0606030504020204" pitchFamily="34" charset="0"/>
                  <a:ea typeface="Open Sans" panose="020B0606030504020204" pitchFamily="34" charset="0"/>
                  <a:cs typeface="Open Sans" panose="020B0606030504020204" pitchFamily="34" charset="0"/>
                </a:rPr>
                <a:t>The National Mental Health Commission has compiled two progress reports, showing </a:t>
              </a: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most initiatives were on track as at mid-2024.</a:t>
              </a:r>
              <a:endParaRPr lang="en-US" sz="1500" b="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4" name="Rectangle 23">
              <a:extLst>
                <a:ext uri="{FF2B5EF4-FFF2-40B4-BE49-F238E27FC236}">
                  <a16:creationId xmlns:a16="http://schemas.microsoft.com/office/drawing/2014/main" id="{53283ADE-9932-0A65-7EE2-3D0708F5BCF4}"/>
                </a:ext>
              </a:extLst>
            </p:cNvPr>
            <p:cNvSpPr/>
            <p:nvPr/>
          </p:nvSpPr>
          <p:spPr>
            <a:xfrm>
              <a:off x="6213477" y="1226496"/>
              <a:ext cx="5472000" cy="24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Australian, state and territory governments</a:t>
              </a:r>
              <a:endParaRPr lang="en-US" sz="1800" b="1">
                <a:solidFill>
                  <a:schemeClr val="tx1"/>
                </a:solidFill>
              </a:endParaRPr>
            </a:p>
            <a:p>
              <a:pPr>
                <a:lnSpc>
                  <a:spcPts val="2693"/>
                </a:lnSpc>
                <a:spcAft>
                  <a:spcPts val="1600"/>
                </a:spcAft>
              </a:pPr>
              <a:r>
                <a:rPr lang="en-US" sz="1500">
                  <a:solidFill>
                    <a:schemeClr val="tx1"/>
                  </a:solidFill>
                  <a:latin typeface="Open Sans" panose="020B0606030504020204" pitchFamily="34" charset="0"/>
                  <a:ea typeface="Open Sans" panose="020B0606030504020204" pitchFamily="34" charset="0"/>
                  <a:cs typeface="Open Sans" panose="020B0606030504020204" pitchFamily="34" charset="0"/>
                </a:rPr>
                <a:t>All states and territories signed </a:t>
              </a: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bilateral schedules </a:t>
              </a:r>
              <a:r>
                <a:rPr lang="en-US" sz="1500">
                  <a:solidFill>
                    <a:schemeClr val="tx1"/>
                  </a:solidFill>
                  <a:latin typeface="Open Sans" panose="020B0606030504020204" pitchFamily="34" charset="0"/>
                  <a:ea typeface="Open Sans" panose="020B0606030504020204" pitchFamily="34" charset="0"/>
                  <a:cs typeface="Open Sans" panose="020B0606030504020204" pitchFamily="34" charset="0"/>
                </a:rPr>
                <a:t>with the Australian Government </a:t>
              </a: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for the delivery of specific local initiatives.</a:t>
              </a:r>
            </a:p>
          </p:txBody>
        </p:sp>
        <p:sp>
          <p:nvSpPr>
            <p:cNvPr id="28" name="Rectangle 27">
              <a:extLst>
                <a:ext uri="{FF2B5EF4-FFF2-40B4-BE49-F238E27FC236}">
                  <a16:creationId xmlns:a16="http://schemas.microsoft.com/office/drawing/2014/main" id="{3535B128-7C5D-C797-CFBB-961C70222427}"/>
                </a:ext>
              </a:extLst>
            </p:cNvPr>
            <p:cNvSpPr/>
            <p:nvPr/>
          </p:nvSpPr>
          <p:spPr>
            <a:xfrm>
              <a:off x="6213477" y="3795914"/>
              <a:ext cx="5472000" cy="24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800" b="1">
                  <a:solidFill>
                    <a:schemeClr val="tx1"/>
                  </a:solidFill>
                </a:rPr>
                <a:t>Funding commitments</a:t>
              </a:r>
            </a:p>
            <a:p>
              <a:pPr>
                <a:lnSpc>
                  <a:spcPts val="2693"/>
                </a:lnSpc>
                <a:spcAft>
                  <a:spcPts val="1600"/>
                </a:spcAft>
              </a:pPr>
              <a:r>
                <a:rPr lang="en-AU" sz="1500">
                  <a:solidFill>
                    <a:schemeClr val="tx1"/>
                  </a:solidFill>
                  <a:latin typeface="Open Sans" panose="020B0606030504020204" pitchFamily="34" charset="0"/>
                  <a:ea typeface="Open Sans" panose="020B0606030504020204" pitchFamily="34" charset="0"/>
                  <a:cs typeface="Open Sans" panose="020B0606030504020204" pitchFamily="34" charset="0"/>
                </a:rPr>
                <a:t>In an average year</a:t>
              </a:r>
              <a:r>
                <a:rPr lang="en-AU" sz="1500" b="1">
                  <a:solidFill>
                    <a:schemeClr val="tx1"/>
                  </a:solidFill>
                  <a:latin typeface="Open Sans" panose="020B0606030504020204" pitchFamily="34" charset="0"/>
                  <a:ea typeface="Open Sans" panose="020B0606030504020204" pitchFamily="34" charset="0"/>
                  <a:cs typeface="Open Sans" panose="020B0606030504020204" pitchFamily="34" charset="0"/>
                </a:rPr>
                <a:t>, funding commitments </a:t>
              </a:r>
              <a:r>
                <a:rPr lang="en-AU" sz="1500">
                  <a:solidFill>
                    <a:schemeClr val="tx1"/>
                  </a:solidFill>
                  <a:latin typeface="Open Sans" panose="020B0606030504020204" pitchFamily="34" charset="0"/>
                  <a:ea typeface="Open Sans" panose="020B0606030504020204" pitchFamily="34" charset="0"/>
                  <a:cs typeface="Open Sans" panose="020B0606030504020204" pitchFamily="34" charset="0"/>
                </a:rPr>
                <a:t>in the Agreement total </a:t>
              </a:r>
              <a:r>
                <a:rPr lang="en-AU" sz="1500" b="1">
                  <a:solidFill>
                    <a:schemeClr val="tx1"/>
                  </a:solidFill>
                  <a:latin typeface="Open Sans" panose="020B0606030504020204" pitchFamily="34" charset="0"/>
                  <a:ea typeface="Open Sans" panose="020B0606030504020204" pitchFamily="34" charset="0"/>
                  <a:cs typeface="Open Sans" panose="020B0606030504020204" pitchFamily="34" charset="0"/>
                </a:rPr>
                <a:t>about $360 million</a:t>
              </a:r>
              <a:r>
                <a:rPr lang="en-AU" sz="1500">
                  <a:solidFill>
                    <a:schemeClr val="tx1"/>
                  </a:solidFill>
                  <a:latin typeface="Open Sans" panose="020B0606030504020204" pitchFamily="34" charset="0"/>
                  <a:ea typeface="Open Sans" panose="020B0606030504020204" pitchFamily="34" charset="0"/>
                  <a:cs typeface="Open Sans" panose="020B0606030504020204" pitchFamily="34" charset="0"/>
                </a:rPr>
                <a:t>, or 3% of the </a:t>
              </a:r>
              <a:br>
                <a:rPr lang="en-AU" sz="150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AU" sz="1500">
                  <a:solidFill>
                    <a:schemeClr val="tx1"/>
                  </a:solidFill>
                  <a:latin typeface="Open Sans" panose="020B0606030504020204" pitchFamily="34" charset="0"/>
                  <a:ea typeface="Open Sans" panose="020B0606030504020204" pitchFamily="34" charset="0"/>
                  <a:cs typeface="Open Sans" panose="020B0606030504020204" pitchFamily="34" charset="0"/>
                </a:rPr>
                <a:t>$126 billion governments spend on mental health and suicide prevention.</a:t>
              </a:r>
            </a:p>
          </p:txBody>
        </p:sp>
      </p:grpSp>
      <p:sp>
        <p:nvSpPr>
          <p:cNvPr id="4" name="Slide Number Placeholder 3">
            <a:extLst>
              <a:ext uri="{FF2B5EF4-FFF2-40B4-BE49-F238E27FC236}">
                <a16:creationId xmlns:a16="http://schemas.microsoft.com/office/drawing/2014/main" id="{EB040F58-4552-18DB-B046-2F960FDA7DAF}"/>
              </a:ext>
            </a:extLst>
          </p:cNvPr>
          <p:cNvSpPr>
            <a:spLocks noGrp="1"/>
          </p:cNvSpPr>
          <p:nvPr>
            <p:ph type="sldNum" sz="quarter" idx="4"/>
          </p:nvPr>
        </p:nvSpPr>
        <p:spPr/>
        <p:txBody>
          <a:bodyPr/>
          <a:lstStyle/>
          <a:p>
            <a:fld id="{3FE8A0A5-0893-3B4E-9EB9-FE67329D76D6}" type="slidenum">
              <a:rPr lang="en-US" smtClean="0"/>
              <a:pPr/>
              <a:t>10</a:t>
            </a:fld>
            <a:endParaRPr lang="en-US"/>
          </a:p>
        </p:txBody>
      </p:sp>
    </p:spTree>
    <p:extLst>
      <p:ext uri="{BB962C8B-B14F-4D97-AF65-F5344CB8AC3E}">
        <p14:creationId xmlns:p14="http://schemas.microsoft.com/office/powerpoint/2010/main" val="402606445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0112CA6-F725-56E4-1B76-CE978AC691CC}"/>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07B28410-1E54-E2BC-D347-36D2F499EBCC}"/>
              </a:ext>
            </a:extLst>
          </p:cNvPr>
          <p:cNvSpPr>
            <a:spLocks noGrp="1"/>
          </p:cNvSpPr>
          <p:nvPr>
            <p:ph type="ctrTitle"/>
          </p:nvPr>
        </p:nvSpPr>
        <p:spPr/>
        <p:txBody>
          <a:bodyPr/>
          <a:lstStyle/>
          <a:p>
            <a:r>
              <a:rPr lang="en-US"/>
              <a:t>The Agreement is one part of the mental health and suicide prevention policy landscape</a:t>
            </a:r>
          </a:p>
        </p:txBody>
      </p:sp>
      <p:sp>
        <p:nvSpPr>
          <p:cNvPr id="2" name="Slide Number Placeholder 3">
            <a:extLst>
              <a:ext uri="{FF2B5EF4-FFF2-40B4-BE49-F238E27FC236}">
                <a16:creationId xmlns:a16="http://schemas.microsoft.com/office/drawing/2014/main" id="{2FB88E99-6997-B595-AA43-9A146B17EC4C}"/>
              </a:ext>
            </a:extLst>
          </p:cNvPr>
          <p:cNvSpPr>
            <a:spLocks noGrp="1"/>
          </p:cNvSpPr>
          <p:nvPr>
            <p:ph type="sldNum" sz="quarter" idx="4"/>
          </p:nvPr>
        </p:nvSpPr>
        <p:spPr>
          <a:prstGeom prst="rect">
            <a:avLst/>
          </a:prstGeom>
        </p:spPr>
        <p:txBody>
          <a:bodyPr/>
          <a:lstStyle/>
          <a:p>
            <a:fld id="{8A657B52-D046-4802-A3DE-55E7ED70298C}" type="slidenum">
              <a:rPr lang="en-AU"/>
              <a:pPr/>
              <a:t>11</a:t>
            </a:fld>
            <a:endParaRPr lang="en-AU"/>
          </a:p>
        </p:txBody>
      </p:sp>
      <p:grpSp>
        <p:nvGrpSpPr>
          <p:cNvPr id="21" name="Group 20">
            <a:extLst>
              <a:ext uri="{FF2B5EF4-FFF2-40B4-BE49-F238E27FC236}">
                <a16:creationId xmlns:a16="http://schemas.microsoft.com/office/drawing/2014/main" id="{08F9734D-C214-DE24-DAAA-711A7A714628}"/>
              </a:ext>
            </a:extLst>
          </p:cNvPr>
          <p:cNvGrpSpPr/>
          <p:nvPr/>
        </p:nvGrpSpPr>
        <p:grpSpPr>
          <a:xfrm>
            <a:off x="617467" y="1561586"/>
            <a:ext cx="10382086" cy="5135768"/>
            <a:chOff x="788589" y="1722224"/>
            <a:chExt cx="10382086" cy="5135768"/>
          </a:xfrm>
        </p:grpSpPr>
        <p:sp>
          <p:nvSpPr>
            <p:cNvPr id="5" name="Oval 4">
              <a:extLst>
                <a:ext uri="{FF2B5EF4-FFF2-40B4-BE49-F238E27FC236}">
                  <a16:creationId xmlns:a16="http://schemas.microsoft.com/office/drawing/2014/main" id="{4173349B-F9DB-EA1C-AB83-2DBFE1E8D189}"/>
                </a:ext>
              </a:extLst>
            </p:cNvPr>
            <p:cNvSpPr/>
            <p:nvPr/>
          </p:nvSpPr>
          <p:spPr bwMode="auto">
            <a:xfrm>
              <a:off x="788589" y="4079787"/>
              <a:ext cx="252000" cy="252000"/>
            </a:xfrm>
            <a:prstGeom prst="ellipse">
              <a:avLst/>
            </a:prstGeom>
            <a:solidFill>
              <a:schemeClr val="bg1">
                <a:lumMod val="50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grpSp>
          <p:nvGrpSpPr>
            <p:cNvPr id="19" name="Group 18">
              <a:extLst>
                <a:ext uri="{FF2B5EF4-FFF2-40B4-BE49-F238E27FC236}">
                  <a16:creationId xmlns:a16="http://schemas.microsoft.com/office/drawing/2014/main" id="{854A5F62-B8DC-23C6-086D-54BED2EC1420}"/>
                </a:ext>
              </a:extLst>
            </p:cNvPr>
            <p:cNvGrpSpPr/>
            <p:nvPr/>
          </p:nvGrpSpPr>
          <p:grpSpPr>
            <a:xfrm>
              <a:off x="1025400" y="1722224"/>
              <a:ext cx="10145275" cy="5135768"/>
              <a:chOff x="1025400" y="1722224"/>
              <a:chExt cx="10145275" cy="5135768"/>
            </a:xfrm>
          </p:grpSpPr>
          <p:sp>
            <p:nvSpPr>
              <p:cNvPr id="18" name="Rectangle 17">
                <a:extLst>
                  <a:ext uri="{FF2B5EF4-FFF2-40B4-BE49-F238E27FC236}">
                    <a16:creationId xmlns:a16="http://schemas.microsoft.com/office/drawing/2014/main" id="{623F91DA-6B02-2380-B5ED-C13F07B231C5}"/>
                  </a:ext>
                </a:extLst>
              </p:cNvPr>
              <p:cNvSpPr/>
              <p:nvPr/>
            </p:nvSpPr>
            <p:spPr bwMode="auto">
              <a:xfrm>
                <a:off x="4098156" y="1725658"/>
                <a:ext cx="2332568" cy="1896944"/>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cxnSp>
            <p:nvCxnSpPr>
              <p:cNvPr id="4" name="Straight Connector 3">
                <a:extLst>
                  <a:ext uri="{FF2B5EF4-FFF2-40B4-BE49-F238E27FC236}">
                    <a16:creationId xmlns:a16="http://schemas.microsoft.com/office/drawing/2014/main" id="{54747799-2CF9-6B43-ED8F-564510D90C6C}"/>
                  </a:ext>
                </a:extLst>
              </p:cNvPr>
              <p:cNvCxnSpPr>
                <a:cxnSpLocks/>
              </p:cNvCxnSpPr>
              <p:nvPr/>
            </p:nvCxnSpPr>
            <p:spPr>
              <a:xfrm>
                <a:off x="1025401" y="4187958"/>
                <a:ext cx="9893273" cy="0"/>
              </a:xfrm>
              <a:prstGeom prst="line">
                <a:avLst/>
              </a:prstGeom>
              <a:ln w="28575">
                <a:solidFill>
                  <a:schemeClr val="bg1">
                    <a:lumMod val="50000"/>
                  </a:schemeClr>
                </a:solidFill>
                <a:prstDash val="solid"/>
              </a:ln>
            </p:spPr>
            <p:style>
              <a:lnRef idx="1">
                <a:schemeClr val="accent1"/>
              </a:lnRef>
              <a:fillRef idx="0">
                <a:schemeClr val="accent1"/>
              </a:fillRef>
              <a:effectRef idx="0">
                <a:schemeClr val="accent1"/>
              </a:effectRef>
              <a:fontRef idx="minor">
                <a:schemeClr val="tx1"/>
              </a:fontRef>
            </p:style>
          </p:cxnSp>
          <p:sp>
            <p:nvSpPr>
              <p:cNvPr id="6" name="Oval 5">
                <a:extLst>
                  <a:ext uri="{FF2B5EF4-FFF2-40B4-BE49-F238E27FC236}">
                    <a16:creationId xmlns:a16="http://schemas.microsoft.com/office/drawing/2014/main" id="{31CB32C5-07FE-4F4F-3E57-BEA693BB50E2}"/>
                  </a:ext>
                </a:extLst>
              </p:cNvPr>
              <p:cNvSpPr/>
              <p:nvPr/>
            </p:nvSpPr>
            <p:spPr bwMode="auto">
              <a:xfrm>
                <a:off x="10918675" y="4079787"/>
                <a:ext cx="252000" cy="252000"/>
              </a:xfrm>
              <a:prstGeom prst="ellipse">
                <a:avLst/>
              </a:prstGeom>
              <a:solidFill>
                <a:schemeClr val="bg1">
                  <a:lumMod val="50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9" name="Oval 8">
                <a:extLst>
                  <a:ext uri="{FF2B5EF4-FFF2-40B4-BE49-F238E27FC236}">
                    <a16:creationId xmlns:a16="http://schemas.microsoft.com/office/drawing/2014/main" id="{0768EA59-C351-33D9-8CF8-C102BC665FAE}"/>
                  </a:ext>
                </a:extLst>
              </p:cNvPr>
              <p:cNvSpPr/>
              <p:nvPr/>
            </p:nvSpPr>
            <p:spPr bwMode="auto">
              <a:xfrm>
                <a:off x="1842632" y="3908986"/>
                <a:ext cx="612000" cy="612000"/>
              </a:xfrm>
              <a:prstGeom prst="ellipse">
                <a:avLst/>
              </a:prstGeom>
              <a:solidFill>
                <a:schemeClr val="tx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rPr>
                  <a:t>2</a:t>
                </a:r>
                <a:r>
                  <a:rPr lang="en-US" sz="1100" b="1">
                    <a:solidFill>
                      <a:schemeClr val="bg1"/>
                    </a:solidFill>
                  </a:rPr>
                  <a:t>008</a:t>
                </a:r>
              </a:p>
            </p:txBody>
          </p:sp>
          <p:cxnSp>
            <p:nvCxnSpPr>
              <p:cNvPr id="10" name="Straight Connector 9">
                <a:extLst>
                  <a:ext uri="{FF2B5EF4-FFF2-40B4-BE49-F238E27FC236}">
                    <a16:creationId xmlns:a16="http://schemas.microsoft.com/office/drawing/2014/main" id="{0E54647E-79ED-7808-1E94-53E37085BA95}"/>
                  </a:ext>
                </a:extLst>
              </p:cNvPr>
              <p:cNvCxnSpPr/>
              <p:nvPr/>
            </p:nvCxnSpPr>
            <p:spPr>
              <a:xfrm>
                <a:off x="2148635" y="3665027"/>
                <a:ext cx="0" cy="25200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Rectangle 10">
                <a:extLst>
                  <a:ext uri="{FF2B5EF4-FFF2-40B4-BE49-F238E27FC236}">
                    <a16:creationId xmlns:a16="http://schemas.microsoft.com/office/drawing/2014/main" id="{FE4EE2C4-A811-421D-8D15-258D1397C22C}"/>
                  </a:ext>
                </a:extLst>
              </p:cNvPr>
              <p:cNvSpPr/>
              <p:nvPr/>
            </p:nvSpPr>
            <p:spPr bwMode="auto">
              <a:xfrm>
                <a:off x="1025400" y="3626395"/>
                <a:ext cx="2332568" cy="38631"/>
              </a:xfrm>
              <a:prstGeom prst="rect">
                <a:avLst/>
              </a:prstGeom>
              <a:solidFill>
                <a:schemeClr val="tx2">
                  <a:lumMod val="7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12" name="Rectangle 11">
                <a:extLst>
                  <a:ext uri="{FF2B5EF4-FFF2-40B4-BE49-F238E27FC236}">
                    <a16:creationId xmlns:a16="http://schemas.microsoft.com/office/drawing/2014/main" id="{BE402ECB-E54D-58ED-9D63-67876B6EDC40}"/>
                  </a:ext>
                </a:extLst>
              </p:cNvPr>
              <p:cNvSpPr/>
              <p:nvPr/>
            </p:nvSpPr>
            <p:spPr bwMode="auto">
              <a:xfrm>
                <a:off x="1025400" y="1730228"/>
                <a:ext cx="2332568" cy="1896944"/>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13" name="TextBox 12">
                <a:extLst>
                  <a:ext uri="{FF2B5EF4-FFF2-40B4-BE49-F238E27FC236}">
                    <a16:creationId xmlns:a16="http://schemas.microsoft.com/office/drawing/2014/main" id="{9FA7FCE8-FA78-7861-0C48-76ECD93DD422}"/>
                  </a:ext>
                </a:extLst>
              </p:cNvPr>
              <p:cNvSpPr txBox="1"/>
              <p:nvPr/>
            </p:nvSpPr>
            <p:spPr>
              <a:xfrm>
                <a:off x="1222406" y="2040652"/>
                <a:ext cx="1931472" cy="528350"/>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National Mental </a:t>
                </a:r>
                <a:br>
                  <a:rPr lang="en-US" sz="1100" b="1">
                    <a:solidFill>
                      <a:schemeClr val="bg2"/>
                    </a:solidFill>
                  </a:rPr>
                </a:br>
                <a:r>
                  <a:rPr lang="en-US" sz="1100" b="1">
                    <a:solidFill>
                      <a:schemeClr val="bg2"/>
                    </a:solidFill>
                  </a:rPr>
                  <a:t>Health Policy</a:t>
                </a:r>
              </a:p>
              <a:p>
                <a:pPr algn="ctr" defTabSz="1036198">
                  <a:spcAft>
                    <a:spcPts val="400"/>
                  </a:spcAft>
                  <a:defRPr/>
                </a:pPr>
                <a:r>
                  <a:rPr lang="en-AU" sz="900">
                    <a:solidFill>
                      <a:prstClr val="black">
                        <a:lumMod val="85000"/>
                        <a:lumOff val="15000"/>
                      </a:prstClr>
                    </a:solidFill>
                    <a:latin typeface="Arial"/>
                  </a:rPr>
                  <a:t>COAG Health Council</a:t>
                </a:r>
              </a:p>
            </p:txBody>
          </p:sp>
          <p:sp>
            <p:nvSpPr>
              <p:cNvPr id="15" name="Oval 14">
                <a:extLst>
                  <a:ext uri="{FF2B5EF4-FFF2-40B4-BE49-F238E27FC236}">
                    <a16:creationId xmlns:a16="http://schemas.microsoft.com/office/drawing/2014/main" id="{D443C584-E316-E9DD-7B37-0AAE8E661837}"/>
                  </a:ext>
                </a:extLst>
              </p:cNvPr>
              <p:cNvSpPr/>
              <p:nvPr/>
            </p:nvSpPr>
            <p:spPr bwMode="auto">
              <a:xfrm>
                <a:off x="4983065" y="3881958"/>
                <a:ext cx="612000" cy="612000"/>
              </a:xfrm>
              <a:prstGeom prst="ellipse">
                <a:avLst/>
              </a:prstGeom>
              <a:solidFill>
                <a:schemeClr val="tx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rPr>
                  <a:t>201</a:t>
                </a:r>
                <a:r>
                  <a:rPr lang="en-US" sz="1100" b="1">
                    <a:solidFill>
                      <a:schemeClr val="bg1"/>
                    </a:solidFill>
                  </a:rPr>
                  <a:t>6</a:t>
                </a:r>
              </a:p>
            </p:txBody>
          </p:sp>
          <p:cxnSp>
            <p:nvCxnSpPr>
              <p:cNvPr id="16" name="Straight Connector 15">
                <a:extLst>
                  <a:ext uri="{FF2B5EF4-FFF2-40B4-BE49-F238E27FC236}">
                    <a16:creationId xmlns:a16="http://schemas.microsoft.com/office/drawing/2014/main" id="{E8BD22FE-7BA9-B723-BEEB-670AB07144EC}"/>
                  </a:ext>
                </a:extLst>
              </p:cNvPr>
              <p:cNvCxnSpPr/>
              <p:nvPr/>
            </p:nvCxnSpPr>
            <p:spPr>
              <a:xfrm>
                <a:off x="5289070" y="3665027"/>
                <a:ext cx="0" cy="25200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A0466B76-F08E-FB1C-F154-CA82FCE84D9D}"/>
                  </a:ext>
                </a:extLst>
              </p:cNvPr>
              <p:cNvSpPr/>
              <p:nvPr/>
            </p:nvSpPr>
            <p:spPr bwMode="auto">
              <a:xfrm>
                <a:off x="4110312" y="3626395"/>
                <a:ext cx="2332568" cy="38631"/>
              </a:xfrm>
              <a:prstGeom prst="rect">
                <a:avLst/>
              </a:prstGeom>
              <a:solidFill>
                <a:schemeClr val="tx2"/>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27" name="Oval 26">
                <a:extLst>
                  <a:ext uri="{FF2B5EF4-FFF2-40B4-BE49-F238E27FC236}">
                    <a16:creationId xmlns:a16="http://schemas.microsoft.com/office/drawing/2014/main" id="{3FBDCD00-6C21-C324-7853-98745F5A9ECE}"/>
                  </a:ext>
                </a:extLst>
              </p:cNvPr>
              <p:cNvSpPr/>
              <p:nvPr/>
            </p:nvSpPr>
            <p:spPr bwMode="auto">
              <a:xfrm>
                <a:off x="8129688" y="3887828"/>
                <a:ext cx="612000" cy="612000"/>
              </a:xfrm>
              <a:prstGeom prst="ellipse">
                <a:avLst/>
              </a:prstGeom>
              <a:solidFill>
                <a:schemeClr val="tx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latin typeface="+mn-lt"/>
                  </a:rPr>
                  <a:t>20</a:t>
                </a:r>
                <a:r>
                  <a:rPr lang="en-US" sz="1100" b="1">
                    <a:solidFill>
                      <a:schemeClr val="bg1"/>
                    </a:solidFill>
                    <a:latin typeface="+mn-lt"/>
                  </a:rPr>
                  <a:t>21</a:t>
                </a:r>
              </a:p>
            </p:txBody>
          </p:sp>
          <p:cxnSp>
            <p:nvCxnSpPr>
              <p:cNvPr id="29" name="Straight Connector 28">
                <a:extLst>
                  <a:ext uri="{FF2B5EF4-FFF2-40B4-BE49-F238E27FC236}">
                    <a16:creationId xmlns:a16="http://schemas.microsoft.com/office/drawing/2014/main" id="{FDB4F773-0FAE-DC28-718F-435B58157C95}"/>
                  </a:ext>
                </a:extLst>
              </p:cNvPr>
              <p:cNvCxnSpPr/>
              <p:nvPr/>
            </p:nvCxnSpPr>
            <p:spPr>
              <a:xfrm>
                <a:off x="8429509" y="3665027"/>
                <a:ext cx="0" cy="25200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D800271D-197F-71DA-8663-A7F2A86D66E8}"/>
                  </a:ext>
                </a:extLst>
              </p:cNvPr>
              <p:cNvSpPr/>
              <p:nvPr/>
            </p:nvSpPr>
            <p:spPr bwMode="auto">
              <a:xfrm>
                <a:off x="3433063" y="3875333"/>
                <a:ext cx="612000" cy="612000"/>
              </a:xfrm>
              <a:prstGeom prst="ellipse">
                <a:avLst/>
              </a:prstGeom>
              <a:solidFill>
                <a:schemeClr val="bg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rPr>
                  <a:t>20</a:t>
                </a:r>
                <a:r>
                  <a:rPr lang="en-US" sz="1100" b="1">
                    <a:solidFill>
                      <a:schemeClr val="bg1"/>
                    </a:solidFill>
                  </a:rPr>
                  <a:t>12</a:t>
                </a:r>
              </a:p>
            </p:txBody>
          </p:sp>
          <p:cxnSp>
            <p:nvCxnSpPr>
              <p:cNvPr id="34" name="Straight Connector 33">
                <a:extLst>
                  <a:ext uri="{FF2B5EF4-FFF2-40B4-BE49-F238E27FC236}">
                    <a16:creationId xmlns:a16="http://schemas.microsoft.com/office/drawing/2014/main" id="{91A698C9-53A8-D098-839F-8139CEF27DAD}"/>
                  </a:ext>
                </a:extLst>
              </p:cNvPr>
              <p:cNvCxnSpPr/>
              <p:nvPr/>
            </p:nvCxnSpPr>
            <p:spPr>
              <a:xfrm rot="10800000">
                <a:off x="3718852" y="4427125"/>
                <a:ext cx="0" cy="2520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A4E48C1D-2CA1-4F77-FF5D-43FCDC4D02EE}"/>
                  </a:ext>
                </a:extLst>
              </p:cNvPr>
              <p:cNvSpPr/>
              <p:nvPr/>
            </p:nvSpPr>
            <p:spPr bwMode="auto">
              <a:xfrm>
                <a:off x="2553420" y="4679126"/>
                <a:ext cx="2332568" cy="38631"/>
              </a:xfrm>
              <a:prstGeom prst="rect">
                <a:avLst/>
              </a:prstGeom>
              <a:solidFill>
                <a:schemeClr val="bg2"/>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37" name="Rectangle 36">
                <a:extLst>
                  <a:ext uri="{FF2B5EF4-FFF2-40B4-BE49-F238E27FC236}">
                    <a16:creationId xmlns:a16="http://schemas.microsoft.com/office/drawing/2014/main" id="{FAC9F7C5-C80C-33E1-615A-D9A3B747EDE1}"/>
                  </a:ext>
                </a:extLst>
              </p:cNvPr>
              <p:cNvSpPr/>
              <p:nvPr/>
            </p:nvSpPr>
            <p:spPr bwMode="auto">
              <a:xfrm>
                <a:off x="2553420" y="4716981"/>
                <a:ext cx="2332568" cy="1999917"/>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1074" name="Oval 1073">
                <a:extLst>
                  <a:ext uri="{FF2B5EF4-FFF2-40B4-BE49-F238E27FC236}">
                    <a16:creationId xmlns:a16="http://schemas.microsoft.com/office/drawing/2014/main" id="{97E1A587-127C-CF25-DBE0-7569D60C001A}"/>
                  </a:ext>
                </a:extLst>
              </p:cNvPr>
              <p:cNvSpPr/>
              <p:nvPr/>
            </p:nvSpPr>
            <p:spPr bwMode="auto">
              <a:xfrm>
                <a:off x="6553284" y="3860574"/>
                <a:ext cx="612000" cy="612000"/>
              </a:xfrm>
              <a:prstGeom prst="ellipse">
                <a:avLst/>
              </a:prstGeom>
              <a:solidFill>
                <a:schemeClr val="bg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latin typeface="+mn-lt"/>
                  </a:rPr>
                  <a:t>20</a:t>
                </a:r>
                <a:r>
                  <a:rPr lang="en-US" sz="1100" b="1">
                    <a:solidFill>
                      <a:schemeClr val="bg1"/>
                    </a:solidFill>
                    <a:latin typeface="+mn-lt"/>
                  </a:rPr>
                  <a:t>20</a:t>
                </a:r>
              </a:p>
            </p:txBody>
          </p:sp>
          <p:cxnSp>
            <p:nvCxnSpPr>
              <p:cNvPr id="1075" name="Straight Connector 1074">
                <a:extLst>
                  <a:ext uri="{FF2B5EF4-FFF2-40B4-BE49-F238E27FC236}">
                    <a16:creationId xmlns:a16="http://schemas.microsoft.com/office/drawing/2014/main" id="{78B683E0-041F-99F7-196B-6F0937B5E330}"/>
                  </a:ext>
                </a:extLst>
              </p:cNvPr>
              <p:cNvCxnSpPr/>
              <p:nvPr/>
            </p:nvCxnSpPr>
            <p:spPr>
              <a:xfrm rot="10800000">
                <a:off x="6859285" y="4427129"/>
                <a:ext cx="0" cy="2520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45" name="Rectangle 44">
                <a:extLst>
                  <a:ext uri="{FF2B5EF4-FFF2-40B4-BE49-F238E27FC236}">
                    <a16:creationId xmlns:a16="http://schemas.microsoft.com/office/drawing/2014/main" id="{D0579FC9-EA69-C2EB-4060-179D10A82F3E}"/>
                  </a:ext>
                </a:extLst>
              </p:cNvPr>
              <p:cNvSpPr/>
              <p:nvPr/>
            </p:nvSpPr>
            <p:spPr bwMode="auto">
              <a:xfrm>
                <a:off x="5686687" y="4679126"/>
                <a:ext cx="2332568" cy="38631"/>
              </a:xfrm>
              <a:prstGeom prst="rect">
                <a:avLst/>
              </a:prstGeom>
              <a:solidFill>
                <a:schemeClr val="bg2"/>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46" name="Rectangle 45">
                <a:extLst>
                  <a:ext uri="{FF2B5EF4-FFF2-40B4-BE49-F238E27FC236}">
                    <a16:creationId xmlns:a16="http://schemas.microsoft.com/office/drawing/2014/main" id="{FEEDAB14-9465-7405-1082-4E1D627EBB1E}"/>
                  </a:ext>
                </a:extLst>
              </p:cNvPr>
              <p:cNvSpPr/>
              <p:nvPr/>
            </p:nvSpPr>
            <p:spPr bwMode="auto">
              <a:xfrm>
                <a:off x="5686687" y="4716981"/>
                <a:ext cx="2332568" cy="1999917"/>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47" name="Rectangle 46">
                <a:extLst>
                  <a:ext uri="{FF2B5EF4-FFF2-40B4-BE49-F238E27FC236}">
                    <a16:creationId xmlns:a16="http://schemas.microsoft.com/office/drawing/2014/main" id="{FE0F68B8-36D1-27E7-BD57-177AA3338761}"/>
                  </a:ext>
                </a:extLst>
              </p:cNvPr>
              <p:cNvSpPr/>
              <p:nvPr/>
            </p:nvSpPr>
            <p:spPr bwMode="auto">
              <a:xfrm>
                <a:off x="7243579" y="3626395"/>
                <a:ext cx="2332568" cy="38631"/>
              </a:xfrm>
              <a:prstGeom prst="rect">
                <a:avLst/>
              </a:prstGeom>
              <a:solidFill>
                <a:schemeClr val="tx2"/>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48" name="Rectangle 47">
                <a:extLst>
                  <a:ext uri="{FF2B5EF4-FFF2-40B4-BE49-F238E27FC236}">
                    <a16:creationId xmlns:a16="http://schemas.microsoft.com/office/drawing/2014/main" id="{7C1F88BF-3A1C-C03E-4E05-8862503C8F00}"/>
                  </a:ext>
                </a:extLst>
              </p:cNvPr>
              <p:cNvSpPr/>
              <p:nvPr/>
            </p:nvSpPr>
            <p:spPr bwMode="auto">
              <a:xfrm>
                <a:off x="7243579" y="1722224"/>
                <a:ext cx="2332568" cy="1896944"/>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49" name="TextBox 48">
                <a:extLst>
                  <a:ext uri="{FF2B5EF4-FFF2-40B4-BE49-F238E27FC236}">
                    <a16:creationId xmlns:a16="http://schemas.microsoft.com/office/drawing/2014/main" id="{D578EC4F-7EF3-4C42-777D-0757930C286C}"/>
                  </a:ext>
                </a:extLst>
              </p:cNvPr>
              <p:cNvSpPr txBox="1"/>
              <p:nvPr/>
            </p:nvSpPr>
            <p:spPr>
              <a:xfrm>
                <a:off x="4298705" y="2040650"/>
                <a:ext cx="1931472" cy="528350"/>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Equally Well Consensus Statement</a:t>
                </a:r>
                <a:endParaRPr lang="en-AU" sz="900">
                  <a:solidFill>
                    <a:prstClr val="black">
                      <a:lumMod val="85000"/>
                      <a:lumOff val="15000"/>
                    </a:prstClr>
                  </a:solidFill>
                  <a:latin typeface="Arial"/>
                </a:endParaRPr>
              </a:p>
              <a:p>
                <a:pPr algn="ctr" defTabSz="1036198">
                  <a:spcAft>
                    <a:spcPts val="400"/>
                  </a:spcAft>
                  <a:defRPr/>
                </a:pPr>
                <a:r>
                  <a:rPr lang="en-AU" sz="900">
                    <a:solidFill>
                      <a:prstClr val="black">
                        <a:lumMod val="85000"/>
                        <a:lumOff val="15000"/>
                      </a:prstClr>
                    </a:solidFill>
                    <a:latin typeface="Arial"/>
                  </a:rPr>
                  <a:t>National Mental Health Commission</a:t>
                </a:r>
              </a:p>
            </p:txBody>
          </p:sp>
          <p:sp>
            <p:nvSpPr>
              <p:cNvPr id="50" name="TextBox 49">
                <a:extLst>
                  <a:ext uri="{FF2B5EF4-FFF2-40B4-BE49-F238E27FC236}">
                    <a16:creationId xmlns:a16="http://schemas.microsoft.com/office/drawing/2014/main" id="{0B96E3A7-FCBE-8A20-D134-6AFAA4756252}"/>
                  </a:ext>
                </a:extLst>
              </p:cNvPr>
              <p:cNvSpPr txBox="1"/>
              <p:nvPr/>
            </p:nvSpPr>
            <p:spPr>
              <a:xfrm>
                <a:off x="7469952" y="1956013"/>
                <a:ext cx="1931472" cy="697627"/>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National Children’s </a:t>
                </a:r>
                <a:br>
                  <a:rPr lang="en-US" sz="1100" b="1">
                    <a:solidFill>
                      <a:schemeClr val="bg2"/>
                    </a:solidFill>
                  </a:rPr>
                </a:br>
                <a:r>
                  <a:rPr lang="en-US" sz="1100" b="1">
                    <a:solidFill>
                      <a:schemeClr val="bg2"/>
                    </a:solidFill>
                  </a:rPr>
                  <a:t>Mental Health and Wellbeing Strategy</a:t>
                </a:r>
              </a:p>
              <a:p>
                <a:pPr algn="ctr" defTabSz="1036198">
                  <a:spcAft>
                    <a:spcPts val="400"/>
                  </a:spcAft>
                  <a:defRPr/>
                </a:pPr>
                <a:r>
                  <a:rPr lang="en-AU" sz="900">
                    <a:solidFill>
                      <a:prstClr val="black">
                        <a:lumMod val="85000"/>
                        <a:lumOff val="15000"/>
                      </a:prstClr>
                    </a:solidFill>
                    <a:latin typeface="Arial"/>
                  </a:rPr>
                  <a:t>National Mental Health Commission</a:t>
                </a:r>
                <a:endParaRPr lang="en-AU" sz="900">
                  <a:solidFill>
                    <a:prstClr val="black">
                      <a:lumMod val="85000"/>
                      <a:lumOff val="15000"/>
                    </a:prstClr>
                  </a:solidFill>
                  <a:latin typeface="Arial"/>
                  <a:cs typeface="Arial"/>
                </a:endParaRPr>
              </a:p>
            </p:txBody>
          </p:sp>
          <p:sp>
            <p:nvSpPr>
              <p:cNvPr id="51" name="TextBox 50">
                <a:extLst>
                  <a:ext uri="{FF2B5EF4-FFF2-40B4-BE49-F238E27FC236}">
                    <a16:creationId xmlns:a16="http://schemas.microsoft.com/office/drawing/2014/main" id="{1AB3550E-81D8-F743-A965-F4A1E168EAA9}"/>
                  </a:ext>
                </a:extLst>
              </p:cNvPr>
              <p:cNvSpPr txBox="1"/>
              <p:nvPr/>
            </p:nvSpPr>
            <p:spPr>
              <a:xfrm>
                <a:off x="2703587" y="5713344"/>
                <a:ext cx="1931472" cy="697627"/>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Mental Health Statement of Right and Responsibilities</a:t>
                </a:r>
                <a:endParaRPr lang="en-AU" sz="900">
                  <a:solidFill>
                    <a:prstClr val="black">
                      <a:lumMod val="85000"/>
                      <a:lumOff val="15000"/>
                    </a:prstClr>
                  </a:solidFill>
                  <a:latin typeface="Arial"/>
                </a:endParaRPr>
              </a:p>
              <a:p>
                <a:pPr algn="ctr" defTabSz="1036198">
                  <a:spcAft>
                    <a:spcPts val="400"/>
                  </a:spcAft>
                  <a:defRPr/>
                </a:pPr>
                <a:r>
                  <a:rPr lang="en-AU" sz="900">
                    <a:solidFill>
                      <a:prstClr val="black">
                        <a:lumMod val="85000"/>
                        <a:lumOff val="15000"/>
                      </a:prstClr>
                    </a:solidFill>
                    <a:latin typeface="Arial"/>
                  </a:rPr>
                  <a:t>Standing Council on Health</a:t>
                </a:r>
              </a:p>
            </p:txBody>
          </p:sp>
          <p:sp>
            <p:nvSpPr>
              <p:cNvPr id="52" name="TextBox 51">
                <a:extLst>
                  <a:ext uri="{FF2B5EF4-FFF2-40B4-BE49-F238E27FC236}">
                    <a16:creationId xmlns:a16="http://schemas.microsoft.com/office/drawing/2014/main" id="{EE012CF4-FDB9-880D-D1FA-1064245B7A50}"/>
                  </a:ext>
                </a:extLst>
              </p:cNvPr>
              <p:cNvSpPr txBox="1"/>
              <p:nvPr/>
            </p:nvSpPr>
            <p:spPr>
              <a:xfrm>
                <a:off x="5874833" y="5713344"/>
                <a:ext cx="1931472" cy="697627"/>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National Mental Health and Wellbeing Pandemic Response Plan</a:t>
                </a:r>
                <a:endParaRPr lang="en-AU" sz="900">
                  <a:solidFill>
                    <a:prstClr val="black">
                      <a:lumMod val="85000"/>
                      <a:lumOff val="15000"/>
                    </a:prstClr>
                  </a:solidFill>
                  <a:latin typeface="Arial"/>
                </a:endParaRPr>
              </a:p>
              <a:p>
                <a:pPr algn="ctr" defTabSz="1036198">
                  <a:spcAft>
                    <a:spcPts val="400"/>
                  </a:spcAft>
                  <a:defRPr/>
                </a:pPr>
                <a:r>
                  <a:rPr lang="en-AU" sz="900">
                    <a:solidFill>
                      <a:prstClr val="black">
                        <a:lumMod val="85000"/>
                        <a:lumOff val="15000"/>
                      </a:prstClr>
                    </a:solidFill>
                    <a:latin typeface="Arial"/>
                  </a:rPr>
                  <a:t>National Mental Health Commission</a:t>
                </a:r>
              </a:p>
            </p:txBody>
          </p:sp>
          <p:grpSp>
            <p:nvGrpSpPr>
              <p:cNvPr id="53" name="Group 52">
                <a:extLst>
                  <a:ext uri="{FF2B5EF4-FFF2-40B4-BE49-F238E27FC236}">
                    <a16:creationId xmlns:a16="http://schemas.microsoft.com/office/drawing/2014/main" id="{8BACF79B-A43F-1ED5-6ECB-16A8EA229B74}"/>
                  </a:ext>
                </a:extLst>
              </p:cNvPr>
              <p:cNvGrpSpPr/>
              <p:nvPr/>
            </p:nvGrpSpPr>
            <p:grpSpPr>
              <a:xfrm>
                <a:off x="1919966" y="2772278"/>
                <a:ext cx="536362" cy="538570"/>
                <a:chOff x="2129790" y="1450498"/>
                <a:chExt cx="418909" cy="418719"/>
              </a:xfrm>
            </p:grpSpPr>
            <p:sp>
              <p:nvSpPr>
                <p:cNvPr id="1064" name="Graphic 256">
                  <a:extLst>
                    <a:ext uri="{FF2B5EF4-FFF2-40B4-BE49-F238E27FC236}">
                      <a16:creationId xmlns:a16="http://schemas.microsoft.com/office/drawing/2014/main" id="{EFF0B6DB-8FA9-52D4-4F31-A55C1B031BAD}"/>
                    </a:ext>
                  </a:extLst>
                </p:cNvPr>
                <p:cNvSpPr/>
                <p:nvPr/>
              </p:nvSpPr>
              <p:spPr>
                <a:xfrm>
                  <a:off x="2355913" y="1542986"/>
                  <a:ext cx="73247" cy="80676"/>
                </a:xfrm>
                <a:custGeom>
                  <a:avLst/>
                  <a:gdLst>
                    <a:gd name="connsiteX0" fmla="*/ 0 w 73247"/>
                    <a:gd name="connsiteY0" fmla="*/ 0 h 80676"/>
                    <a:gd name="connsiteX1" fmla="*/ 0 w 73247"/>
                    <a:gd name="connsiteY1" fmla="*/ 80677 h 80676"/>
                    <a:gd name="connsiteX2" fmla="*/ 73247 w 73247"/>
                    <a:gd name="connsiteY2" fmla="*/ 80677 h 80676"/>
                    <a:gd name="connsiteX3" fmla="*/ 73247 w 73247"/>
                    <a:gd name="connsiteY3" fmla="*/ 60770 h 80676"/>
                    <a:gd name="connsiteX4" fmla="*/ 14002 w 73247"/>
                    <a:gd name="connsiteY4" fmla="*/ 1524 h 80676"/>
                    <a:gd name="connsiteX5" fmla="*/ 0 w 73247"/>
                    <a:gd name="connsiteY5" fmla="*/ 0 h 80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3247" h="80676">
                      <a:moveTo>
                        <a:pt x="0" y="0"/>
                      </a:moveTo>
                      <a:lnTo>
                        <a:pt x="0" y="80677"/>
                      </a:lnTo>
                      <a:lnTo>
                        <a:pt x="73247" y="80677"/>
                      </a:lnTo>
                      <a:lnTo>
                        <a:pt x="73247" y="60770"/>
                      </a:lnTo>
                      <a:lnTo>
                        <a:pt x="14002" y="1524"/>
                      </a:lnTo>
                      <a:lnTo>
                        <a:pt x="0" y="0"/>
                      </a:lnTo>
                      <a:close/>
                    </a:path>
                  </a:pathLst>
                </a:custGeom>
                <a:solidFill>
                  <a:srgbClr val="C7E4F1"/>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65" name="Graphic 256">
                  <a:extLst>
                    <a:ext uri="{FF2B5EF4-FFF2-40B4-BE49-F238E27FC236}">
                      <a16:creationId xmlns:a16="http://schemas.microsoft.com/office/drawing/2014/main" id="{D3B25E58-D519-C403-9FD9-DE5222DC5474}"/>
                    </a:ext>
                  </a:extLst>
                </p:cNvPr>
                <p:cNvSpPr/>
                <p:nvPr/>
              </p:nvSpPr>
              <p:spPr>
                <a:xfrm>
                  <a:off x="2457735" y="1458118"/>
                  <a:ext cx="77057" cy="81057"/>
                </a:xfrm>
                <a:custGeom>
                  <a:avLst/>
                  <a:gdLst>
                    <a:gd name="connsiteX0" fmla="*/ 0 w 77057"/>
                    <a:gd name="connsiteY0" fmla="*/ 191 h 81057"/>
                    <a:gd name="connsiteX1" fmla="*/ 0 w 77057"/>
                    <a:gd name="connsiteY1" fmla="*/ 81058 h 81057"/>
                    <a:gd name="connsiteX2" fmla="*/ 77057 w 77057"/>
                    <a:gd name="connsiteY2" fmla="*/ 81058 h 81057"/>
                    <a:gd name="connsiteX3" fmla="*/ 77057 w 77057"/>
                    <a:gd name="connsiteY3" fmla="*/ 59912 h 81057"/>
                    <a:gd name="connsiteX4" fmla="*/ 17145 w 77057"/>
                    <a:gd name="connsiteY4" fmla="*/ 0 h 81057"/>
                    <a:gd name="connsiteX5" fmla="*/ 0 w 77057"/>
                    <a:gd name="connsiteY5" fmla="*/ 191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7057" h="81057">
                      <a:moveTo>
                        <a:pt x="0" y="191"/>
                      </a:moveTo>
                      <a:lnTo>
                        <a:pt x="0" y="81058"/>
                      </a:lnTo>
                      <a:lnTo>
                        <a:pt x="77057" y="81058"/>
                      </a:lnTo>
                      <a:lnTo>
                        <a:pt x="77057" y="59912"/>
                      </a:lnTo>
                      <a:lnTo>
                        <a:pt x="17145" y="0"/>
                      </a:lnTo>
                      <a:lnTo>
                        <a:pt x="0" y="191"/>
                      </a:lnTo>
                      <a:close/>
                    </a:path>
                  </a:pathLst>
                </a:custGeom>
                <a:solidFill>
                  <a:srgbClr val="C7E4F1"/>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grpSp>
              <p:nvGrpSpPr>
                <p:cNvPr id="1066" name="Group 1065">
                  <a:extLst>
                    <a:ext uri="{FF2B5EF4-FFF2-40B4-BE49-F238E27FC236}">
                      <a16:creationId xmlns:a16="http://schemas.microsoft.com/office/drawing/2014/main" id="{0D563394-EC61-1C29-24C7-E00F452CEEEC}"/>
                    </a:ext>
                  </a:extLst>
                </p:cNvPr>
                <p:cNvGrpSpPr/>
                <p:nvPr/>
              </p:nvGrpSpPr>
              <p:grpSpPr>
                <a:xfrm>
                  <a:off x="2129790" y="1450498"/>
                  <a:ext cx="418909" cy="418719"/>
                  <a:chOff x="2129790" y="1450498"/>
                  <a:chExt cx="418909" cy="418719"/>
                </a:xfrm>
              </p:grpSpPr>
              <p:sp>
                <p:nvSpPr>
                  <p:cNvPr id="1067" name="Graphic 256">
                    <a:extLst>
                      <a:ext uri="{FF2B5EF4-FFF2-40B4-BE49-F238E27FC236}">
                        <a16:creationId xmlns:a16="http://schemas.microsoft.com/office/drawing/2014/main" id="{F00FAA3F-FB9D-CBA3-6C50-C3EFAE65C184}"/>
                      </a:ext>
                    </a:extLst>
                  </p:cNvPr>
                  <p:cNvSpPr/>
                  <p:nvPr/>
                </p:nvSpPr>
                <p:spPr>
                  <a:xfrm>
                    <a:off x="2170271" y="1530318"/>
                    <a:ext cx="98202" cy="165068"/>
                  </a:xfrm>
                  <a:custGeom>
                    <a:avLst/>
                    <a:gdLst>
                      <a:gd name="connsiteX0" fmla="*/ 28575 w 98202"/>
                      <a:gd name="connsiteY0" fmla="*/ 165068 h 165068"/>
                      <a:gd name="connsiteX1" fmla="*/ 0 w 98202"/>
                      <a:gd name="connsiteY1" fmla="*/ 136493 h 165068"/>
                      <a:gd name="connsiteX2" fmla="*/ 0 w 98202"/>
                      <a:gd name="connsiteY2" fmla="*/ 49054 h 165068"/>
                      <a:gd name="connsiteX3" fmla="*/ 49054 w 98202"/>
                      <a:gd name="connsiteY3" fmla="*/ 0 h 165068"/>
                      <a:gd name="connsiteX4" fmla="*/ 98203 w 98202"/>
                      <a:gd name="connsiteY4" fmla="*/ 49149 h 165068"/>
                      <a:gd name="connsiteX5" fmla="*/ 98203 w 98202"/>
                      <a:gd name="connsiteY5" fmla="*/ 102679 h 165068"/>
                      <a:gd name="connsiteX6" fmla="*/ 89259 w 98202"/>
                      <a:gd name="connsiteY6" fmla="*/ 111640 h 165068"/>
                      <a:gd name="connsiteX7" fmla="*/ 82867 w 98202"/>
                      <a:gd name="connsiteY7" fmla="*/ 108966 h 165068"/>
                      <a:gd name="connsiteX8" fmla="*/ 80296 w 98202"/>
                      <a:gd name="connsiteY8" fmla="*/ 102679 h 165068"/>
                      <a:gd name="connsiteX9" fmla="*/ 80296 w 98202"/>
                      <a:gd name="connsiteY9" fmla="*/ 49149 h 165068"/>
                      <a:gd name="connsiteX10" fmla="*/ 50921 w 98202"/>
                      <a:gd name="connsiteY10" fmla="*/ 16328 h 165068"/>
                      <a:gd name="connsiteX11" fmla="*/ 18097 w 98202"/>
                      <a:gd name="connsiteY11" fmla="*/ 45706 h 165068"/>
                      <a:gd name="connsiteX12" fmla="*/ 18097 w 98202"/>
                      <a:gd name="connsiteY12" fmla="*/ 49149 h 165068"/>
                      <a:gd name="connsiteX13" fmla="*/ 18097 w 98202"/>
                      <a:gd name="connsiteY13" fmla="*/ 136112 h 165068"/>
                      <a:gd name="connsiteX14" fmla="*/ 30223 w 98202"/>
                      <a:gd name="connsiteY14" fmla="*/ 146179 h 165068"/>
                      <a:gd name="connsiteX15" fmla="*/ 40291 w 98202"/>
                      <a:gd name="connsiteY15" fmla="*/ 136112 h 165068"/>
                      <a:gd name="connsiteX16" fmla="*/ 40291 w 98202"/>
                      <a:gd name="connsiteY16" fmla="*/ 62484 h 165068"/>
                      <a:gd name="connsiteX17" fmla="*/ 49054 w 98202"/>
                      <a:gd name="connsiteY17" fmla="*/ 54007 h 165068"/>
                      <a:gd name="connsiteX18" fmla="*/ 55435 w 98202"/>
                      <a:gd name="connsiteY18" fmla="*/ 56674 h 165068"/>
                      <a:gd name="connsiteX19" fmla="*/ 58102 w 98202"/>
                      <a:gd name="connsiteY19" fmla="*/ 62960 h 165068"/>
                      <a:gd name="connsiteX20" fmla="*/ 58102 w 98202"/>
                      <a:gd name="connsiteY20" fmla="*/ 136493 h 165068"/>
                      <a:gd name="connsiteX21" fmla="*/ 29527 w 98202"/>
                      <a:gd name="connsiteY21" fmla="*/ 165068 h 16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8202" h="165068">
                        <a:moveTo>
                          <a:pt x="28575" y="165068"/>
                        </a:moveTo>
                        <a:cubicBezTo>
                          <a:pt x="12792" y="165068"/>
                          <a:pt x="0" y="152275"/>
                          <a:pt x="0" y="136493"/>
                        </a:cubicBezTo>
                        <a:lnTo>
                          <a:pt x="0" y="49054"/>
                        </a:lnTo>
                        <a:cubicBezTo>
                          <a:pt x="105" y="22006"/>
                          <a:pt x="22003" y="105"/>
                          <a:pt x="49054" y="0"/>
                        </a:cubicBezTo>
                        <a:cubicBezTo>
                          <a:pt x="76181" y="52"/>
                          <a:pt x="98146" y="22027"/>
                          <a:pt x="98203" y="49149"/>
                        </a:cubicBezTo>
                        <a:lnTo>
                          <a:pt x="98203" y="102679"/>
                        </a:lnTo>
                        <a:cubicBezTo>
                          <a:pt x="98203" y="107625"/>
                          <a:pt x="94202" y="111636"/>
                          <a:pt x="89259" y="111640"/>
                        </a:cubicBezTo>
                        <a:cubicBezTo>
                          <a:pt x="86858" y="111642"/>
                          <a:pt x="84553" y="110678"/>
                          <a:pt x="82867" y="108966"/>
                        </a:cubicBezTo>
                        <a:cubicBezTo>
                          <a:pt x="81182" y="107314"/>
                          <a:pt x="80248" y="105040"/>
                          <a:pt x="80296" y="102679"/>
                        </a:cubicBezTo>
                        <a:lnTo>
                          <a:pt x="80296" y="49149"/>
                        </a:lnTo>
                        <a:cubicBezTo>
                          <a:pt x="81248" y="31973"/>
                          <a:pt x="68094" y="17279"/>
                          <a:pt x="50921" y="16328"/>
                        </a:cubicBezTo>
                        <a:cubicBezTo>
                          <a:pt x="33747" y="15377"/>
                          <a:pt x="19050" y="28530"/>
                          <a:pt x="18097" y="45706"/>
                        </a:cubicBezTo>
                        <a:cubicBezTo>
                          <a:pt x="18031" y="46853"/>
                          <a:pt x="18031" y="48002"/>
                          <a:pt x="18097" y="49149"/>
                        </a:cubicBezTo>
                        <a:lnTo>
                          <a:pt x="18097" y="136112"/>
                        </a:lnTo>
                        <a:cubicBezTo>
                          <a:pt x="18669" y="142241"/>
                          <a:pt x="24098" y="146748"/>
                          <a:pt x="30223" y="146179"/>
                        </a:cubicBezTo>
                        <a:cubicBezTo>
                          <a:pt x="35566" y="145684"/>
                          <a:pt x="39795" y="141454"/>
                          <a:pt x="40291" y="136112"/>
                        </a:cubicBezTo>
                        <a:lnTo>
                          <a:pt x="40291" y="62484"/>
                        </a:lnTo>
                        <a:cubicBezTo>
                          <a:pt x="40538" y="57799"/>
                          <a:pt x="44367" y="54100"/>
                          <a:pt x="49054" y="54007"/>
                        </a:cubicBezTo>
                        <a:cubicBezTo>
                          <a:pt x="51454" y="53994"/>
                          <a:pt x="53759" y="54956"/>
                          <a:pt x="55435" y="56674"/>
                        </a:cubicBezTo>
                        <a:cubicBezTo>
                          <a:pt x="57150" y="58316"/>
                          <a:pt x="58112" y="60589"/>
                          <a:pt x="58102" y="62960"/>
                        </a:cubicBezTo>
                        <a:lnTo>
                          <a:pt x="58102" y="136493"/>
                        </a:lnTo>
                        <a:cubicBezTo>
                          <a:pt x="57798" y="152148"/>
                          <a:pt x="45177" y="164764"/>
                          <a:pt x="29527" y="165068"/>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68" name="Graphic 256">
                    <a:extLst>
                      <a:ext uri="{FF2B5EF4-FFF2-40B4-BE49-F238E27FC236}">
                        <a16:creationId xmlns:a16="http://schemas.microsoft.com/office/drawing/2014/main" id="{DC8E281B-9B53-D3AD-E871-80E4E5B322B9}"/>
                      </a:ext>
                    </a:extLst>
                  </p:cNvPr>
                  <p:cNvSpPr/>
                  <p:nvPr/>
                </p:nvSpPr>
                <p:spPr>
                  <a:xfrm>
                    <a:off x="2129790" y="1530318"/>
                    <a:ext cx="312038" cy="338899"/>
                  </a:xfrm>
                  <a:custGeom>
                    <a:avLst/>
                    <a:gdLst>
                      <a:gd name="connsiteX0" fmla="*/ 19621 w 312038"/>
                      <a:gd name="connsiteY0" fmla="*/ 338900 h 338899"/>
                      <a:gd name="connsiteX1" fmla="*/ 0 w 312038"/>
                      <a:gd name="connsiteY1" fmla="*/ 319850 h 338899"/>
                      <a:gd name="connsiteX2" fmla="*/ 0 w 312038"/>
                      <a:gd name="connsiteY2" fmla="*/ 35719 h 338899"/>
                      <a:gd name="connsiteX3" fmla="*/ 9925 w 312038"/>
                      <a:gd name="connsiteY3" fmla="*/ 27644 h 338899"/>
                      <a:gd name="connsiteX4" fmla="*/ 18002 w 312038"/>
                      <a:gd name="connsiteY4" fmla="*/ 35719 h 338899"/>
                      <a:gd name="connsiteX5" fmla="*/ 18002 w 312038"/>
                      <a:gd name="connsiteY5" fmla="*/ 316516 h 338899"/>
                      <a:gd name="connsiteX6" fmla="*/ 22546 w 312038"/>
                      <a:gd name="connsiteY6" fmla="*/ 320730 h 338899"/>
                      <a:gd name="connsiteX7" fmla="*/ 22860 w 312038"/>
                      <a:gd name="connsiteY7" fmla="*/ 320707 h 338899"/>
                      <a:gd name="connsiteX8" fmla="*/ 289560 w 312038"/>
                      <a:gd name="connsiteY8" fmla="*/ 320707 h 338899"/>
                      <a:gd name="connsiteX9" fmla="*/ 293942 w 312038"/>
                      <a:gd name="connsiteY9" fmla="*/ 316325 h 338899"/>
                      <a:gd name="connsiteX10" fmla="*/ 293942 w 312038"/>
                      <a:gd name="connsiteY10" fmla="*/ 102584 h 338899"/>
                      <a:gd name="connsiteX11" fmla="*/ 289560 w 312038"/>
                      <a:gd name="connsiteY11" fmla="*/ 98203 h 338899"/>
                      <a:gd name="connsiteX12" fmla="*/ 231553 w 312038"/>
                      <a:gd name="connsiteY12" fmla="*/ 98203 h 338899"/>
                      <a:gd name="connsiteX13" fmla="*/ 213741 w 312038"/>
                      <a:gd name="connsiteY13" fmla="*/ 80391 h 338899"/>
                      <a:gd name="connsiteX14" fmla="*/ 213741 w 312038"/>
                      <a:gd name="connsiteY14" fmla="*/ 22384 h 338899"/>
                      <a:gd name="connsiteX15" fmla="*/ 209264 w 312038"/>
                      <a:gd name="connsiteY15" fmla="*/ 18002 h 338899"/>
                      <a:gd name="connsiteX16" fmla="*/ 156210 w 312038"/>
                      <a:gd name="connsiteY16" fmla="*/ 18002 h 338899"/>
                      <a:gd name="connsiteX17" fmla="*/ 148133 w 312038"/>
                      <a:gd name="connsiteY17" fmla="*/ 8074 h 338899"/>
                      <a:gd name="connsiteX18" fmla="*/ 156210 w 312038"/>
                      <a:gd name="connsiteY18" fmla="*/ 0 h 338899"/>
                      <a:gd name="connsiteX19" fmla="*/ 236410 w 312038"/>
                      <a:gd name="connsiteY19" fmla="*/ 0 h 338899"/>
                      <a:gd name="connsiteX20" fmla="*/ 242792 w 312038"/>
                      <a:gd name="connsiteY20" fmla="*/ 2667 h 338899"/>
                      <a:gd name="connsiteX21" fmla="*/ 309467 w 312038"/>
                      <a:gd name="connsiteY21" fmla="*/ 69342 h 338899"/>
                      <a:gd name="connsiteX22" fmla="*/ 312039 w 312038"/>
                      <a:gd name="connsiteY22" fmla="*/ 75724 h 338899"/>
                      <a:gd name="connsiteX23" fmla="*/ 312039 w 312038"/>
                      <a:gd name="connsiteY23" fmla="*/ 319373 h 338899"/>
                      <a:gd name="connsiteX24" fmla="*/ 292513 w 312038"/>
                      <a:gd name="connsiteY24" fmla="*/ 338423 h 338899"/>
                      <a:gd name="connsiteX25" fmla="*/ 236315 w 312038"/>
                      <a:gd name="connsiteY25" fmla="*/ 23527 h 338899"/>
                      <a:gd name="connsiteX26" fmla="*/ 234696 w 312038"/>
                      <a:gd name="connsiteY26" fmla="*/ 23527 h 338899"/>
                      <a:gd name="connsiteX27" fmla="*/ 231934 w 312038"/>
                      <a:gd name="connsiteY27" fmla="*/ 27527 h 338899"/>
                      <a:gd name="connsiteX28" fmla="*/ 231934 w 312038"/>
                      <a:gd name="connsiteY28" fmla="*/ 75152 h 338899"/>
                      <a:gd name="connsiteX29" fmla="*/ 236315 w 312038"/>
                      <a:gd name="connsiteY29" fmla="*/ 79534 h 338899"/>
                      <a:gd name="connsiteX30" fmla="*/ 283940 w 312038"/>
                      <a:gd name="connsiteY30" fmla="*/ 79534 h 338899"/>
                      <a:gd name="connsiteX31" fmla="*/ 288322 w 312038"/>
                      <a:gd name="connsiteY31" fmla="*/ 75147 h 338899"/>
                      <a:gd name="connsiteX32" fmla="*/ 286988 w 312038"/>
                      <a:gd name="connsiteY32" fmla="*/ 72009 h 338899"/>
                      <a:gd name="connsiteX33" fmla="*/ 239363 w 312038"/>
                      <a:gd name="connsiteY33" fmla="*/ 24384 h 338899"/>
                      <a:gd name="connsiteX34" fmla="*/ 236315 w 312038"/>
                      <a:gd name="connsiteY34" fmla="*/ 23527 h 3388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12038" h="338899">
                        <a:moveTo>
                          <a:pt x="19621" y="338900"/>
                        </a:moveTo>
                        <a:cubicBezTo>
                          <a:pt x="9001" y="338904"/>
                          <a:pt x="305" y="330462"/>
                          <a:pt x="0" y="319850"/>
                        </a:cubicBezTo>
                        <a:lnTo>
                          <a:pt x="0" y="35719"/>
                        </a:lnTo>
                        <a:cubicBezTo>
                          <a:pt x="514" y="30748"/>
                          <a:pt x="4953" y="27133"/>
                          <a:pt x="9925" y="27644"/>
                        </a:cubicBezTo>
                        <a:cubicBezTo>
                          <a:pt x="14192" y="28084"/>
                          <a:pt x="17564" y="31454"/>
                          <a:pt x="18002" y="35719"/>
                        </a:cubicBezTo>
                        <a:lnTo>
                          <a:pt x="18002" y="316516"/>
                        </a:lnTo>
                        <a:cubicBezTo>
                          <a:pt x="18097" y="318934"/>
                          <a:pt x="20126" y="320821"/>
                          <a:pt x="22546" y="320730"/>
                        </a:cubicBezTo>
                        <a:cubicBezTo>
                          <a:pt x="22650" y="320726"/>
                          <a:pt x="22755" y="320718"/>
                          <a:pt x="22860" y="320707"/>
                        </a:cubicBezTo>
                        <a:lnTo>
                          <a:pt x="289560" y="320707"/>
                        </a:lnTo>
                        <a:cubicBezTo>
                          <a:pt x="291979" y="320707"/>
                          <a:pt x="293942" y="318746"/>
                          <a:pt x="293942" y="316325"/>
                        </a:cubicBezTo>
                        <a:lnTo>
                          <a:pt x="293942" y="102584"/>
                        </a:lnTo>
                        <a:cubicBezTo>
                          <a:pt x="293894" y="100186"/>
                          <a:pt x="291960" y="98253"/>
                          <a:pt x="289560" y="98203"/>
                        </a:cubicBezTo>
                        <a:lnTo>
                          <a:pt x="231553" y="98203"/>
                        </a:lnTo>
                        <a:cubicBezTo>
                          <a:pt x="221713" y="98203"/>
                          <a:pt x="213741" y="90228"/>
                          <a:pt x="213741" y="80391"/>
                        </a:cubicBezTo>
                        <a:lnTo>
                          <a:pt x="213741" y="22384"/>
                        </a:lnTo>
                        <a:cubicBezTo>
                          <a:pt x="213693" y="19948"/>
                          <a:pt x="211703" y="18001"/>
                          <a:pt x="209264" y="18002"/>
                        </a:cubicBezTo>
                        <a:lnTo>
                          <a:pt x="156210" y="18002"/>
                        </a:lnTo>
                        <a:cubicBezTo>
                          <a:pt x="151238" y="17490"/>
                          <a:pt x="147628" y="13045"/>
                          <a:pt x="148133" y="8074"/>
                        </a:cubicBezTo>
                        <a:cubicBezTo>
                          <a:pt x="148571" y="3810"/>
                          <a:pt x="151943" y="439"/>
                          <a:pt x="156210" y="0"/>
                        </a:cubicBezTo>
                        <a:lnTo>
                          <a:pt x="236410" y="0"/>
                        </a:lnTo>
                        <a:cubicBezTo>
                          <a:pt x="238801" y="58"/>
                          <a:pt x="241078" y="1010"/>
                          <a:pt x="242792" y="2667"/>
                        </a:cubicBezTo>
                        <a:lnTo>
                          <a:pt x="309467" y="69342"/>
                        </a:lnTo>
                        <a:cubicBezTo>
                          <a:pt x="311086" y="71075"/>
                          <a:pt x="312010" y="73350"/>
                          <a:pt x="312039" y="75724"/>
                        </a:cubicBezTo>
                        <a:lnTo>
                          <a:pt x="312039" y="319373"/>
                        </a:lnTo>
                        <a:cubicBezTo>
                          <a:pt x="311782" y="329971"/>
                          <a:pt x="303114" y="338426"/>
                          <a:pt x="292513" y="338423"/>
                        </a:cubicBezTo>
                        <a:close/>
                        <a:moveTo>
                          <a:pt x="236315" y="23527"/>
                        </a:moveTo>
                        <a:cubicBezTo>
                          <a:pt x="235782" y="23386"/>
                          <a:pt x="235229" y="23386"/>
                          <a:pt x="234696" y="23527"/>
                        </a:cubicBezTo>
                        <a:cubicBezTo>
                          <a:pt x="233020" y="24135"/>
                          <a:pt x="231905" y="25741"/>
                          <a:pt x="231934" y="27527"/>
                        </a:cubicBezTo>
                        <a:lnTo>
                          <a:pt x="231934" y="75152"/>
                        </a:lnTo>
                        <a:cubicBezTo>
                          <a:pt x="231981" y="77551"/>
                          <a:pt x="233915" y="79483"/>
                          <a:pt x="236315" y="79534"/>
                        </a:cubicBezTo>
                        <a:lnTo>
                          <a:pt x="283940" y="79534"/>
                        </a:lnTo>
                        <a:cubicBezTo>
                          <a:pt x="286360" y="79531"/>
                          <a:pt x="288322" y="77568"/>
                          <a:pt x="288322" y="75147"/>
                        </a:cubicBezTo>
                        <a:cubicBezTo>
                          <a:pt x="288312" y="73965"/>
                          <a:pt x="287836" y="72833"/>
                          <a:pt x="286988" y="72009"/>
                        </a:cubicBezTo>
                        <a:lnTo>
                          <a:pt x="239363" y="24384"/>
                        </a:lnTo>
                        <a:cubicBezTo>
                          <a:pt x="238487" y="23736"/>
                          <a:pt x="237401" y="23431"/>
                          <a:pt x="236315" y="23527"/>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69" name="Graphic 256">
                    <a:extLst>
                      <a:ext uri="{FF2B5EF4-FFF2-40B4-BE49-F238E27FC236}">
                        <a16:creationId xmlns:a16="http://schemas.microsoft.com/office/drawing/2014/main" id="{75716FAE-3412-4826-57BE-50171909130C}"/>
                      </a:ext>
                    </a:extLst>
                  </p:cNvPr>
                  <p:cNvSpPr/>
                  <p:nvPr/>
                </p:nvSpPr>
                <p:spPr>
                  <a:xfrm>
                    <a:off x="2223370" y="1450498"/>
                    <a:ext cx="325329" cy="338566"/>
                  </a:xfrm>
                  <a:custGeom>
                    <a:avLst/>
                    <a:gdLst>
                      <a:gd name="connsiteX0" fmla="*/ 263131 w 325329"/>
                      <a:gd name="connsiteY0" fmla="*/ 338518 h 338566"/>
                      <a:gd name="connsiteX1" fmla="*/ 253205 w 325329"/>
                      <a:gd name="connsiteY1" fmla="*/ 330444 h 338566"/>
                      <a:gd name="connsiteX2" fmla="*/ 261273 w 325329"/>
                      <a:gd name="connsiteY2" fmla="*/ 320516 h 338566"/>
                      <a:gd name="connsiteX3" fmla="*/ 263131 w 325329"/>
                      <a:gd name="connsiteY3" fmla="*/ 320516 h 338566"/>
                      <a:gd name="connsiteX4" fmla="*/ 303231 w 325329"/>
                      <a:gd name="connsiteY4" fmla="*/ 320516 h 338566"/>
                      <a:gd name="connsiteX5" fmla="*/ 307612 w 325329"/>
                      <a:gd name="connsiteY5" fmla="*/ 316135 h 338566"/>
                      <a:gd name="connsiteX6" fmla="*/ 307612 w 325329"/>
                      <a:gd name="connsiteY6" fmla="*/ 102203 h 338566"/>
                      <a:gd name="connsiteX7" fmla="*/ 303231 w 325329"/>
                      <a:gd name="connsiteY7" fmla="*/ 97822 h 338566"/>
                      <a:gd name="connsiteX8" fmla="*/ 245223 w 325329"/>
                      <a:gd name="connsiteY8" fmla="*/ 97822 h 338566"/>
                      <a:gd name="connsiteX9" fmla="*/ 227412 w 325329"/>
                      <a:gd name="connsiteY9" fmla="*/ 80010 h 338566"/>
                      <a:gd name="connsiteX10" fmla="*/ 227412 w 325329"/>
                      <a:gd name="connsiteY10" fmla="*/ 22003 h 338566"/>
                      <a:gd name="connsiteX11" fmla="*/ 223030 w 325329"/>
                      <a:gd name="connsiteY11" fmla="*/ 17621 h 338566"/>
                      <a:gd name="connsiteX12" fmla="*/ 22434 w 325329"/>
                      <a:gd name="connsiteY12" fmla="*/ 17621 h 338566"/>
                      <a:gd name="connsiteX13" fmla="*/ 18052 w 325329"/>
                      <a:gd name="connsiteY13" fmla="*/ 21810 h 338566"/>
                      <a:gd name="connsiteX14" fmla="*/ 18052 w 325329"/>
                      <a:gd name="connsiteY14" fmla="*/ 22003 h 338566"/>
                      <a:gd name="connsiteX15" fmla="*/ 18052 w 325329"/>
                      <a:gd name="connsiteY15" fmla="*/ 48673 h 338566"/>
                      <a:gd name="connsiteX16" fmla="*/ 9975 w 325329"/>
                      <a:gd name="connsiteY16" fmla="*/ 58601 h 338566"/>
                      <a:gd name="connsiteX17" fmla="*/ 50 w 325329"/>
                      <a:gd name="connsiteY17" fmla="*/ 50527 h 338566"/>
                      <a:gd name="connsiteX18" fmla="*/ 50 w 325329"/>
                      <a:gd name="connsiteY18" fmla="*/ 48673 h 338566"/>
                      <a:gd name="connsiteX19" fmla="*/ 50 w 325329"/>
                      <a:gd name="connsiteY19" fmla="*/ 19526 h 338566"/>
                      <a:gd name="connsiteX20" fmla="*/ 19576 w 325329"/>
                      <a:gd name="connsiteY20" fmla="*/ 0 h 338566"/>
                      <a:gd name="connsiteX21" fmla="*/ 19672 w 325329"/>
                      <a:gd name="connsiteY21" fmla="*/ 0 h 338566"/>
                      <a:gd name="connsiteX22" fmla="*/ 249700 w 325329"/>
                      <a:gd name="connsiteY22" fmla="*/ 0 h 338566"/>
                      <a:gd name="connsiteX23" fmla="*/ 256082 w 325329"/>
                      <a:gd name="connsiteY23" fmla="*/ 2667 h 338566"/>
                      <a:gd name="connsiteX24" fmla="*/ 322757 w 325329"/>
                      <a:gd name="connsiteY24" fmla="*/ 69342 h 338566"/>
                      <a:gd name="connsiteX25" fmla="*/ 325329 w 325329"/>
                      <a:gd name="connsiteY25" fmla="*/ 75628 h 338566"/>
                      <a:gd name="connsiteX26" fmla="*/ 325329 w 325329"/>
                      <a:gd name="connsiteY26" fmla="*/ 318897 h 338566"/>
                      <a:gd name="connsiteX27" fmla="*/ 306279 w 325329"/>
                      <a:gd name="connsiteY27" fmla="*/ 338518 h 338566"/>
                      <a:gd name="connsiteX28" fmla="*/ 249700 w 325329"/>
                      <a:gd name="connsiteY28" fmla="*/ 23146 h 338566"/>
                      <a:gd name="connsiteX29" fmla="*/ 248081 w 325329"/>
                      <a:gd name="connsiteY29" fmla="*/ 23146 h 338566"/>
                      <a:gd name="connsiteX30" fmla="*/ 245319 w 325329"/>
                      <a:gd name="connsiteY30" fmla="*/ 27242 h 338566"/>
                      <a:gd name="connsiteX31" fmla="*/ 245319 w 325329"/>
                      <a:gd name="connsiteY31" fmla="*/ 74867 h 338566"/>
                      <a:gd name="connsiteX32" fmla="*/ 249700 w 325329"/>
                      <a:gd name="connsiteY32" fmla="*/ 79248 h 338566"/>
                      <a:gd name="connsiteX33" fmla="*/ 297325 w 325329"/>
                      <a:gd name="connsiteY33" fmla="*/ 79248 h 338566"/>
                      <a:gd name="connsiteX34" fmla="*/ 301326 w 325329"/>
                      <a:gd name="connsiteY34" fmla="*/ 76581 h 338566"/>
                      <a:gd name="connsiteX35" fmla="*/ 300373 w 325329"/>
                      <a:gd name="connsiteY35" fmla="*/ 71819 h 338566"/>
                      <a:gd name="connsiteX36" fmla="*/ 252748 w 325329"/>
                      <a:gd name="connsiteY36" fmla="*/ 24194 h 338566"/>
                      <a:gd name="connsiteX37" fmla="*/ 249700 w 325329"/>
                      <a:gd name="connsiteY37" fmla="*/ 23146 h 338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325329" h="338566">
                        <a:moveTo>
                          <a:pt x="263131" y="338518"/>
                        </a:moveTo>
                        <a:cubicBezTo>
                          <a:pt x="258158" y="339031"/>
                          <a:pt x="253710" y="335415"/>
                          <a:pt x="253205" y="330444"/>
                        </a:cubicBezTo>
                        <a:cubicBezTo>
                          <a:pt x="252691" y="325473"/>
                          <a:pt x="256301" y="321029"/>
                          <a:pt x="261273" y="320516"/>
                        </a:cubicBezTo>
                        <a:cubicBezTo>
                          <a:pt x="261892" y="320452"/>
                          <a:pt x="262511" y="320452"/>
                          <a:pt x="263131" y="320516"/>
                        </a:cubicBezTo>
                        <a:lnTo>
                          <a:pt x="303231" y="320516"/>
                        </a:lnTo>
                        <a:cubicBezTo>
                          <a:pt x="305650" y="320516"/>
                          <a:pt x="307612" y="318555"/>
                          <a:pt x="307612" y="316135"/>
                        </a:cubicBezTo>
                        <a:lnTo>
                          <a:pt x="307612" y="102203"/>
                        </a:lnTo>
                        <a:cubicBezTo>
                          <a:pt x="307565" y="99805"/>
                          <a:pt x="305631" y="97872"/>
                          <a:pt x="303231" y="97822"/>
                        </a:cubicBezTo>
                        <a:lnTo>
                          <a:pt x="245223" y="97822"/>
                        </a:lnTo>
                        <a:cubicBezTo>
                          <a:pt x="235384" y="97822"/>
                          <a:pt x="227412" y="89847"/>
                          <a:pt x="227412" y="80010"/>
                        </a:cubicBezTo>
                        <a:lnTo>
                          <a:pt x="227412" y="22003"/>
                        </a:lnTo>
                        <a:cubicBezTo>
                          <a:pt x="227412" y="19582"/>
                          <a:pt x="225450" y="17621"/>
                          <a:pt x="223030" y="17621"/>
                        </a:cubicBezTo>
                        <a:lnTo>
                          <a:pt x="22434" y="17621"/>
                        </a:lnTo>
                        <a:cubicBezTo>
                          <a:pt x="20072" y="17568"/>
                          <a:pt x="18109" y="19443"/>
                          <a:pt x="18052" y="21810"/>
                        </a:cubicBezTo>
                        <a:cubicBezTo>
                          <a:pt x="18052" y="21874"/>
                          <a:pt x="18052" y="21939"/>
                          <a:pt x="18052" y="22003"/>
                        </a:cubicBezTo>
                        <a:lnTo>
                          <a:pt x="18052" y="48673"/>
                        </a:lnTo>
                        <a:cubicBezTo>
                          <a:pt x="18567" y="53644"/>
                          <a:pt x="14947" y="58089"/>
                          <a:pt x="9975" y="58601"/>
                        </a:cubicBezTo>
                        <a:cubicBezTo>
                          <a:pt x="5003" y="59113"/>
                          <a:pt x="564" y="55498"/>
                          <a:pt x="50" y="50527"/>
                        </a:cubicBezTo>
                        <a:cubicBezTo>
                          <a:pt x="-17" y="49911"/>
                          <a:pt x="-17" y="49289"/>
                          <a:pt x="50" y="48673"/>
                        </a:cubicBezTo>
                        <a:lnTo>
                          <a:pt x="50" y="19526"/>
                        </a:lnTo>
                        <a:cubicBezTo>
                          <a:pt x="50" y="8742"/>
                          <a:pt x="8794" y="0"/>
                          <a:pt x="19576" y="0"/>
                        </a:cubicBezTo>
                        <a:cubicBezTo>
                          <a:pt x="19605" y="0"/>
                          <a:pt x="19643" y="0"/>
                          <a:pt x="19672" y="0"/>
                        </a:cubicBezTo>
                        <a:lnTo>
                          <a:pt x="249700" y="0"/>
                        </a:lnTo>
                        <a:cubicBezTo>
                          <a:pt x="252091" y="58"/>
                          <a:pt x="254368" y="1010"/>
                          <a:pt x="256082" y="2667"/>
                        </a:cubicBezTo>
                        <a:lnTo>
                          <a:pt x="322757" y="69342"/>
                        </a:lnTo>
                        <a:cubicBezTo>
                          <a:pt x="324405" y="71018"/>
                          <a:pt x="325329" y="73277"/>
                          <a:pt x="325329" y="75628"/>
                        </a:cubicBezTo>
                        <a:lnTo>
                          <a:pt x="325329" y="318897"/>
                        </a:lnTo>
                        <a:cubicBezTo>
                          <a:pt x="325386" y="329535"/>
                          <a:pt x="316918" y="338259"/>
                          <a:pt x="306279" y="338518"/>
                        </a:cubicBezTo>
                        <a:close/>
                        <a:moveTo>
                          <a:pt x="249700" y="23146"/>
                        </a:moveTo>
                        <a:cubicBezTo>
                          <a:pt x="249167" y="23048"/>
                          <a:pt x="248614" y="23048"/>
                          <a:pt x="248081" y="23146"/>
                        </a:cubicBezTo>
                        <a:cubicBezTo>
                          <a:pt x="246405" y="23813"/>
                          <a:pt x="245309" y="25437"/>
                          <a:pt x="245319" y="27242"/>
                        </a:cubicBezTo>
                        <a:lnTo>
                          <a:pt x="245319" y="74867"/>
                        </a:lnTo>
                        <a:cubicBezTo>
                          <a:pt x="245319" y="77287"/>
                          <a:pt x="247281" y="79248"/>
                          <a:pt x="249700" y="79248"/>
                        </a:cubicBezTo>
                        <a:lnTo>
                          <a:pt x="297325" y="79248"/>
                        </a:lnTo>
                        <a:cubicBezTo>
                          <a:pt x="299068" y="79236"/>
                          <a:pt x="300640" y="78188"/>
                          <a:pt x="301326" y="76581"/>
                        </a:cubicBezTo>
                        <a:cubicBezTo>
                          <a:pt x="302002" y="74947"/>
                          <a:pt x="301621" y="73069"/>
                          <a:pt x="300373" y="71819"/>
                        </a:cubicBezTo>
                        <a:lnTo>
                          <a:pt x="252748" y="24194"/>
                        </a:lnTo>
                        <a:cubicBezTo>
                          <a:pt x="251901" y="23470"/>
                          <a:pt x="250815" y="23095"/>
                          <a:pt x="249700" y="23146"/>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70" name="Graphic 256">
                    <a:extLst>
                      <a:ext uri="{FF2B5EF4-FFF2-40B4-BE49-F238E27FC236}">
                        <a16:creationId xmlns:a16="http://schemas.microsoft.com/office/drawing/2014/main" id="{D5ED9A83-712C-BE90-673F-F5A5C7A6C08F}"/>
                      </a:ext>
                    </a:extLst>
                  </p:cNvPr>
                  <p:cNvSpPr/>
                  <p:nvPr/>
                </p:nvSpPr>
                <p:spPr>
                  <a:xfrm>
                    <a:off x="2251015" y="1677335"/>
                    <a:ext cx="98298" cy="18098"/>
                  </a:xfrm>
                  <a:custGeom>
                    <a:avLst/>
                    <a:gdLst>
                      <a:gd name="connsiteX0" fmla="*/ 8124 w 98298"/>
                      <a:gd name="connsiteY0" fmla="*/ 18051 h 18098"/>
                      <a:gd name="connsiteX1" fmla="*/ 47 w 98298"/>
                      <a:gd name="connsiteY1" fmla="*/ 8123 h 18098"/>
                      <a:gd name="connsiteX2" fmla="*/ 8124 w 98298"/>
                      <a:gd name="connsiteY2" fmla="*/ 48 h 18098"/>
                      <a:gd name="connsiteX3" fmla="*/ 88325 w 98298"/>
                      <a:gd name="connsiteY3" fmla="*/ 48 h 18098"/>
                      <a:gd name="connsiteX4" fmla="*/ 98250 w 98298"/>
                      <a:gd name="connsiteY4" fmla="*/ 8123 h 18098"/>
                      <a:gd name="connsiteX5" fmla="*/ 90182 w 98298"/>
                      <a:gd name="connsiteY5" fmla="*/ 18051 h 18098"/>
                      <a:gd name="connsiteX6" fmla="*/ 88325 w 98298"/>
                      <a:gd name="connsiteY6" fmla="*/ 18051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298" h="18098">
                        <a:moveTo>
                          <a:pt x="8124" y="18051"/>
                        </a:moveTo>
                        <a:cubicBezTo>
                          <a:pt x="3152" y="17538"/>
                          <a:pt x="-458" y="13094"/>
                          <a:pt x="47" y="8123"/>
                        </a:cubicBezTo>
                        <a:cubicBezTo>
                          <a:pt x="485" y="3858"/>
                          <a:pt x="3857" y="488"/>
                          <a:pt x="8124" y="48"/>
                        </a:cubicBezTo>
                        <a:lnTo>
                          <a:pt x="88325" y="48"/>
                        </a:lnTo>
                        <a:cubicBezTo>
                          <a:pt x="93297" y="-464"/>
                          <a:pt x="97745" y="3151"/>
                          <a:pt x="98250" y="8123"/>
                        </a:cubicBezTo>
                        <a:cubicBezTo>
                          <a:pt x="98764" y="13094"/>
                          <a:pt x="95154" y="17538"/>
                          <a:pt x="90182" y="18051"/>
                        </a:cubicBezTo>
                        <a:cubicBezTo>
                          <a:pt x="89563" y="18115"/>
                          <a:pt x="88944" y="18115"/>
                          <a:pt x="88325" y="18051"/>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71" name="Graphic 256">
                    <a:extLst>
                      <a:ext uri="{FF2B5EF4-FFF2-40B4-BE49-F238E27FC236}">
                        <a16:creationId xmlns:a16="http://schemas.microsoft.com/office/drawing/2014/main" id="{78B33B79-865E-3A2F-8839-703763CC5C40}"/>
                      </a:ext>
                    </a:extLst>
                  </p:cNvPr>
                  <p:cNvSpPr/>
                  <p:nvPr/>
                </p:nvSpPr>
                <p:spPr>
                  <a:xfrm>
                    <a:off x="2195730" y="1730866"/>
                    <a:ext cx="180348" cy="18099"/>
                  </a:xfrm>
                  <a:custGeom>
                    <a:avLst/>
                    <a:gdLst>
                      <a:gd name="connsiteX0" fmla="*/ 9974 w 180348"/>
                      <a:gd name="connsiteY0" fmla="*/ 18051 h 18099"/>
                      <a:gd name="connsiteX1" fmla="*/ 49 w 180348"/>
                      <a:gd name="connsiteY1" fmla="*/ 9976 h 18099"/>
                      <a:gd name="connsiteX2" fmla="*/ 8116 w 180348"/>
                      <a:gd name="connsiteY2" fmla="*/ 48 h 18099"/>
                      <a:gd name="connsiteX3" fmla="*/ 9974 w 180348"/>
                      <a:gd name="connsiteY3" fmla="*/ 48 h 18099"/>
                      <a:gd name="connsiteX4" fmla="*/ 170375 w 180348"/>
                      <a:gd name="connsiteY4" fmla="*/ 48 h 18099"/>
                      <a:gd name="connsiteX5" fmla="*/ 180300 w 180348"/>
                      <a:gd name="connsiteY5" fmla="*/ 8123 h 18099"/>
                      <a:gd name="connsiteX6" fmla="*/ 172232 w 180348"/>
                      <a:gd name="connsiteY6" fmla="*/ 18051 h 18099"/>
                      <a:gd name="connsiteX7" fmla="*/ 170375 w 180348"/>
                      <a:gd name="connsiteY7" fmla="*/ 18051 h 18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348" h="18099">
                        <a:moveTo>
                          <a:pt x="9974" y="18051"/>
                        </a:moveTo>
                        <a:cubicBezTo>
                          <a:pt x="5002" y="18563"/>
                          <a:pt x="554" y="14947"/>
                          <a:pt x="49" y="9976"/>
                        </a:cubicBezTo>
                        <a:cubicBezTo>
                          <a:pt x="-466" y="5005"/>
                          <a:pt x="3144" y="561"/>
                          <a:pt x="8116" y="48"/>
                        </a:cubicBezTo>
                        <a:cubicBezTo>
                          <a:pt x="8736" y="-15"/>
                          <a:pt x="9355" y="-15"/>
                          <a:pt x="9974" y="48"/>
                        </a:cubicBezTo>
                        <a:lnTo>
                          <a:pt x="170375" y="48"/>
                        </a:lnTo>
                        <a:cubicBezTo>
                          <a:pt x="175347" y="-464"/>
                          <a:pt x="179795" y="3152"/>
                          <a:pt x="180300" y="8123"/>
                        </a:cubicBezTo>
                        <a:cubicBezTo>
                          <a:pt x="180814" y="13094"/>
                          <a:pt x="177204" y="17538"/>
                          <a:pt x="172232" y="18051"/>
                        </a:cubicBezTo>
                        <a:cubicBezTo>
                          <a:pt x="171613" y="18114"/>
                          <a:pt x="170994" y="18114"/>
                          <a:pt x="170375" y="18051"/>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sp>
                <p:nvSpPr>
                  <p:cNvPr id="1072" name="Graphic 256">
                    <a:extLst>
                      <a:ext uri="{FF2B5EF4-FFF2-40B4-BE49-F238E27FC236}">
                        <a16:creationId xmlns:a16="http://schemas.microsoft.com/office/drawing/2014/main" id="{AB3F50FF-C3E9-609C-C6CC-1345905566A3}"/>
                      </a:ext>
                    </a:extLst>
                  </p:cNvPr>
                  <p:cNvSpPr/>
                  <p:nvPr/>
                </p:nvSpPr>
                <p:spPr>
                  <a:xfrm>
                    <a:off x="2196750" y="1784445"/>
                    <a:ext cx="178308" cy="17906"/>
                  </a:xfrm>
                  <a:custGeom>
                    <a:avLst/>
                    <a:gdLst>
                      <a:gd name="connsiteX0" fmla="*/ 8954 w 178308"/>
                      <a:gd name="connsiteY0" fmla="*/ 17907 h 17906"/>
                      <a:gd name="connsiteX1" fmla="*/ 0 w 178308"/>
                      <a:gd name="connsiteY1" fmla="*/ 8953 h 17906"/>
                      <a:gd name="connsiteX2" fmla="*/ 8954 w 178308"/>
                      <a:gd name="connsiteY2" fmla="*/ 0 h 17906"/>
                      <a:gd name="connsiteX3" fmla="*/ 169354 w 178308"/>
                      <a:gd name="connsiteY3" fmla="*/ 0 h 17906"/>
                      <a:gd name="connsiteX4" fmla="*/ 178308 w 178308"/>
                      <a:gd name="connsiteY4" fmla="*/ 8953 h 17906"/>
                      <a:gd name="connsiteX5" fmla="*/ 169354 w 178308"/>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8308" h="17906">
                        <a:moveTo>
                          <a:pt x="8954" y="17907"/>
                        </a:moveTo>
                        <a:cubicBezTo>
                          <a:pt x="4010" y="17907"/>
                          <a:pt x="0" y="13898"/>
                          <a:pt x="0" y="8953"/>
                        </a:cubicBezTo>
                        <a:cubicBezTo>
                          <a:pt x="0" y="4008"/>
                          <a:pt x="4010" y="0"/>
                          <a:pt x="8954" y="0"/>
                        </a:cubicBezTo>
                        <a:lnTo>
                          <a:pt x="169354" y="0"/>
                        </a:lnTo>
                        <a:cubicBezTo>
                          <a:pt x="174298" y="0"/>
                          <a:pt x="178308" y="4009"/>
                          <a:pt x="178308" y="8953"/>
                        </a:cubicBezTo>
                        <a:cubicBezTo>
                          <a:pt x="178308" y="13899"/>
                          <a:pt x="174298" y="17907"/>
                          <a:pt x="169354" y="17907"/>
                        </a:cubicBezTo>
                        <a:close/>
                      </a:path>
                    </a:pathLst>
                  </a:custGeom>
                  <a:solidFill>
                    <a:srgbClr val="265998"/>
                  </a:solidFill>
                  <a:ln w="9525" cap="flat">
                    <a:noFill/>
                    <a:prstDash val="solid"/>
                    <a:miter/>
                  </a:ln>
                </p:spPr>
                <p:txBody>
                  <a:bodyPr rtlCol="0" anchor="ctr"/>
                  <a:lstStyle>
                    <a:defPPr>
                      <a:defRPr lang="en-US"/>
                    </a:defPPr>
                    <a:lvl1pPr marL="0" algn="l" defTabSz="328154" rtl="0" eaLnBrk="1" latinLnBrk="0" hangingPunct="1">
                      <a:defRPr sz="1293" kern="1200">
                        <a:solidFill>
                          <a:schemeClr val="tx1"/>
                        </a:solidFill>
                        <a:latin typeface="+mn-lt"/>
                        <a:ea typeface="+mn-ea"/>
                        <a:cs typeface="+mn-cs"/>
                      </a:defRPr>
                    </a:lvl1pPr>
                    <a:lvl2pPr marL="328154" algn="l" defTabSz="328154" rtl="0" eaLnBrk="1" latinLnBrk="0" hangingPunct="1">
                      <a:defRPr sz="1293" kern="1200">
                        <a:solidFill>
                          <a:schemeClr val="tx1"/>
                        </a:solidFill>
                        <a:latin typeface="+mn-lt"/>
                        <a:ea typeface="+mn-ea"/>
                        <a:cs typeface="+mn-cs"/>
                      </a:defRPr>
                    </a:lvl2pPr>
                    <a:lvl3pPr marL="656302" algn="l" defTabSz="328154" rtl="0" eaLnBrk="1" latinLnBrk="0" hangingPunct="1">
                      <a:defRPr sz="1293" kern="1200">
                        <a:solidFill>
                          <a:schemeClr val="tx1"/>
                        </a:solidFill>
                        <a:latin typeface="+mn-lt"/>
                        <a:ea typeface="+mn-ea"/>
                        <a:cs typeface="+mn-cs"/>
                      </a:defRPr>
                    </a:lvl3pPr>
                    <a:lvl4pPr marL="984456" algn="l" defTabSz="328154" rtl="0" eaLnBrk="1" latinLnBrk="0" hangingPunct="1">
                      <a:defRPr sz="1293" kern="1200">
                        <a:solidFill>
                          <a:schemeClr val="tx1"/>
                        </a:solidFill>
                        <a:latin typeface="+mn-lt"/>
                        <a:ea typeface="+mn-ea"/>
                        <a:cs typeface="+mn-cs"/>
                      </a:defRPr>
                    </a:lvl4pPr>
                    <a:lvl5pPr marL="1312604" algn="l" defTabSz="328154" rtl="0" eaLnBrk="1" latinLnBrk="0" hangingPunct="1">
                      <a:defRPr sz="1293" kern="1200">
                        <a:solidFill>
                          <a:schemeClr val="tx1"/>
                        </a:solidFill>
                        <a:latin typeface="+mn-lt"/>
                        <a:ea typeface="+mn-ea"/>
                        <a:cs typeface="+mn-cs"/>
                      </a:defRPr>
                    </a:lvl5pPr>
                    <a:lvl6pPr marL="1640758" algn="l" defTabSz="328154" rtl="0" eaLnBrk="1" latinLnBrk="0" hangingPunct="1">
                      <a:defRPr sz="1293" kern="1200">
                        <a:solidFill>
                          <a:schemeClr val="tx1"/>
                        </a:solidFill>
                        <a:latin typeface="+mn-lt"/>
                        <a:ea typeface="+mn-ea"/>
                        <a:cs typeface="+mn-cs"/>
                      </a:defRPr>
                    </a:lvl6pPr>
                    <a:lvl7pPr marL="1968906" algn="l" defTabSz="328154" rtl="0" eaLnBrk="1" latinLnBrk="0" hangingPunct="1">
                      <a:defRPr sz="1293" kern="1200">
                        <a:solidFill>
                          <a:schemeClr val="tx1"/>
                        </a:solidFill>
                        <a:latin typeface="+mn-lt"/>
                        <a:ea typeface="+mn-ea"/>
                        <a:cs typeface="+mn-cs"/>
                      </a:defRPr>
                    </a:lvl7pPr>
                    <a:lvl8pPr marL="2297053" algn="l" defTabSz="328154" rtl="0" eaLnBrk="1" latinLnBrk="0" hangingPunct="1">
                      <a:defRPr sz="1293" kern="1200">
                        <a:solidFill>
                          <a:schemeClr val="tx1"/>
                        </a:solidFill>
                        <a:latin typeface="+mn-lt"/>
                        <a:ea typeface="+mn-ea"/>
                        <a:cs typeface="+mn-cs"/>
                      </a:defRPr>
                    </a:lvl8pPr>
                    <a:lvl9pPr marL="2625201" algn="l" defTabSz="328154" rtl="0" eaLnBrk="1" latinLnBrk="0" hangingPunct="1">
                      <a:defRPr sz="1293" kern="1200">
                        <a:solidFill>
                          <a:schemeClr val="tx1"/>
                        </a:solidFill>
                        <a:latin typeface="+mn-lt"/>
                        <a:ea typeface="+mn-ea"/>
                        <a:cs typeface="+mn-cs"/>
                      </a:defRPr>
                    </a:lvl9pPr>
                  </a:lstStyle>
                  <a:p>
                    <a:endParaRPr lang="en-AU" sz="867"/>
                  </a:p>
                </p:txBody>
              </p:sp>
            </p:grpSp>
          </p:grpSp>
          <p:sp>
            <p:nvSpPr>
              <p:cNvPr id="1076" name="Rectangle 1075">
                <a:extLst>
                  <a:ext uri="{FF2B5EF4-FFF2-40B4-BE49-F238E27FC236}">
                    <a16:creationId xmlns:a16="http://schemas.microsoft.com/office/drawing/2014/main" id="{53C85533-239E-2241-5AA5-2C3B04647E25}"/>
                  </a:ext>
                </a:extLst>
              </p:cNvPr>
              <p:cNvSpPr/>
              <p:nvPr/>
            </p:nvSpPr>
            <p:spPr bwMode="auto">
              <a:xfrm>
                <a:off x="8586106" y="4696307"/>
                <a:ext cx="2332568" cy="1999918"/>
              </a:xfrm>
              <a:prstGeom prst="rect">
                <a:avLst/>
              </a:prstGeom>
              <a:solidFill>
                <a:schemeClr val="bg1">
                  <a:lumMod val="95000"/>
                </a:schemeClr>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1078" name="Oval 1077">
                <a:extLst>
                  <a:ext uri="{FF2B5EF4-FFF2-40B4-BE49-F238E27FC236}">
                    <a16:creationId xmlns:a16="http://schemas.microsoft.com/office/drawing/2014/main" id="{ED557884-E063-88DC-AB60-21E272B00523}"/>
                  </a:ext>
                </a:extLst>
              </p:cNvPr>
              <p:cNvSpPr/>
              <p:nvPr/>
            </p:nvSpPr>
            <p:spPr bwMode="auto">
              <a:xfrm>
                <a:off x="9508513" y="3880208"/>
                <a:ext cx="612000" cy="612000"/>
              </a:xfrm>
              <a:prstGeom prst="ellipse">
                <a:avLst/>
              </a:prstGeom>
              <a:solidFill>
                <a:schemeClr val="bg2"/>
              </a:solidFill>
              <a:ln w="9525">
                <a:noFill/>
                <a:round/>
                <a:headEnd/>
                <a:tailEnd/>
              </a:ln>
            </p:spPr>
            <p:txBody>
              <a:bodyPr vert="horz" wrap="square" lIns="0" tIns="0" rIns="0" bIns="0" numCol="1" rtlCol="0" anchor="ctr" anchorCtr="0" compatLnSpc="1">
                <a:prstTxWarp prst="textNoShape">
                  <a:avLst/>
                </a:prstTxWarp>
              </a:bodyPr>
              <a:lstStyle/>
              <a:p>
                <a:pPr algn="ctr"/>
                <a:r>
                  <a:rPr lang="ar-SY" sz="1100" b="1">
                    <a:solidFill>
                      <a:schemeClr val="bg1"/>
                    </a:solidFill>
                  </a:rPr>
                  <a:t>20</a:t>
                </a:r>
                <a:r>
                  <a:rPr lang="en-US" sz="1100" b="1">
                    <a:solidFill>
                      <a:schemeClr val="bg1"/>
                    </a:solidFill>
                  </a:rPr>
                  <a:t>25</a:t>
                </a:r>
              </a:p>
            </p:txBody>
          </p:sp>
          <p:sp>
            <p:nvSpPr>
              <p:cNvPr id="1079" name="Rectangle 1078">
                <a:extLst>
                  <a:ext uri="{FF2B5EF4-FFF2-40B4-BE49-F238E27FC236}">
                    <a16:creationId xmlns:a16="http://schemas.microsoft.com/office/drawing/2014/main" id="{2BFD5822-C8DC-539B-2A9A-5DCBD8274184}"/>
                  </a:ext>
                </a:extLst>
              </p:cNvPr>
              <p:cNvSpPr/>
              <p:nvPr/>
            </p:nvSpPr>
            <p:spPr bwMode="auto">
              <a:xfrm>
                <a:off x="8601999" y="4702079"/>
                <a:ext cx="2332568" cy="38631"/>
              </a:xfrm>
              <a:prstGeom prst="rect">
                <a:avLst/>
              </a:prstGeom>
              <a:solidFill>
                <a:schemeClr val="bg2"/>
              </a:solidFill>
              <a:ln w="9525">
                <a:noFill/>
                <a:round/>
                <a:headEnd/>
                <a:tailEnd/>
              </a:ln>
            </p:spPr>
            <p:txBody>
              <a:bodyPr vert="horz" wrap="square" lIns="61198" tIns="30599" rIns="61198" bIns="30599" numCol="1" rtlCol="0" anchor="t" anchorCtr="0" compatLnSpc="1">
                <a:prstTxWarp prst="textNoShape">
                  <a:avLst/>
                </a:prstTxWarp>
              </a:bodyPr>
              <a:lstStyle/>
              <a:p>
                <a:pPr algn="ctr"/>
                <a:endParaRPr lang="en-US" sz="900">
                  <a:latin typeface="+mn-lt"/>
                </a:endParaRPr>
              </a:p>
            </p:txBody>
          </p:sp>
          <p:sp>
            <p:nvSpPr>
              <p:cNvPr id="1080" name="TextBox 1079">
                <a:extLst>
                  <a:ext uri="{FF2B5EF4-FFF2-40B4-BE49-F238E27FC236}">
                    <a16:creationId xmlns:a16="http://schemas.microsoft.com/office/drawing/2014/main" id="{29D327DE-99AD-43B4-1D35-19A2E2699F57}"/>
                  </a:ext>
                </a:extLst>
              </p:cNvPr>
              <p:cNvSpPr txBox="1"/>
              <p:nvPr/>
            </p:nvSpPr>
            <p:spPr>
              <a:xfrm>
                <a:off x="8848777" y="5748125"/>
                <a:ext cx="1931472" cy="528350"/>
              </a:xfrm>
              <a:prstGeom prst="rect">
                <a:avLst/>
              </a:prstGeom>
              <a:noFill/>
              <a:ln>
                <a:noFill/>
              </a:ln>
            </p:spPr>
            <p:txBody>
              <a:bodyPr wrap="square" lIns="0" tIns="0" rIns="0" bIns="0" rtlCol="0" anchor="ctr">
                <a:spAutoFit/>
              </a:bodyPr>
              <a:lstStyle/>
              <a:p>
                <a:pPr algn="ctr" defTabSz="1036198">
                  <a:spcAft>
                    <a:spcPts val="400"/>
                  </a:spcAft>
                  <a:defRPr/>
                </a:pPr>
                <a:r>
                  <a:rPr lang="en-US" sz="1100" b="1">
                    <a:solidFill>
                      <a:schemeClr val="bg2"/>
                    </a:solidFill>
                  </a:rPr>
                  <a:t>National Suicide Prevention Strategy</a:t>
                </a:r>
                <a:endParaRPr lang="en-AU" sz="900">
                  <a:solidFill>
                    <a:prstClr val="black">
                      <a:lumMod val="85000"/>
                      <a:lumOff val="15000"/>
                    </a:prstClr>
                  </a:solidFill>
                  <a:latin typeface="Arial"/>
                </a:endParaRPr>
              </a:p>
              <a:p>
                <a:pPr algn="ctr" defTabSz="1036198">
                  <a:spcAft>
                    <a:spcPts val="400"/>
                  </a:spcAft>
                  <a:defRPr/>
                </a:pPr>
                <a:r>
                  <a:rPr lang="en-AU" sz="900">
                    <a:solidFill>
                      <a:prstClr val="black">
                        <a:lumMod val="85000"/>
                        <a:lumOff val="15000"/>
                      </a:prstClr>
                    </a:solidFill>
                    <a:latin typeface="Arial"/>
                  </a:rPr>
                  <a:t>National Suicide Prevention Office</a:t>
                </a:r>
              </a:p>
            </p:txBody>
          </p:sp>
          <p:cxnSp>
            <p:nvCxnSpPr>
              <p:cNvPr id="1083" name="Straight Connector 1082">
                <a:extLst>
                  <a:ext uri="{FF2B5EF4-FFF2-40B4-BE49-F238E27FC236}">
                    <a16:creationId xmlns:a16="http://schemas.microsoft.com/office/drawing/2014/main" id="{B3054FDF-C06F-6436-0539-C4D907E27C38}"/>
                  </a:ext>
                </a:extLst>
              </p:cNvPr>
              <p:cNvCxnSpPr>
                <a:cxnSpLocks/>
              </p:cNvCxnSpPr>
              <p:nvPr/>
            </p:nvCxnSpPr>
            <p:spPr>
              <a:xfrm rot="10800000">
                <a:off x="9814513" y="4440382"/>
                <a:ext cx="0" cy="2520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1084" name="Group 1083">
                <a:extLst>
                  <a:ext uri="{FF2B5EF4-FFF2-40B4-BE49-F238E27FC236}">
                    <a16:creationId xmlns:a16="http://schemas.microsoft.com/office/drawing/2014/main" id="{DFF0763C-B01A-25AC-0945-DEB88EE1E815}"/>
                  </a:ext>
                </a:extLst>
              </p:cNvPr>
              <p:cNvGrpSpPr>
                <a:grpSpLocks noChangeAspect="1"/>
              </p:cNvGrpSpPr>
              <p:nvPr/>
            </p:nvGrpSpPr>
            <p:grpSpPr>
              <a:xfrm>
                <a:off x="6643362" y="4932888"/>
                <a:ext cx="479610" cy="627520"/>
                <a:chOff x="268287" y="184565"/>
                <a:chExt cx="542925" cy="710368"/>
              </a:xfrm>
            </p:grpSpPr>
            <p:sp>
              <p:nvSpPr>
                <p:cNvPr id="1085" name="Rectangle 1084">
                  <a:extLst>
                    <a:ext uri="{FF2B5EF4-FFF2-40B4-BE49-F238E27FC236}">
                      <a16:creationId xmlns:a16="http://schemas.microsoft.com/office/drawing/2014/main" id="{962D14B0-55EC-3999-F447-FDC1975AE5A3}"/>
                    </a:ext>
                  </a:extLst>
                </p:cNvPr>
                <p:cNvSpPr/>
                <p:nvPr/>
              </p:nvSpPr>
              <p:spPr>
                <a:xfrm>
                  <a:off x="268287" y="573146"/>
                  <a:ext cx="542925" cy="321787"/>
                </a:xfrm>
                <a:prstGeom prst="rect">
                  <a:avLst/>
                </a:prstGeom>
                <a:solidFill>
                  <a:srgbClr val="66B9DA"/>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6" name="Freeform 5">
                  <a:extLst>
                    <a:ext uri="{FF2B5EF4-FFF2-40B4-BE49-F238E27FC236}">
                      <a16:creationId xmlns:a16="http://schemas.microsoft.com/office/drawing/2014/main" id="{5217CB76-3408-8A5C-9F5B-6A5A2328DDE6}"/>
                    </a:ext>
                  </a:extLst>
                </p:cNvPr>
                <p:cNvSpPr/>
                <p:nvPr/>
              </p:nvSpPr>
              <p:spPr>
                <a:xfrm>
                  <a:off x="341419" y="420205"/>
                  <a:ext cx="390755" cy="152941"/>
                </a:xfrm>
                <a:custGeom>
                  <a:avLst/>
                  <a:gdLst>
                    <a:gd name="connsiteX0" fmla="*/ 243935 w 277367"/>
                    <a:gd name="connsiteY0" fmla="*/ 61807 h 108561"/>
                    <a:gd name="connsiteX1" fmla="*/ 241364 w 277367"/>
                    <a:gd name="connsiteY1" fmla="*/ 58326 h 108561"/>
                    <a:gd name="connsiteX2" fmla="*/ 233839 w 277367"/>
                    <a:gd name="connsiteY2" fmla="*/ 48260 h 108561"/>
                    <a:gd name="connsiteX3" fmla="*/ 227743 w 277367"/>
                    <a:gd name="connsiteY3" fmla="*/ 39417 h 108561"/>
                    <a:gd name="connsiteX4" fmla="*/ 197168 w 277367"/>
                    <a:gd name="connsiteY4" fmla="*/ 5456 h 108561"/>
                    <a:gd name="connsiteX5" fmla="*/ 197168 w 277367"/>
                    <a:gd name="connsiteY5" fmla="*/ 5174 h 108561"/>
                    <a:gd name="connsiteX6" fmla="*/ 174689 w 277367"/>
                    <a:gd name="connsiteY6" fmla="*/ 0 h 108561"/>
                    <a:gd name="connsiteX7" fmla="*/ 104108 w 277367"/>
                    <a:gd name="connsiteY7" fmla="*/ 0 h 108561"/>
                    <a:gd name="connsiteX8" fmla="*/ 78010 w 277367"/>
                    <a:gd name="connsiteY8" fmla="*/ 8467 h 108561"/>
                    <a:gd name="connsiteX9" fmla="*/ 78010 w 277367"/>
                    <a:gd name="connsiteY9" fmla="*/ 9031 h 108561"/>
                    <a:gd name="connsiteX10" fmla="*/ 47625 w 277367"/>
                    <a:gd name="connsiteY10" fmla="*/ 43086 h 108561"/>
                    <a:gd name="connsiteX11" fmla="*/ 41529 w 277367"/>
                    <a:gd name="connsiteY11" fmla="*/ 51929 h 108561"/>
                    <a:gd name="connsiteX12" fmla="*/ 35719 w 277367"/>
                    <a:gd name="connsiteY12" fmla="*/ 59549 h 108561"/>
                    <a:gd name="connsiteX13" fmla="*/ 33909 w 277367"/>
                    <a:gd name="connsiteY13" fmla="*/ 61995 h 108561"/>
                    <a:gd name="connsiteX14" fmla="*/ 21241 w 277367"/>
                    <a:gd name="connsiteY14" fmla="*/ 79022 h 108561"/>
                    <a:gd name="connsiteX15" fmla="*/ 17336 w 277367"/>
                    <a:gd name="connsiteY15" fmla="*/ 84196 h 108561"/>
                    <a:gd name="connsiteX16" fmla="*/ 6477 w 277367"/>
                    <a:gd name="connsiteY16" fmla="*/ 99154 h 108561"/>
                    <a:gd name="connsiteX17" fmla="*/ 3429 w 277367"/>
                    <a:gd name="connsiteY17" fmla="*/ 103481 h 108561"/>
                    <a:gd name="connsiteX18" fmla="*/ 0 w 277367"/>
                    <a:gd name="connsiteY18" fmla="*/ 108467 h 108561"/>
                    <a:gd name="connsiteX19" fmla="*/ 35338 w 277367"/>
                    <a:gd name="connsiteY19" fmla="*/ 108467 h 108561"/>
                    <a:gd name="connsiteX20" fmla="*/ 78105 w 277367"/>
                    <a:gd name="connsiteY20" fmla="*/ 66416 h 108561"/>
                    <a:gd name="connsiteX21" fmla="*/ 86487 w 277367"/>
                    <a:gd name="connsiteY21" fmla="*/ 62089 h 108561"/>
                    <a:gd name="connsiteX22" fmla="*/ 87059 w 277367"/>
                    <a:gd name="connsiteY22" fmla="*/ 62277 h 108561"/>
                    <a:gd name="connsiteX23" fmla="*/ 87535 w 277367"/>
                    <a:gd name="connsiteY23" fmla="*/ 62747 h 108561"/>
                    <a:gd name="connsiteX24" fmla="*/ 90773 w 277367"/>
                    <a:gd name="connsiteY24" fmla="*/ 74883 h 108561"/>
                    <a:gd name="connsiteX25" fmla="*/ 91345 w 277367"/>
                    <a:gd name="connsiteY25" fmla="*/ 78176 h 108561"/>
                    <a:gd name="connsiteX26" fmla="*/ 92202 w 277367"/>
                    <a:gd name="connsiteY26" fmla="*/ 85607 h 108561"/>
                    <a:gd name="connsiteX27" fmla="*/ 92393 w 277367"/>
                    <a:gd name="connsiteY27" fmla="*/ 87771 h 108561"/>
                    <a:gd name="connsiteX28" fmla="*/ 93821 w 277367"/>
                    <a:gd name="connsiteY28" fmla="*/ 104893 h 108561"/>
                    <a:gd name="connsiteX29" fmla="*/ 94012 w 277367"/>
                    <a:gd name="connsiteY29" fmla="*/ 108185 h 108561"/>
                    <a:gd name="connsiteX30" fmla="*/ 94012 w 277367"/>
                    <a:gd name="connsiteY30" fmla="*/ 108467 h 108561"/>
                    <a:gd name="connsiteX31" fmla="*/ 171736 w 277367"/>
                    <a:gd name="connsiteY31" fmla="*/ 108467 h 108561"/>
                    <a:gd name="connsiteX32" fmla="*/ 179642 w 277367"/>
                    <a:gd name="connsiteY32" fmla="*/ 106774 h 108561"/>
                    <a:gd name="connsiteX33" fmla="*/ 179737 w 277367"/>
                    <a:gd name="connsiteY33" fmla="*/ 104140 h 108561"/>
                    <a:gd name="connsiteX34" fmla="*/ 179927 w 277367"/>
                    <a:gd name="connsiteY34" fmla="*/ 99060 h 108561"/>
                    <a:gd name="connsiteX35" fmla="*/ 180975 w 277367"/>
                    <a:gd name="connsiteY35" fmla="*/ 83726 h 108561"/>
                    <a:gd name="connsiteX36" fmla="*/ 181166 w 277367"/>
                    <a:gd name="connsiteY36" fmla="*/ 80810 h 108561"/>
                    <a:gd name="connsiteX37" fmla="*/ 181928 w 277367"/>
                    <a:gd name="connsiteY37" fmla="*/ 74130 h 108561"/>
                    <a:gd name="connsiteX38" fmla="*/ 182118 w 277367"/>
                    <a:gd name="connsiteY38" fmla="*/ 72343 h 108561"/>
                    <a:gd name="connsiteX39" fmla="*/ 182880 w 277367"/>
                    <a:gd name="connsiteY39" fmla="*/ 67451 h 108561"/>
                    <a:gd name="connsiteX40" fmla="*/ 183166 w 277367"/>
                    <a:gd name="connsiteY40" fmla="*/ 65664 h 108561"/>
                    <a:gd name="connsiteX41" fmla="*/ 184309 w 277367"/>
                    <a:gd name="connsiteY41" fmla="*/ 62371 h 108561"/>
                    <a:gd name="connsiteX42" fmla="*/ 184595 w 277367"/>
                    <a:gd name="connsiteY42" fmla="*/ 62183 h 108561"/>
                    <a:gd name="connsiteX43" fmla="*/ 197072 w 277367"/>
                    <a:gd name="connsiteY43" fmla="*/ 63030 h 108561"/>
                    <a:gd name="connsiteX44" fmla="*/ 243554 w 277367"/>
                    <a:gd name="connsiteY44" fmla="*/ 108561 h 108561"/>
                    <a:gd name="connsiteX45" fmla="*/ 277368 w 277367"/>
                    <a:gd name="connsiteY45" fmla="*/ 108561 h 108561"/>
                    <a:gd name="connsiteX46" fmla="*/ 243840 w 277367"/>
                    <a:gd name="connsiteY46" fmla="*/ 61901 h 1085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277367" h="108561">
                      <a:moveTo>
                        <a:pt x="243935" y="61807"/>
                      </a:moveTo>
                      <a:cubicBezTo>
                        <a:pt x="243078" y="60490"/>
                        <a:pt x="242221" y="59455"/>
                        <a:pt x="241364" y="58326"/>
                      </a:cubicBezTo>
                      <a:cubicBezTo>
                        <a:pt x="238220" y="54093"/>
                        <a:pt x="235553" y="50518"/>
                        <a:pt x="233839" y="48260"/>
                      </a:cubicBezTo>
                      <a:cubicBezTo>
                        <a:pt x="231934" y="45720"/>
                        <a:pt x="229838" y="42710"/>
                        <a:pt x="227743" y="39417"/>
                      </a:cubicBezTo>
                      <a:cubicBezTo>
                        <a:pt x="220028" y="28128"/>
                        <a:pt x="210503" y="14393"/>
                        <a:pt x="197168" y="5456"/>
                      </a:cubicBezTo>
                      <a:lnTo>
                        <a:pt x="197168" y="5174"/>
                      </a:lnTo>
                      <a:cubicBezTo>
                        <a:pt x="190595" y="1976"/>
                        <a:pt x="183166" y="0"/>
                        <a:pt x="174689" y="0"/>
                      </a:cubicBezTo>
                      <a:lnTo>
                        <a:pt x="104108" y="0"/>
                      </a:lnTo>
                      <a:cubicBezTo>
                        <a:pt x="96107" y="0"/>
                        <a:pt x="86678" y="3104"/>
                        <a:pt x="78010" y="8467"/>
                      </a:cubicBezTo>
                      <a:lnTo>
                        <a:pt x="78010" y="9031"/>
                      </a:lnTo>
                      <a:cubicBezTo>
                        <a:pt x="64675" y="17874"/>
                        <a:pt x="55245" y="31797"/>
                        <a:pt x="47625" y="43086"/>
                      </a:cubicBezTo>
                      <a:cubicBezTo>
                        <a:pt x="45339" y="46379"/>
                        <a:pt x="43339" y="49389"/>
                        <a:pt x="41529" y="51929"/>
                      </a:cubicBezTo>
                      <a:cubicBezTo>
                        <a:pt x="40100" y="53716"/>
                        <a:pt x="38195" y="56350"/>
                        <a:pt x="35719" y="59549"/>
                      </a:cubicBezTo>
                      <a:cubicBezTo>
                        <a:pt x="35147" y="60301"/>
                        <a:pt x="34576" y="61148"/>
                        <a:pt x="33909" y="61995"/>
                      </a:cubicBezTo>
                      <a:cubicBezTo>
                        <a:pt x="30099" y="66981"/>
                        <a:pt x="25717" y="72813"/>
                        <a:pt x="21241" y="79022"/>
                      </a:cubicBezTo>
                      <a:cubicBezTo>
                        <a:pt x="20098" y="80716"/>
                        <a:pt x="18764" y="82409"/>
                        <a:pt x="17336" y="84196"/>
                      </a:cubicBezTo>
                      <a:cubicBezTo>
                        <a:pt x="13430" y="89370"/>
                        <a:pt x="9716" y="94639"/>
                        <a:pt x="6477" y="99154"/>
                      </a:cubicBezTo>
                      <a:cubicBezTo>
                        <a:pt x="5429" y="100753"/>
                        <a:pt x="4477" y="102164"/>
                        <a:pt x="3429" y="103481"/>
                      </a:cubicBezTo>
                      <a:cubicBezTo>
                        <a:pt x="2096" y="105269"/>
                        <a:pt x="953" y="106962"/>
                        <a:pt x="0" y="108467"/>
                      </a:cubicBezTo>
                      <a:lnTo>
                        <a:pt x="35338" y="108467"/>
                      </a:lnTo>
                      <a:lnTo>
                        <a:pt x="78105" y="66416"/>
                      </a:lnTo>
                      <a:cubicBezTo>
                        <a:pt x="79820" y="63500"/>
                        <a:pt x="82963" y="62089"/>
                        <a:pt x="86487" y="62089"/>
                      </a:cubicBezTo>
                      <a:cubicBezTo>
                        <a:pt x="86678" y="62089"/>
                        <a:pt x="86773" y="62183"/>
                        <a:pt x="87059" y="62277"/>
                      </a:cubicBezTo>
                      <a:cubicBezTo>
                        <a:pt x="87154" y="62371"/>
                        <a:pt x="87344" y="62465"/>
                        <a:pt x="87535" y="62747"/>
                      </a:cubicBezTo>
                      <a:cubicBezTo>
                        <a:pt x="88868" y="64347"/>
                        <a:pt x="89916" y="68956"/>
                        <a:pt x="90773" y="74883"/>
                      </a:cubicBezTo>
                      <a:cubicBezTo>
                        <a:pt x="90964" y="75918"/>
                        <a:pt x="91250" y="77047"/>
                        <a:pt x="91345" y="78176"/>
                      </a:cubicBezTo>
                      <a:cubicBezTo>
                        <a:pt x="91631" y="80527"/>
                        <a:pt x="91916" y="82973"/>
                        <a:pt x="92202" y="85607"/>
                      </a:cubicBezTo>
                      <a:cubicBezTo>
                        <a:pt x="92297" y="86360"/>
                        <a:pt x="92393" y="87113"/>
                        <a:pt x="92393" y="87771"/>
                      </a:cubicBezTo>
                      <a:cubicBezTo>
                        <a:pt x="92964" y="93416"/>
                        <a:pt x="93440" y="99342"/>
                        <a:pt x="93821" y="104893"/>
                      </a:cubicBezTo>
                      <a:cubicBezTo>
                        <a:pt x="93917" y="106021"/>
                        <a:pt x="94012" y="107150"/>
                        <a:pt x="94012" y="108185"/>
                      </a:cubicBezTo>
                      <a:lnTo>
                        <a:pt x="94012" y="108467"/>
                      </a:lnTo>
                      <a:lnTo>
                        <a:pt x="171736" y="108467"/>
                      </a:lnTo>
                      <a:lnTo>
                        <a:pt x="179642" y="106774"/>
                      </a:lnTo>
                      <a:cubicBezTo>
                        <a:pt x="179642" y="106774"/>
                        <a:pt x="179642" y="105363"/>
                        <a:pt x="179737" y="104140"/>
                      </a:cubicBezTo>
                      <a:cubicBezTo>
                        <a:pt x="179737" y="102729"/>
                        <a:pt x="179832" y="101036"/>
                        <a:pt x="179927" y="99060"/>
                      </a:cubicBezTo>
                      <a:cubicBezTo>
                        <a:pt x="180118" y="94827"/>
                        <a:pt x="180499" y="89182"/>
                        <a:pt x="180975" y="83726"/>
                      </a:cubicBezTo>
                      <a:cubicBezTo>
                        <a:pt x="181070" y="82785"/>
                        <a:pt x="181070" y="81844"/>
                        <a:pt x="181166" y="80810"/>
                      </a:cubicBezTo>
                      <a:cubicBezTo>
                        <a:pt x="181356" y="78458"/>
                        <a:pt x="181642" y="76200"/>
                        <a:pt x="181928" y="74130"/>
                      </a:cubicBezTo>
                      <a:cubicBezTo>
                        <a:pt x="181928" y="73472"/>
                        <a:pt x="182023" y="73001"/>
                        <a:pt x="182118" y="72343"/>
                      </a:cubicBezTo>
                      <a:cubicBezTo>
                        <a:pt x="182309" y="70556"/>
                        <a:pt x="182594" y="68862"/>
                        <a:pt x="182880" y="67451"/>
                      </a:cubicBezTo>
                      <a:cubicBezTo>
                        <a:pt x="182975" y="66793"/>
                        <a:pt x="183071" y="66134"/>
                        <a:pt x="183166" y="65664"/>
                      </a:cubicBezTo>
                      <a:cubicBezTo>
                        <a:pt x="183642" y="64064"/>
                        <a:pt x="183928" y="62936"/>
                        <a:pt x="184309" y="62371"/>
                      </a:cubicBezTo>
                      <a:cubicBezTo>
                        <a:pt x="184404" y="62277"/>
                        <a:pt x="184499" y="62183"/>
                        <a:pt x="184595" y="62183"/>
                      </a:cubicBezTo>
                      <a:cubicBezTo>
                        <a:pt x="187928" y="60772"/>
                        <a:pt x="194501" y="60678"/>
                        <a:pt x="197072" y="63030"/>
                      </a:cubicBezTo>
                      <a:lnTo>
                        <a:pt x="243554" y="108561"/>
                      </a:lnTo>
                      <a:lnTo>
                        <a:pt x="277368" y="108561"/>
                      </a:lnTo>
                      <a:cubicBezTo>
                        <a:pt x="272320" y="99813"/>
                        <a:pt x="255651" y="77517"/>
                        <a:pt x="243840" y="61901"/>
                      </a:cubicBezTo>
                      <a:close/>
                    </a:path>
                  </a:pathLst>
                </a:custGeom>
                <a:solidFill>
                  <a:srgbClr val="C7E4F1"/>
                </a:solidFill>
                <a:ln w="0" cap="flat">
                  <a:noFill/>
                  <a:prstDash val="solid"/>
                  <a:miter/>
                </a:ln>
              </p:spPr>
              <p:txBody>
                <a:bodyPr rtlCol="0" anchor="ctr"/>
                <a:lstStyle/>
                <a:p>
                  <a:endParaRPr lang="en-US"/>
                </a:p>
              </p:txBody>
            </p:sp>
            <p:sp>
              <p:nvSpPr>
                <p:cNvPr id="1087" name="Freeform 7">
                  <a:extLst>
                    <a:ext uri="{FF2B5EF4-FFF2-40B4-BE49-F238E27FC236}">
                      <a16:creationId xmlns:a16="http://schemas.microsoft.com/office/drawing/2014/main" id="{E9C8B593-E66E-0713-F5C0-B3DABB2F02F7}"/>
                    </a:ext>
                  </a:extLst>
                </p:cNvPr>
                <p:cNvSpPr/>
                <p:nvPr/>
              </p:nvSpPr>
              <p:spPr>
                <a:xfrm>
                  <a:off x="614357" y="290325"/>
                  <a:ext cx="43074" cy="50097"/>
                </a:xfrm>
                <a:custGeom>
                  <a:avLst/>
                  <a:gdLst>
                    <a:gd name="connsiteX0" fmla="*/ 30575 w 30575"/>
                    <a:gd name="connsiteY0" fmla="*/ 20038 h 35560"/>
                    <a:gd name="connsiteX1" fmla="*/ 13525 w 30575"/>
                    <a:gd name="connsiteY1" fmla="*/ 35560 h 35560"/>
                    <a:gd name="connsiteX2" fmla="*/ 0 w 30575"/>
                    <a:gd name="connsiteY2" fmla="*/ 35560 h 35560"/>
                    <a:gd name="connsiteX3" fmla="*/ 0 w 30575"/>
                    <a:gd name="connsiteY3" fmla="*/ 0 h 35560"/>
                    <a:gd name="connsiteX4" fmla="*/ 9239 w 30575"/>
                    <a:gd name="connsiteY4" fmla="*/ 0 h 35560"/>
                    <a:gd name="connsiteX5" fmla="*/ 30575 w 30575"/>
                    <a:gd name="connsiteY5" fmla="*/ 20038 h 355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75" h="35560">
                      <a:moveTo>
                        <a:pt x="30575" y="20038"/>
                      </a:moveTo>
                      <a:cubicBezTo>
                        <a:pt x="30480" y="28504"/>
                        <a:pt x="22860" y="35560"/>
                        <a:pt x="13525" y="35560"/>
                      </a:cubicBezTo>
                      <a:lnTo>
                        <a:pt x="0" y="35560"/>
                      </a:lnTo>
                      <a:lnTo>
                        <a:pt x="0" y="0"/>
                      </a:lnTo>
                      <a:lnTo>
                        <a:pt x="9239" y="0"/>
                      </a:lnTo>
                      <a:cubicBezTo>
                        <a:pt x="20764" y="0"/>
                        <a:pt x="30385" y="8655"/>
                        <a:pt x="30575" y="20038"/>
                      </a:cubicBezTo>
                      <a:close/>
                    </a:path>
                  </a:pathLst>
                </a:custGeom>
                <a:solidFill>
                  <a:srgbClr val="66BCDB"/>
                </a:solidFill>
                <a:ln w="0" cap="flat">
                  <a:noFill/>
                  <a:prstDash val="solid"/>
                  <a:miter/>
                </a:ln>
              </p:spPr>
              <p:txBody>
                <a:bodyPr rtlCol="0" anchor="ctr"/>
                <a:lstStyle/>
                <a:p>
                  <a:endParaRPr lang="en-US"/>
                </a:p>
              </p:txBody>
            </p:sp>
            <p:sp>
              <p:nvSpPr>
                <p:cNvPr id="1088" name="Freeform 8">
                  <a:extLst>
                    <a:ext uri="{FF2B5EF4-FFF2-40B4-BE49-F238E27FC236}">
                      <a16:creationId xmlns:a16="http://schemas.microsoft.com/office/drawing/2014/main" id="{FC7CA000-D514-654F-36CE-3EE992103B7D}"/>
                    </a:ext>
                  </a:extLst>
                </p:cNvPr>
                <p:cNvSpPr/>
                <p:nvPr/>
              </p:nvSpPr>
              <p:spPr>
                <a:xfrm>
                  <a:off x="422737" y="290325"/>
                  <a:ext cx="42939" cy="50097"/>
                </a:xfrm>
                <a:custGeom>
                  <a:avLst/>
                  <a:gdLst>
                    <a:gd name="connsiteX0" fmla="*/ 30480 w 30479"/>
                    <a:gd name="connsiteY0" fmla="*/ 0 h 35560"/>
                    <a:gd name="connsiteX1" fmla="*/ 30480 w 30479"/>
                    <a:gd name="connsiteY1" fmla="*/ 35560 h 35560"/>
                    <a:gd name="connsiteX2" fmla="*/ 17050 w 30479"/>
                    <a:gd name="connsiteY2" fmla="*/ 35560 h 35560"/>
                    <a:gd name="connsiteX3" fmla="*/ 0 w 30479"/>
                    <a:gd name="connsiteY3" fmla="*/ 19285 h 35560"/>
                    <a:gd name="connsiteX4" fmla="*/ 21241 w 30479"/>
                    <a:gd name="connsiteY4" fmla="*/ 0 h 35560"/>
                    <a:gd name="connsiteX5" fmla="*/ 30480 w 30479"/>
                    <a:gd name="connsiteY5" fmla="*/ 0 h 355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479" h="35560">
                      <a:moveTo>
                        <a:pt x="30480" y="0"/>
                      </a:moveTo>
                      <a:lnTo>
                        <a:pt x="30480" y="35560"/>
                      </a:lnTo>
                      <a:lnTo>
                        <a:pt x="17050" y="35560"/>
                      </a:lnTo>
                      <a:cubicBezTo>
                        <a:pt x="7810" y="35560"/>
                        <a:pt x="95" y="28504"/>
                        <a:pt x="0" y="19285"/>
                      </a:cubicBezTo>
                      <a:cubicBezTo>
                        <a:pt x="95" y="8655"/>
                        <a:pt x="9715" y="0"/>
                        <a:pt x="21241" y="0"/>
                      </a:cubicBezTo>
                      <a:lnTo>
                        <a:pt x="30480" y="0"/>
                      </a:lnTo>
                      <a:close/>
                    </a:path>
                  </a:pathLst>
                </a:custGeom>
                <a:solidFill>
                  <a:srgbClr val="66BCDB"/>
                </a:solidFill>
                <a:ln w="0" cap="flat">
                  <a:noFill/>
                  <a:prstDash val="solid"/>
                  <a:miter/>
                </a:ln>
              </p:spPr>
              <p:txBody>
                <a:bodyPr rtlCol="0" anchor="ctr"/>
                <a:lstStyle/>
                <a:p>
                  <a:endParaRPr lang="en-US"/>
                </a:p>
              </p:txBody>
            </p:sp>
            <p:sp>
              <p:nvSpPr>
                <p:cNvPr id="1089" name="Freeform 9">
                  <a:extLst>
                    <a:ext uri="{FF2B5EF4-FFF2-40B4-BE49-F238E27FC236}">
                      <a16:creationId xmlns:a16="http://schemas.microsoft.com/office/drawing/2014/main" id="{2BE31055-E92D-A787-CFF1-EF31A27DACAB}"/>
                    </a:ext>
                  </a:extLst>
                </p:cNvPr>
                <p:cNvSpPr/>
                <p:nvPr/>
              </p:nvSpPr>
              <p:spPr>
                <a:xfrm>
                  <a:off x="483659" y="254143"/>
                  <a:ext cx="103324" cy="102049"/>
                </a:xfrm>
                <a:custGeom>
                  <a:avLst/>
                  <a:gdLst>
                    <a:gd name="connsiteX0" fmla="*/ 36576 w 73342"/>
                    <a:gd name="connsiteY0" fmla="*/ 188 h 72437"/>
                    <a:gd name="connsiteX1" fmla="*/ 8382 w 73342"/>
                    <a:gd name="connsiteY1" fmla="*/ 13359 h 72437"/>
                    <a:gd name="connsiteX2" fmla="*/ 5620 w 73342"/>
                    <a:gd name="connsiteY2" fmla="*/ 17216 h 72437"/>
                    <a:gd name="connsiteX3" fmla="*/ 4096 w 73342"/>
                    <a:gd name="connsiteY3" fmla="*/ 19661 h 72437"/>
                    <a:gd name="connsiteX4" fmla="*/ 2953 w 73342"/>
                    <a:gd name="connsiteY4" fmla="*/ 22296 h 72437"/>
                    <a:gd name="connsiteX5" fmla="*/ 762 w 73342"/>
                    <a:gd name="connsiteY5" fmla="*/ 28975 h 72437"/>
                    <a:gd name="connsiteX6" fmla="*/ 0 w 73342"/>
                    <a:gd name="connsiteY6" fmla="*/ 36313 h 72437"/>
                    <a:gd name="connsiteX7" fmla="*/ 762 w 73342"/>
                    <a:gd name="connsiteY7" fmla="*/ 43650 h 72437"/>
                    <a:gd name="connsiteX8" fmla="*/ 2953 w 73342"/>
                    <a:gd name="connsiteY8" fmla="*/ 50330 h 72437"/>
                    <a:gd name="connsiteX9" fmla="*/ 4096 w 73342"/>
                    <a:gd name="connsiteY9" fmla="*/ 52964 h 72437"/>
                    <a:gd name="connsiteX10" fmla="*/ 5620 w 73342"/>
                    <a:gd name="connsiteY10" fmla="*/ 55410 h 72437"/>
                    <a:gd name="connsiteX11" fmla="*/ 6953 w 73342"/>
                    <a:gd name="connsiteY11" fmla="*/ 57291 h 72437"/>
                    <a:gd name="connsiteX12" fmla="*/ 8477 w 73342"/>
                    <a:gd name="connsiteY12" fmla="*/ 59267 h 72437"/>
                    <a:gd name="connsiteX13" fmla="*/ 36671 w 73342"/>
                    <a:gd name="connsiteY13" fmla="*/ 72437 h 72437"/>
                    <a:gd name="connsiteX14" fmla="*/ 36957 w 73342"/>
                    <a:gd name="connsiteY14" fmla="*/ 72437 h 72437"/>
                    <a:gd name="connsiteX15" fmla="*/ 36386 w 73342"/>
                    <a:gd name="connsiteY15" fmla="*/ 69333 h 72437"/>
                    <a:gd name="connsiteX16" fmla="*/ 36386 w 73342"/>
                    <a:gd name="connsiteY16" fmla="*/ 44685 h 72437"/>
                    <a:gd name="connsiteX17" fmla="*/ 46482 w 73342"/>
                    <a:gd name="connsiteY17" fmla="*/ 34713 h 72437"/>
                    <a:gd name="connsiteX18" fmla="*/ 56579 w 73342"/>
                    <a:gd name="connsiteY18" fmla="*/ 44685 h 72437"/>
                    <a:gd name="connsiteX19" fmla="*/ 56579 w 73342"/>
                    <a:gd name="connsiteY19" fmla="*/ 59361 h 72437"/>
                    <a:gd name="connsiteX20" fmla="*/ 64865 w 73342"/>
                    <a:gd name="connsiteY20" fmla="*/ 59361 h 72437"/>
                    <a:gd name="connsiteX21" fmla="*/ 73343 w 73342"/>
                    <a:gd name="connsiteY21" fmla="*/ 36124 h 72437"/>
                    <a:gd name="connsiteX22" fmla="*/ 36481 w 73342"/>
                    <a:gd name="connsiteY22" fmla="*/ 0 h 724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73342" h="72437">
                      <a:moveTo>
                        <a:pt x="36576" y="188"/>
                      </a:moveTo>
                      <a:cubicBezTo>
                        <a:pt x="25241" y="188"/>
                        <a:pt x="15049" y="5268"/>
                        <a:pt x="8382" y="13359"/>
                      </a:cubicBezTo>
                      <a:cubicBezTo>
                        <a:pt x="7334" y="14487"/>
                        <a:pt x="6477" y="15804"/>
                        <a:pt x="5620" y="17216"/>
                      </a:cubicBezTo>
                      <a:cubicBezTo>
                        <a:pt x="5048" y="18062"/>
                        <a:pt x="4667" y="18815"/>
                        <a:pt x="4096" y="19661"/>
                      </a:cubicBezTo>
                      <a:cubicBezTo>
                        <a:pt x="3620" y="20508"/>
                        <a:pt x="3334" y="21449"/>
                        <a:pt x="2953" y="22296"/>
                      </a:cubicBezTo>
                      <a:cubicBezTo>
                        <a:pt x="2000" y="24459"/>
                        <a:pt x="1238" y="26623"/>
                        <a:pt x="762" y="28975"/>
                      </a:cubicBezTo>
                      <a:cubicBezTo>
                        <a:pt x="191" y="31421"/>
                        <a:pt x="0" y="33773"/>
                        <a:pt x="0" y="36313"/>
                      </a:cubicBezTo>
                      <a:cubicBezTo>
                        <a:pt x="0" y="38853"/>
                        <a:pt x="191" y="41204"/>
                        <a:pt x="762" y="43650"/>
                      </a:cubicBezTo>
                      <a:cubicBezTo>
                        <a:pt x="1238" y="46002"/>
                        <a:pt x="1905" y="48260"/>
                        <a:pt x="2953" y="50330"/>
                      </a:cubicBezTo>
                      <a:cubicBezTo>
                        <a:pt x="3429" y="51176"/>
                        <a:pt x="3715" y="52117"/>
                        <a:pt x="4096" y="52964"/>
                      </a:cubicBezTo>
                      <a:cubicBezTo>
                        <a:pt x="4667" y="53810"/>
                        <a:pt x="5048" y="54563"/>
                        <a:pt x="5620" y="55410"/>
                      </a:cubicBezTo>
                      <a:cubicBezTo>
                        <a:pt x="5906" y="56068"/>
                        <a:pt x="6382" y="56727"/>
                        <a:pt x="6953" y="57291"/>
                      </a:cubicBezTo>
                      <a:cubicBezTo>
                        <a:pt x="7430" y="57950"/>
                        <a:pt x="7906" y="58702"/>
                        <a:pt x="8477" y="59267"/>
                      </a:cubicBezTo>
                      <a:cubicBezTo>
                        <a:pt x="15145" y="67357"/>
                        <a:pt x="25432" y="72437"/>
                        <a:pt x="36671" y="72437"/>
                      </a:cubicBezTo>
                      <a:lnTo>
                        <a:pt x="36957" y="72437"/>
                      </a:lnTo>
                      <a:cubicBezTo>
                        <a:pt x="36671" y="71496"/>
                        <a:pt x="36386" y="70367"/>
                        <a:pt x="36386" y="69333"/>
                      </a:cubicBezTo>
                      <a:lnTo>
                        <a:pt x="36386" y="44685"/>
                      </a:lnTo>
                      <a:cubicBezTo>
                        <a:pt x="36386" y="39135"/>
                        <a:pt x="40862" y="34713"/>
                        <a:pt x="46482" y="34713"/>
                      </a:cubicBezTo>
                      <a:cubicBezTo>
                        <a:pt x="52102" y="34713"/>
                        <a:pt x="56579" y="39135"/>
                        <a:pt x="56579" y="44685"/>
                      </a:cubicBezTo>
                      <a:lnTo>
                        <a:pt x="56579" y="59361"/>
                      </a:lnTo>
                      <a:lnTo>
                        <a:pt x="64865" y="59361"/>
                      </a:lnTo>
                      <a:cubicBezTo>
                        <a:pt x="70295" y="53058"/>
                        <a:pt x="73343" y="44967"/>
                        <a:pt x="73343" y="36124"/>
                      </a:cubicBezTo>
                      <a:cubicBezTo>
                        <a:pt x="73343" y="16087"/>
                        <a:pt x="56864" y="0"/>
                        <a:pt x="36481" y="0"/>
                      </a:cubicBezTo>
                      <a:close/>
                    </a:path>
                  </a:pathLst>
                </a:custGeom>
                <a:solidFill>
                  <a:srgbClr val="C7E4F1"/>
                </a:solidFill>
                <a:ln w="0" cap="flat">
                  <a:noFill/>
                  <a:prstDash val="solid"/>
                  <a:miter/>
                </a:ln>
              </p:spPr>
              <p:txBody>
                <a:bodyPr rtlCol="0" anchor="ctr"/>
                <a:lstStyle/>
                <a:p>
                  <a:endParaRPr lang="en-US"/>
                </a:p>
              </p:txBody>
            </p:sp>
            <p:sp>
              <p:nvSpPr>
                <p:cNvPr id="1090" name="Freeform 10">
                  <a:extLst>
                    <a:ext uri="{FF2B5EF4-FFF2-40B4-BE49-F238E27FC236}">
                      <a16:creationId xmlns:a16="http://schemas.microsoft.com/office/drawing/2014/main" id="{F5F27153-B7EB-5F58-3DE6-0362C30013C3}"/>
                    </a:ext>
                  </a:extLst>
                </p:cNvPr>
                <p:cNvSpPr/>
                <p:nvPr/>
              </p:nvSpPr>
              <p:spPr>
                <a:xfrm>
                  <a:off x="402743" y="626558"/>
                  <a:ext cx="279379" cy="210062"/>
                </a:xfrm>
                <a:custGeom>
                  <a:avLst/>
                  <a:gdLst>
                    <a:gd name="connsiteX0" fmla="*/ 99155 w 198310"/>
                    <a:gd name="connsiteY0" fmla="*/ 0 h 149107"/>
                    <a:gd name="connsiteX1" fmla="*/ 148780 w 198310"/>
                    <a:gd name="connsiteY1" fmla="*/ 74601 h 149107"/>
                    <a:gd name="connsiteX2" fmla="*/ 198311 w 198310"/>
                    <a:gd name="connsiteY2" fmla="*/ 149107 h 149107"/>
                    <a:gd name="connsiteX3" fmla="*/ 99155 w 198310"/>
                    <a:gd name="connsiteY3" fmla="*/ 149107 h 149107"/>
                    <a:gd name="connsiteX4" fmla="*/ 0 w 198310"/>
                    <a:gd name="connsiteY4" fmla="*/ 149107 h 149107"/>
                    <a:gd name="connsiteX5" fmla="*/ 49530 w 198310"/>
                    <a:gd name="connsiteY5" fmla="*/ 74601 h 149107"/>
                    <a:gd name="connsiteX6" fmla="*/ 99155 w 198310"/>
                    <a:gd name="connsiteY6" fmla="*/ 0 h 149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8310" h="149107">
                      <a:moveTo>
                        <a:pt x="99155" y="0"/>
                      </a:moveTo>
                      <a:lnTo>
                        <a:pt x="148780" y="74601"/>
                      </a:lnTo>
                      <a:lnTo>
                        <a:pt x="198311" y="149107"/>
                      </a:lnTo>
                      <a:lnTo>
                        <a:pt x="99155" y="149107"/>
                      </a:lnTo>
                      <a:lnTo>
                        <a:pt x="0" y="149107"/>
                      </a:lnTo>
                      <a:lnTo>
                        <a:pt x="49530" y="74601"/>
                      </a:lnTo>
                      <a:lnTo>
                        <a:pt x="99155" y="0"/>
                      </a:lnTo>
                      <a:close/>
                    </a:path>
                  </a:pathLst>
                </a:custGeom>
                <a:solidFill>
                  <a:srgbClr val="C7E4F1"/>
                </a:solidFill>
                <a:ln w="0" cap="flat">
                  <a:noFill/>
                  <a:prstDash val="solid"/>
                  <a:miter/>
                </a:ln>
              </p:spPr>
              <p:txBody>
                <a:bodyPr rtlCol="0" anchor="ctr"/>
                <a:lstStyle/>
                <a:p>
                  <a:endParaRPr lang="en-US"/>
                </a:p>
              </p:txBody>
            </p:sp>
            <p:sp>
              <p:nvSpPr>
                <p:cNvPr id="1091" name="Freeform 11">
                  <a:extLst>
                    <a:ext uri="{FF2B5EF4-FFF2-40B4-BE49-F238E27FC236}">
                      <a16:creationId xmlns:a16="http://schemas.microsoft.com/office/drawing/2014/main" id="{7BA5CA20-5E22-BB1A-B814-7E2CC447D7BF}"/>
                    </a:ext>
                  </a:extLst>
                </p:cNvPr>
                <p:cNvSpPr/>
                <p:nvPr/>
              </p:nvSpPr>
              <p:spPr>
                <a:xfrm>
                  <a:off x="268287" y="392639"/>
                  <a:ext cx="542925" cy="502294"/>
                </a:xfrm>
                <a:custGeom>
                  <a:avLst/>
                  <a:gdLst>
                    <a:gd name="connsiteX0" fmla="*/ 352235 w 385381"/>
                    <a:gd name="connsiteY0" fmla="*/ 128035 h 356540"/>
                    <a:gd name="connsiteX1" fmla="*/ 351758 w 385381"/>
                    <a:gd name="connsiteY1" fmla="*/ 127282 h 356540"/>
                    <a:gd name="connsiteX2" fmla="*/ 344615 w 385381"/>
                    <a:gd name="connsiteY2" fmla="*/ 116840 h 356540"/>
                    <a:gd name="connsiteX3" fmla="*/ 301466 w 385381"/>
                    <a:gd name="connsiteY3" fmla="*/ 56162 h 356540"/>
                    <a:gd name="connsiteX4" fmla="*/ 295847 w 385381"/>
                    <a:gd name="connsiteY4" fmla="*/ 48166 h 356540"/>
                    <a:gd name="connsiteX5" fmla="*/ 255842 w 385381"/>
                    <a:gd name="connsiteY5" fmla="*/ 6397 h 356540"/>
                    <a:gd name="connsiteX6" fmla="*/ 255365 w 385381"/>
                    <a:gd name="connsiteY6" fmla="*/ 6209 h 356540"/>
                    <a:gd name="connsiteX7" fmla="*/ 248888 w 385381"/>
                    <a:gd name="connsiteY7" fmla="*/ 2822 h 356540"/>
                    <a:gd name="connsiteX8" fmla="*/ 248888 w 385381"/>
                    <a:gd name="connsiteY8" fmla="*/ 3763 h 356540"/>
                    <a:gd name="connsiteX9" fmla="*/ 226409 w 385381"/>
                    <a:gd name="connsiteY9" fmla="*/ 0 h 356540"/>
                    <a:gd name="connsiteX10" fmla="*/ 155829 w 385381"/>
                    <a:gd name="connsiteY10" fmla="*/ 0 h 356540"/>
                    <a:gd name="connsiteX11" fmla="*/ 130302 w 385381"/>
                    <a:gd name="connsiteY11" fmla="*/ 5456 h 356540"/>
                    <a:gd name="connsiteX12" fmla="*/ 129731 w 385381"/>
                    <a:gd name="connsiteY12" fmla="*/ 7432 h 356540"/>
                    <a:gd name="connsiteX13" fmla="*/ 129731 w 385381"/>
                    <a:gd name="connsiteY13" fmla="*/ 6397 h 356540"/>
                    <a:gd name="connsiteX14" fmla="*/ 82963 w 385381"/>
                    <a:gd name="connsiteY14" fmla="*/ 51647 h 356540"/>
                    <a:gd name="connsiteX15" fmla="*/ 77343 w 385381"/>
                    <a:gd name="connsiteY15" fmla="*/ 59831 h 356540"/>
                    <a:gd name="connsiteX16" fmla="*/ 34290 w 385381"/>
                    <a:gd name="connsiteY16" fmla="*/ 120509 h 356540"/>
                    <a:gd name="connsiteX17" fmla="*/ 28861 w 385381"/>
                    <a:gd name="connsiteY17" fmla="*/ 128035 h 356540"/>
                    <a:gd name="connsiteX18" fmla="*/ 0 w 385381"/>
                    <a:gd name="connsiteY18" fmla="*/ 128035 h 356540"/>
                    <a:gd name="connsiteX19" fmla="*/ 0 w 385381"/>
                    <a:gd name="connsiteY19" fmla="*/ 356541 h 356540"/>
                    <a:gd name="connsiteX20" fmla="*/ 385382 w 385381"/>
                    <a:gd name="connsiteY20" fmla="*/ 356541 h 356540"/>
                    <a:gd name="connsiteX21" fmla="*/ 385382 w 385381"/>
                    <a:gd name="connsiteY21" fmla="*/ 128035 h 356540"/>
                    <a:gd name="connsiteX22" fmla="*/ 352235 w 385381"/>
                    <a:gd name="connsiteY22" fmla="*/ 128035 h 356540"/>
                    <a:gd name="connsiteX23" fmla="*/ 55245 w 385381"/>
                    <a:gd name="connsiteY23" fmla="*/ 123049 h 356540"/>
                    <a:gd name="connsiteX24" fmla="*/ 58293 w 385381"/>
                    <a:gd name="connsiteY24" fmla="*/ 118721 h 356540"/>
                    <a:gd name="connsiteX25" fmla="*/ 69152 w 385381"/>
                    <a:gd name="connsiteY25" fmla="*/ 103764 h 356540"/>
                    <a:gd name="connsiteX26" fmla="*/ 73057 w 385381"/>
                    <a:gd name="connsiteY26" fmla="*/ 98590 h 356540"/>
                    <a:gd name="connsiteX27" fmla="*/ 85725 w 385381"/>
                    <a:gd name="connsiteY27" fmla="*/ 81562 h 356540"/>
                    <a:gd name="connsiteX28" fmla="*/ 87535 w 385381"/>
                    <a:gd name="connsiteY28" fmla="*/ 79116 h 356540"/>
                    <a:gd name="connsiteX29" fmla="*/ 93345 w 385381"/>
                    <a:gd name="connsiteY29" fmla="*/ 71496 h 356540"/>
                    <a:gd name="connsiteX30" fmla="*/ 99441 w 385381"/>
                    <a:gd name="connsiteY30" fmla="*/ 62653 h 356540"/>
                    <a:gd name="connsiteX31" fmla="*/ 129826 w 385381"/>
                    <a:gd name="connsiteY31" fmla="*/ 28599 h 356540"/>
                    <a:gd name="connsiteX32" fmla="*/ 129826 w 385381"/>
                    <a:gd name="connsiteY32" fmla="*/ 28034 h 356540"/>
                    <a:gd name="connsiteX33" fmla="*/ 155924 w 385381"/>
                    <a:gd name="connsiteY33" fmla="*/ 19567 h 356540"/>
                    <a:gd name="connsiteX34" fmla="*/ 226505 w 385381"/>
                    <a:gd name="connsiteY34" fmla="*/ 19567 h 356540"/>
                    <a:gd name="connsiteX35" fmla="*/ 248984 w 385381"/>
                    <a:gd name="connsiteY35" fmla="*/ 24741 h 356540"/>
                    <a:gd name="connsiteX36" fmla="*/ 248984 w 385381"/>
                    <a:gd name="connsiteY36" fmla="*/ 25024 h 356540"/>
                    <a:gd name="connsiteX37" fmla="*/ 279559 w 385381"/>
                    <a:gd name="connsiteY37" fmla="*/ 58984 h 356540"/>
                    <a:gd name="connsiteX38" fmla="*/ 285655 w 385381"/>
                    <a:gd name="connsiteY38" fmla="*/ 67827 h 356540"/>
                    <a:gd name="connsiteX39" fmla="*/ 293180 w 385381"/>
                    <a:gd name="connsiteY39" fmla="*/ 77893 h 356540"/>
                    <a:gd name="connsiteX40" fmla="*/ 295751 w 385381"/>
                    <a:gd name="connsiteY40" fmla="*/ 81374 h 356540"/>
                    <a:gd name="connsiteX41" fmla="*/ 329279 w 385381"/>
                    <a:gd name="connsiteY41" fmla="*/ 128035 h 356540"/>
                    <a:gd name="connsiteX42" fmla="*/ 295466 w 385381"/>
                    <a:gd name="connsiteY42" fmla="*/ 128035 h 356540"/>
                    <a:gd name="connsiteX43" fmla="*/ 248984 w 385381"/>
                    <a:gd name="connsiteY43" fmla="*/ 82503 h 356540"/>
                    <a:gd name="connsiteX44" fmla="*/ 236506 w 385381"/>
                    <a:gd name="connsiteY44" fmla="*/ 81656 h 356540"/>
                    <a:gd name="connsiteX45" fmla="*/ 236220 w 385381"/>
                    <a:gd name="connsiteY45" fmla="*/ 81844 h 356540"/>
                    <a:gd name="connsiteX46" fmla="*/ 235077 w 385381"/>
                    <a:gd name="connsiteY46" fmla="*/ 85137 h 356540"/>
                    <a:gd name="connsiteX47" fmla="*/ 234791 w 385381"/>
                    <a:gd name="connsiteY47" fmla="*/ 86924 h 356540"/>
                    <a:gd name="connsiteX48" fmla="*/ 234029 w 385381"/>
                    <a:gd name="connsiteY48" fmla="*/ 91816 h 356540"/>
                    <a:gd name="connsiteX49" fmla="*/ 233839 w 385381"/>
                    <a:gd name="connsiteY49" fmla="*/ 93604 h 356540"/>
                    <a:gd name="connsiteX50" fmla="*/ 233077 w 385381"/>
                    <a:gd name="connsiteY50" fmla="*/ 100283 h 356540"/>
                    <a:gd name="connsiteX51" fmla="*/ 232886 w 385381"/>
                    <a:gd name="connsiteY51" fmla="*/ 103199 h 356540"/>
                    <a:gd name="connsiteX52" fmla="*/ 231839 w 385381"/>
                    <a:gd name="connsiteY52" fmla="*/ 118533 h 356540"/>
                    <a:gd name="connsiteX53" fmla="*/ 231648 w 385381"/>
                    <a:gd name="connsiteY53" fmla="*/ 123613 h 356540"/>
                    <a:gd name="connsiteX54" fmla="*/ 231553 w 385381"/>
                    <a:gd name="connsiteY54" fmla="*/ 126247 h 356540"/>
                    <a:gd name="connsiteX55" fmla="*/ 223647 w 385381"/>
                    <a:gd name="connsiteY55" fmla="*/ 127941 h 356540"/>
                    <a:gd name="connsiteX56" fmla="*/ 145923 w 385381"/>
                    <a:gd name="connsiteY56" fmla="*/ 127941 h 356540"/>
                    <a:gd name="connsiteX57" fmla="*/ 145923 w 385381"/>
                    <a:gd name="connsiteY57" fmla="*/ 127659 h 356540"/>
                    <a:gd name="connsiteX58" fmla="*/ 145733 w 385381"/>
                    <a:gd name="connsiteY58" fmla="*/ 124366 h 356540"/>
                    <a:gd name="connsiteX59" fmla="*/ 144304 w 385381"/>
                    <a:gd name="connsiteY59" fmla="*/ 107244 h 356540"/>
                    <a:gd name="connsiteX60" fmla="*/ 144113 w 385381"/>
                    <a:gd name="connsiteY60" fmla="*/ 105081 h 356540"/>
                    <a:gd name="connsiteX61" fmla="*/ 143256 w 385381"/>
                    <a:gd name="connsiteY61" fmla="*/ 97649 h 356540"/>
                    <a:gd name="connsiteX62" fmla="*/ 142685 w 385381"/>
                    <a:gd name="connsiteY62" fmla="*/ 94356 h 356540"/>
                    <a:gd name="connsiteX63" fmla="*/ 139446 w 385381"/>
                    <a:gd name="connsiteY63" fmla="*/ 82221 h 356540"/>
                    <a:gd name="connsiteX64" fmla="*/ 138970 w 385381"/>
                    <a:gd name="connsiteY64" fmla="*/ 81750 h 356540"/>
                    <a:gd name="connsiteX65" fmla="*/ 138398 w 385381"/>
                    <a:gd name="connsiteY65" fmla="*/ 81562 h 356540"/>
                    <a:gd name="connsiteX66" fmla="*/ 130016 w 385381"/>
                    <a:gd name="connsiteY66" fmla="*/ 85137 h 356540"/>
                    <a:gd name="connsiteX67" fmla="*/ 130016 w 385381"/>
                    <a:gd name="connsiteY67" fmla="*/ 85890 h 356540"/>
                    <a:gd name="connsiteX68" fmla="*/ 87249 w 385381"/>
                    <a:gd name="connsiteY68" fmla="*/ 127941 h 356540"/>
                    <a:gd name="connsiteX69" fmla="*/ 51911 w 385381"/>
                    <a:gd name="connsiteY69" fmla="*/ 127941 h 356540"/>
                    <a:gd name="connsiteX70" fmla="*/ 55340 w 385381"/>
                    <a:gd name="connsiteY70" fmla="*/ 122955 h 356540"/>
                    <a:gd name="connsiteX71" fmla="*/ 254603 w 385381"/>
                    <a:gd name="connsiteY71" fmla="*/ 115335 h 356540"/>
                    <a:gd name="connsiteX72" fmla="*/ 267557 w 385381"/>
                    <a:gd name="connsiteY72" fmla="*/ 128035 h 356540"/>
                    <a:gd name="connsiteX73" fmla="*/ 246983 w 385381"/>
                    <a:gd name="connsiteY73" fmla="*/ 128035 h 356540"/>
                    <a:gd name="connsiteX74" fmla="*/ 253841 w 385381"/>
                    <a:gd name="connsiteY74" fmla="*/ 127094 h 356540"/>
                    <a:gd name="connsiteX75" fmla="*/ 254603 w 385381"/>
                    <a:gd name="connsiteY75" fmla="*/ 115429 h 356540"/>
                    <a:gd name="connsiteX76" fmla="*/ 128207 w 385381"/>
                    <a:gd name="connsiteY76" fmla="*/ 128035 h 356540"/>
                    <a:gd name="connsiteX77" fmla="*/ 115062 w 385381"/>
                    <a:gd name="connsiteY77" fmla="*/ 128035 h 356540"/>
                    <a:gd name="connsiteX78" fmla="*/ 128207 w 385381"/>
                    <a:gd name="connsiteY78" fmla="*/ 115147 h 356540"/>
                    <a:gd name="connsiteX79" fmla="*/ 128207 w 385381"/>
                    <a:gd name="connsiteY79" fmla="*/ 128035 h 356540"/>
                    <a:gd name="connsiteX80" fmla="*/ 367094 w 385381"/>
                    <a:gd name="connsiteY80" fmla="*/ 338479 h 356540"/>
                    <a:gd name="connsiteX81" fmla="*/ 18288 w 385381"/>
                    <a:gd name="connsiteY81" fmla="*/ 338479 h 356540"/>
                    <a:gd name="connsiteX82" fmla="*/ 18288 w 385381"/>
                    <a:gd name="connsiteY82" fmla="*/ 146191 h 356540"/>
                    <a:gd name="connsiteX83" fmla="*/ 366998 w 385381"/>
                    <a:gd name="connsiteY83" fmla="*/ 146191 h 356540"/>
                    <a:gd name="connsiteX84" fmla="*/ 366998 w 385381"/>
                    <a:gd name="connsiteY84" fmla="*/ 338479 h 3565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385381" h="356540">
                      <a:moveTo>
                        <a:pt x="352235" y="128035"/>
                      </a:moveTo>
                      <a:cubicBezTo>
                        <a:pt x="352235" y="128035"/>
                        <a:pt x="352044" y="127470"/>
                        <a:pt x="351758" y="127282"/>
                      </a:cubicBezTo>
                      <a:lnTo>
                        <a:pt x="344615" y="116840"/>
                      </a:lnTo>
                      <a:cubicBezTo>
                        <a:pt x="341186" y="112136"/>
                        <a:pt x="305181" y="61242"/>
                        <a:pt x="301466" y="56162"/>
                      </a:cubicBezTo>
                      <a:cubicBezTo>
                        <a:pt x="299847" y="53904"/>
                        <a:pt x="297942" y="51176"/>
                        <a:pt x="295847" y="48166"/>
                      </a:cubicBezTo>
                      <a:cubicBezTo>
                        <a:pt x="287274" y="35466"/>
                        <a:pt x="274701" y="17404"/>
                        <a:pt x="255842" y="6397"/>
                      </a:cubicBezTo>
                      <a:cubicBezTo>
                        <a:pt x="255746" y="6303"/>
                        <a:pt x="255651" y="6303"/>
                        <a:pt x="255365" y="6209"/>
                      </a:cubicBezTo>
                      <a:cubicBezTo>
                        <a:pt x="253365" y="4892"/>
                        <a:pt x="251174" y="3857"/>
                        <a:pt x="248888" y="2822"/>
                      </a:cubicBezTo>
                      <a:lnTo>
                        <a:pt x="248888" y="3763"/>
                      </a:lnTo>
                      <a:cubicBezTo>
                        <a:pt x="242126" y="1411"/>
                        <a:pt x="234696" y="0"/>
                        <a:pt x="226409" y="0"/>
                      </a:cubicBezTo>
                      <a:lnTo>
                        <a:pt x="155829" y="0"/>
                      </a:lnTo>
                      <a:cubicBezTo>
                        <a:pt x="147447" y="0"/>
                        <a:pt x="138684" y="1881"/>
                        <a:pt x="130302" y="5456"/>
                      </a:cubicBezTo>
                      <a:cubicBezTo>
                        <a:pt x="130112" y="6115"/>
                        <a:pt x="130016" y="6867"/>
                        <a:pt x="129731" y="7432"/>
                      </a:cubicBezTo>
                      <a:lnTo>
                        <a:pt x="129731" y="6397"/>
                      </a:lnTo>
                      <a:cubicBezTo>
                        <a:pt x="106871" y="16651"/>
                        <a:pt x="92583" y="37536"/>
                        <a:pt x="82963" y="51647"/>
                      </a:cubicBezTo>
                      <a:cubicBezTo>
                        <a:pt x="80963" y="54751"/>
                        <a:pt x="78962" y="57479"/>
                        <a:pt x="77343" y="59831"/>
                      </a:cubicBezTo>
                      <a:cubicBezTo>
                        <a:pt x="73533" y="64817"/>
                        <a:pt x="37624" y="115617"/>
                        <a:pt x="34290" y="120509"/>
                      </a:cubicBezTo>
                      <a:lnTo>
                        <a:pt x="28861" y="128035"/>
                      </a:lnTo>
                      <a:lnTo>
                        <a:pt x="0" y="128035"/>
                      </a:lnTo>
                      <a:lnTo>
                        <a:pt x="0" y="356541"/>
                      </a:lnTo>
                      <a:lnTo>
                        <a:pt x="385382" y="356541"/>
                      </a:lnTo>
                      <a:lnTo>
                        <a:pt x="385382" y="128035"/>
                      </a:lnTo>
                      <a:lnTo>
                        <a:pt x="352235" y="128035"/>
                      </a:lnTo>
                      <a:close/>
                      <a:moveTo>
                        <a:pt x="55245" y="123049"/>
                      </a:moveTo>
                      <a:cubicBezTo>
                        <a:pt x="56102" y="121638"/>
                        <a:pt x="57150" y="120133"/>
                        <a:pt x="58293" y="118721"/>
                      </a:cubicBezTo>
                      <a:cubicBezTo>
                        <a:pt x="61532" y="114112"/>
                        <a:pt x="65246" y="108938"/>
                        <a:pt x="69152" y="103764"/>
                      </a:cubicBezTo>
                      <a:cubicBezTo>
                        <a:pt x="70580" y="101976"/>
                        <a:pt x="71819" y="100283"/>
                        <a:pt x="73057" y="98590"/>
                      </a:cubicBezTo>
                      <a:cubicBezTo>
                        <a:pt x="77534" y="92381"/>
                        <a:pt x="82010" y="86548"/>
                        <a:pt x="85725" y="81562"/>
                      </a:cubicBezTo>
                      <a:cubicBezTo>
                        <a:pt x="86392" y="80716"/>
                        <a:pt x="87059" y="79869"/>
                        <a:pt x="87535" y="79116"/>
                      </a:cubicBezTo>
                      <a:cubicBezTo>
                        <a:pt x="90011" y="75918"/>
                        <a:pt x="91916" y="73284"/>
                        <a:pt x="93345" y="71496"/>
                      </a:cubicBezTo>
                      <a:cubicBezTo>
                        <a:pt x="95155" y="68956"/>
                        <a:pt x="97250" y="65946"/>
                        <a:pt x="99441" y="62653"/>
                      </a:cubicBezTo>
                      <a:cubicBezTo>
                        <a:pt x="107061" y="51364"/>
                        <a:pt x="116491" y="37441"/>
                        <a:pt x="129826" y="28599"/>
                      </a:cubicBezTo>
                      <a:lnTo>
                        <a:pt x="129826" y="28034"/>
                      </a:lnTo>
                      <a:cubicBezTo>
                        <a:pt x="138398" y="22578"/>
                        <a:pt x="147923" y="19567"/>
                        <a:pt x="155924" y="19567"/>
                      </a:cubicBezTo>
                      <a:lnTo>
                        <a:pt x="226505" y="19567"/>
                      </a:lnTo>
                      <a:cubicBezTo>
                        <a:pt x="234982" y="19567"/>
                        <a:pt x="242411" y="21637"/>
                        <a:pt x="248984" y="24741"/>
                      </a:cubicBezTo>
                      <a:lnTo>
                        <a:pt x="248984" y="25024"/>
                      </a:lnTo>
                      <a:cubicBezTo>
                        <a:pt x="262319" y="33961"/>
                        <a:pt x="271844" y="47696"/>
                        <a:pt x="279559" y="58984"/>
                      </a:cubicBezTo>
                      <a:cubicBezTo>
                        <a:pt x="281750" y="62277"/>
                        <a:pt x="283750" y="65287"/>
                        <a:pt x="285655" y="67827"/>
                      </a:cubicBezTo>
                      <a:cubicBezTo>
                        <a:pt x="287369" y="70179"/>
                        <a:pt x="290036" y="73660"/>
                        <a:pt x="293180" y="77893"/>
                      </a:cubicBezTo>
                      <a:cubicBezTo>
                        <a:pt x="294037" y="79022"/>
                        <a:pt x="294894" y="80151"/>
                        <a:pt x="295751" y="81374"/>
                      </a:cubicBezTo>
                      <a:cubicBezTo>
                        <a:pt x="307467" y="96990"/>
                        <a:pt x="324231" y="119380"/>
                        <a:pt x="329279" y="128035"/>
                      </a:cubicBezTo>
                      <a:lnTo>
                        <a:pt x="295466" y="128035"/>
                      </a:lnTo>
                      <a:lnTo>
                        <a:pt x="248984" y="82503"/>
                      </a:lnTo>
                      <a:cubicBezTo>
                        <a:pt x="246412" y="80151"/>
                        <a:pt x="239840" y="80245"/>
                        <a:pt x="236506" y="81656"/>
                      </a:cubicBezTo>
                      <a:cubicBezTo>
                        <a:pt x="236411" y="81656"/>
                        <a:pt x="236315" y="81750"/>
                        <a:pt x="236220" y="81844"/>
                      </a:cubicBezTo>
                      <a:cubicBezTo>
                        <a:pt x="235744" y="82409"/>
                        <a:pt x="235458" y="83538"/>
                        <a:pt x="235077" y="85137"/>
                      </a:cubicBezTo>
                      <a:cubicBezTo>
                        <a:pt x="234982" y="85701"/>
                        <a:pt x="234887" y="86266"/>
                        <a:pt x="234791" y="86924"/>
                      </a:cubicBezTo>
                      <a:cubicBezTo>
                        <a:pt x="234506" y="88336"/>
                        <a:pt x="234220" y="90029"/>
                        <a:pt x="234029" y="91816"/>
                      </a:cubicBezTo>
                      <a:cubicBezTo>
                        <a:pt x="233934" y="92475"/>
                        <a:pt x="233839" y="92945"/>
                        <a:pt x="233839" y="93604"/>
                      </a:cubicBezTo>
                      <a:cubicBezTo>
                        <a:pt x="233553" y="95767"/>
                        <a:pt x="233267" y="97931"/>
                        <a:pt x="233077" y="100283"/>
                      </a:cubicBezTo>
                      <a:cubicBezTo>
                        <a:pt x="232981" y="101224"/>
                        <a:pt x="232981" y="102164"/>
                        <a:pt x="232886" y="103199"/>
                      </a:cubicBezTo>
                      <a:cubicBezTo>
                        <a:pt x="232315" y="108656"/>
                        <a:pt x="232029" y="114300"/>
                        <a:pt x="231839" y="118533"/>
                      </a:cubicBezTo>
                      <a:cubicBezTo>
                        <a:pt x="231743" y="120603"/>
                        <a:pt x="231648" y="122296"/>
                        <a:pt x="231648" y="123613"/>
                      </a:cubicBezTo>
                      <a:cubicBezTo>
                        <a:pt x="231553" y="124930"/>
                        <a:pt x="231553" y="125871"/>
                        <a:pt x="231553" y="126247"/>
                      </a:cubicBezTo>
                      <a:lnTo>
                        <a:pt x="223647" y="127941"/>
                      </a:lnTo>
                      <a:lnTo>
                        <a:pt x="145923" y="127941"/>
                      </a:lnTo>
                      <a:lnTo>
                        <a:pt x="145923" y="127659"/>
                      </a:lnTo>
                      <a:cubicBezTo>
                        <a:pt x="145923" y="126624"/>
                        <a:pt x="145828" y="125495"/>
                        <a:pt x="145733" y="124366"/>
                      </a:cubicBezTo>
                      <a:cubicBezTo>
                        <a:pt x="145447" y="118816"/>
                        <a:pt x="144875" y="112889"/>
                        <a:pt x="144304" y="107244"/>
                      </a:cubicBezTo>
                      <a:cubicBezTo>
                        <a:pt x="144304" y="106586"/>
                        <a:pt x="144209" y="105833"/>
                        <a:pt x="144113" y="105081"/>
                      </a:cubicBezTo>
                      <a:cubicBezTo>
                        <a:pt x="143828" y="102447"/>
                        <a:pt x="143542" y="100001"/>
                        <a:pt x="143256" y="97649"/>
                      </a:cubicBezTo>
                      <a:cubicBezTo>
                        <a:pt x="143161" y="96520"/>
                        <a:pt x="142970" y="95391"/>
                        <a:pt x="142685" y="94356"/>
                      </a:cubicBezTo>
                      <a:cubicBezTo>
                        <a:pt x="141827" y="88430"/>
                        <a:pt x="140780" y="83820"/>
                        <a:pt x="139446" y="82221"/>
                      </a:cubicBezTo>
                      <a:cubicBezTo>
                        <a:pt x="139351" y="82033"/>
                        <a:pt x="139160" y="81939"/>
                        <a:pt x="138970" y="81750"/>
                      </a:cubicBezTo>
                      <a:cubicBezTo>
                        <a:pt x="138779" y="81656"/>
                        <a:pt x="138684" y="81562"/>
                        <a:pt x="138398" y="81562"/>
                      </a:cubicBezTo>
                      <a:cubicBezTo>
                        <a:pt x="134874" y="81562"/>
                        <a:pt x="131731" y="82315"/>
                        <a:pt x="130016" y="85137"/>
                      </a:cubicBezTo>
                      <a:lnTo>
                        <a:pt x="130016" y="85890"/>
                      </a:lnTo>
                      <a:lnTo>
                        <a:pt x="87249" y="127941"/>
                      </a:lnTo>
                      <a:lnTo>
                        <a:pt x="51911" y="127941"/>
                      </a:lnTo>
                      <a:cubicBezTo>
                        <a:pt x="52864" y="126436"/>
                        <a:pt x="54102" y="124742"/>
                        <a:pt x="55340" y="122955"/>
                      </a:cubicBezTo>
                      <a:close/>
                      <a:moveTo>
                        <a:pt x="254603" y="115335"/>
                      </a:moveTo>
                      <a:lnTo>
                        <a:pt x="267557" y="128035"/>
                      </a:lnTo>
                      <a:lnTo>
                        <a:pt x="246983" y="128035"/>
                      </a:lnTo>
                      <a:lnTo>
                        <a:pt x="253841" y="127094"/>
                      </a:lnTo>
                      <a:cubicBezTo>
                        <a:pt x="253841" y="127094"/>
                        <a:pt x="255461" y="122767"/>
                        <a:pt x="254603" y="115429"/>
                      </a:cubicBezTo>
                      <a:close/>
                      <a:moveTo>
                        <a:pt x="128207" y="128035"/>
                      </a:moveTo>
                      <a:lnTo>
                        <a:pt x="115062" y="128035"/>
                      </a:lnTo>
                      <a:lnTo>
                        <a:pt x="128207" y="115147"/>
                      </a:lnTo>
                      <a:lnTo>
                        <a:pt x="128207" y="128035"/>
                      </a:lnTo>
                      <a:close/>
                      <a:moveTo>
                        <a:pt x="367094" y="338479"/>
                      </a:moveTo>
                      <a:lnTo>
                        <a:pt x="18288" y="338479"/>
                      </a:lnTo>
                      <a:lnTo>
                        <a:pt x="18288" y="146191"/>
                      </a:lnTo>
                      <a:lnTo>
                        <a:pt x="366998" y="146191"/>
                      </a:lnTo>
                      <a:lnTo>
                        <a:pt x="366998" y="338479"/>
                      </a:lnTo>
                      <a:close/>
                    </a:path>
                  </a:pathLst>
                </a:custGeom>
                <a:solidFill>
                  <a:srgbClr val="265A9A"/>
                </a:solidFill>
                <a:ln w="0" cap="flat">
                  <a:noFill/>
                  <a:prstDash val="solid"/>
                  <a:miter/>
                </a:ln>
              </p:spPr>
              <p:txBody>
                <a:bodyPr rtlCol="0" anchor="ctr"/>
                <a:lstStyle/>
                <a:p>
                  <a:endParaRPr lang="en-US"/>
                </a:p>
              </p:txBody>
            </p:sp>
            <p:sp>
              <p:nvSpPr>
                <p:cNvPr id="1092" name="Freeform 12">
                  <a:extLst>
                    <a:ext uri="{FF2B5EF4-FFF2-40B4-BE49-F238E27FC236}">
                      <a16:creationId xmlns:a16="http://schemas.microsoft.com/office/drawing/2014/main" id="{83663B20-E5C0-4615-17AA-2859ECEABB1D}"/>
                    </a:ext>
                  </a:extLst>
                </p:cNvPr>
                <p:cNvSpPr/>
                <p:nvPr/>
              </p:nvSpPr>
              <p:spPr>
                <a:xfrm>
                  <a:off x="432779" y="626858"/>
                  <a:ext cx="38825" cy="45820"/>
                </a:xfrm>
                <a:custGeom>
                  <a:avLst/>
                  <a:gdLst>
                    <a:gd name="connsiteX0" fmla="*/ 9065 w 27559"/>
                    <a:gd name="connsiteY0" fmla="*/ 27820 h 32524"/>
                    <a:gd name="connsiteX1" fmla="*/ 15066 w 27559"/>
                    <a:gd name="connsiteY1" fmla="*/ 32242 h 32524"/>
                    <a:gd name="connsiteX2" fmla="*/ 17542 w 27559"/>
                    <a:gd name="connsiteY2" fmla="*/ 32524 h 32524"/>
                    <a:gd name="connsiteX3" fmla="*/ 22590 w 27559"/>
                    <a:gd name="connsiteY3" fmla="*/ 31113 h 32524"/>
                    <a:gd name="connsiteX4" fmla="*/ 27258 w 27559"/>
                    <a:gd name="connsiteY4" fmla="*/ 25186 h 32524"/>
                    <a:gd name="connsiteX5" fmla="*/ 26210 w 27559"/>
                    <a:gd name="connsiteY5" fmla="*/ 17754 h 32524"/>
                    <a:gd name="connsiteX6" fmla="*/ 18590 w 27559"/>
                    <a:gd name="connsiteY6" fmla="*/ 4866 h 32524"/>
                    <a:gd name="connsiteX7" fmla="*/ 12494 w 27559"/>
                    <a:gd name="connsiteY7" fmla="*/ 257 h 32524"/>
                    <a:gd name="connsiteX8" fmla="*/ 4969 w 27559"/>
                    <a:gd name="connsiteY8" fmla="*/ 1291 h 32524"/>
                    <a:gd name="connsiteX9" fmla="*/ 302 w 27559"/>
                    <a:gd name="connsiteY9" fmla="*/ 7312 h 32524"/>
                    <a:gd name="connsiteX10" fmla="*/ 1350 w 27559"/>
                    <a:gd name="connsiteY10" fmla="*/ 14744 h 32524"/>
                    <a:gd name="connsiteX11" fmla="*/ 9065 w 27559"/>
                    <a:gd name="connsiteY11" fmla="*/ 27632 h 325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559" h="32524">
                      <a:moveTo>
                        <a:pt x="9065" y="27820"/>
                      </a:moveTo>
                      <a:cubicBezTo>
                        <a:pt x="10398" y="30078"/>
                        <a:pt x="12494" y="31677"/>
                        <a:pt x="15066" y="32242"/>
                      </a:cubicBezTo>
                      <a:cubicBezTo>
                        <a:pt x="15828" y="32430"/>
                        <a:pt x="16685" y="32524"/>
                        <a:pt x="17542" y="32524"/>
                      </a:cubicBezTo>
                      <a:cubicBezTo>
                        <a:pt x="19352" y="32524"/>
                        <a:pt x="21066" y="32054"/>
                        <a:pt x="22590" y="31113"/>
                      </a:cubicBezTo>
                      <a:cubicBezTo>
                        <a:pt x="24972" y="29796"/>
                        <a:pt x="26591" y="27726"/>
                        <a:pt x="27258" y="25186"/>
                      </a:cubicBezTo>
                      <a:cubicBezTo>
                        <a:pt x="27924" y="22646"/>
                        <a:pt x="27448" y="20012"/>
                        <a:pt x="26210" y="17754"/>
                      </a:cubicBezTo>
                      <a:lnTo>
                        <a:pt x="18590" y="4866"/>
                      </a:lnTo>
                      <a:cubicBezTo>
                        <a:pt x="17161" y="2608"/>
                        <a:pt x="15066" y="1009"/>
                        <a:pt x="12494" y="257"/>
                      </a:cubicBezTo>
                      <a:cubicBezTo>
                        <a:pt x="9922" y="-308"/>
                        <a:pt x="7255" y="68"/>
                        <a:pt x="4969" y="1291"/>
                      </a:cubicBezTo>
                      <a:cubicBezTo>
                        <a:pt x="2683" y="2703"/>
                        <a:pt x="969" y="4772"/>
                        <a:pt x="302" y="7312"/>
                      </a:cubicBezTo>
                      <a:cubicBezTo>
                        <a:pt x="-365" y="9852"/>
                        <a:pt x="111" y="12486"/>
                        <a:pt x="1350" y="14744"/>
                      </a:cubicBezTo>
                      <a:lnTo>
                        <a:pt x="9065" y="27632"/>
                      </a:lnTo>
                      <a:close/>
                    </a:path>
                  </a:pathLst>
                </a:custGeom>
                <a:solidFill>
                  <a:srgbClr val="265A9A"/>
                </a:solidFill>
                <a:ln w="0" cap="flat">
                  <a:noFill/>
                  <a:prstDash val="solid"/>
                  <a:miter/>
                </a:ln>
              </p:spPr>
              <p:txBody>
                <a:bodyPr rtlCol="0" anchor="ctr"/>
                <a:lstStyle/>
                <a:p>
                  <a:endParaRPr lang="en-US"/>
                </a:p>
              </p:txBody>
            </p:sp>
            <p:sp>
              <p:nvSpPr>
                <p:cNvPr id="1093" name="Freeform 13">
                  <a:extLst>
                    <a:ext uri="{FF2B5EF4-FFF2-40B4-BE49-F238E27FC236}">
                      <a16:creationId xmlns:a16="http://schemas.microsoft.com/office/drawing/2014/main" id="{083C5E33-84DD-41E5-D485-05DF1338473B}"/>
                    </a:ext>
                  </a:extLst>
                </p:cNvPr>
                <p:cNvSpPr/>
                <p:nvPr/>
              </p:nvSpPr>
              <p:spPr>
                <a:xfrm>
                  <a:off x="397577" y="677068"/>
                  <a:ext cx="47644" cy="35899"/>
                </a:xfrm>
                <a:custGeom>
                  <a:avLst/>
                  <a:gdLst>
                    <a:gd name="connsiteX0" fmla="*/ 5953 w 33819"/>
                    <a:gd name="connsiteY0" fmla="*/ 18992 h 25482"/>
                    <a:gd name="connsiteX1" fmla="*/ 19860 w 33819"/>
                    <a:gd name="connsiteY1" fmla="*/ 24730 h 25482"/>
                    <a:gd name="connsiteX2" fmla="*/ 23765 w 33819"/>
                    <a:gd name="connsiteY2" fmla="*/ 25483 h 25482"/>
                    <a:gd name="connsiteX3" fmla="*/ 27575 w 33819"/>
                    <a:gd name="connsiteY3" fmla="*/ 24730 h 25482"/>
                    <a:gd name="connsiteX4" fmla="*/ 33004 w 33819"/>
                    <a:gd name="connsiteY4" fmla="*/ 19368 h 25482"/>
                    <a:gd name="connsiteX5" fmla="*/ 27765 w 33819"/>
                    <a:gd name="connsiteY5" fmla="*/ 6480 h 25482"/>
                    <a:gd name="connsiteX6" fmla="*/ 13764 w 33819"/>
                    <a:gd name="connsiteY6" fmla="*/ 741 h 25482"/>
                    <a:gd name="connsiteX7" fmla="*/ 6239 w 33819"/>
                    <a:gd name="connsiteY7" fmla="*/ 741 h 25482"/>
                    <a:gd name="connsiteX8" fmla="*/ 714 w 33819"/>
                    <a:gd name="connsiteY8" fmla="*/ 6103 h 25482"/>
                    <a:gd name="connsiteX9" fmla="*/ 714 w 33819"/>
                    <a:gd name="connsiteY9" fmla="*/ 13535 h 25482"/>
                    <a:gd name="connsiteX10" fmla="*/ 6144 w 33819"/>
                    <a:gd name="connsiteY10" fmla="*/ 18992 h 254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3819" h="25482">
                      <a:moveTo>
                        <a:pt x="5953" y="18992"/>
                      </a:moveTo>
                      <a:lnTo>
                        <a:pt x="19860" y="24730"/>
                      </a:lnTo>
                      <a:cubicBezTo>
                        <a:pt x="21003" y="25295"/>
                        <a:pt x="22336" y="25483"/>
                        <a:pt x="23765" y="25483"/>
                      </a:cubicBezTo>
                      <a:cubicBezTo>
                        <a:pt x="25098" y="25483"/>
                        <a:pt x="26241" y="25295"/>
                        <a:pt x="27575" y="24730"/>
                      </a:cubicBezTo>
                      <a:cubicBezTo>
                        <a:pt x="30051" y="23789"/>
                        <a:pt x="31956" y="21814"/>
                        <a:pt x="33004" y="19368"/>
                      </a:cubicBezTo>
                      <a:cubicBezTo>
                        <a:pt x="35195" y="14382"/>
                        <a:pt x="32814" y="8643"/>
                        <a:pt x="27765" y="6480"/>
                      </a:cubicBezTo>
                      <a:lnTo>
                        <a:pt x="13764" y="741"/>
                      </a:lnTo>
                      <a:cubicBezTo>
                        <a:pt x="11382" y="-199"/>
                        <a:pt x="8715" y="-294"/>
                        <a:pt x="6239" y="741"/>
                      </a:cubicBezTo>
                      <a:cubicBezTo>
                        <a:pt x="3762" y="1682"/>
                        <a:pt x="1857" y="3658"/>
                        <a:pt x="714" y="6103"/>
                      </a:cubicBezTo>
                      <a:cubicBezTo>
                        <a:pt x="-238" y="8455"/>
                        <a:pt x="-238" y="11089"/>
                        <a:pt x="714" y="13535"/>
                      </a:cubicBezTo>
                      <a:cubicBezTo>
                        <a:pt x="1667" y="15981"/>
                        <a:pt x="3667" y="17863"/>
                        <a:pt x="6144" y="18992"/>
                      </a:cubicBezTo>
                      <a:close/>
                    </a:path>
                  </a:pathLst>
                </a:custGeom>
                <a:solidFill>
                  <a:srgbClr val="265A9A"/>
                </a:solidFill>
                <a:ln w="0" cap="flat">
                  <a:noFill/>
                  <a:prstDash val="solid"/>
                  <a:miter/>
                </a:ln>
              </p:spPr>
              <p:txBody>
                <a:bodyPr rtlCol="0" anchor="ctr"/>
                <a:lstStyle/>
                <a:p>
                  <a:endParaRPr lang="en-US"/>
                </a:p>
              </p:txBody>
            </p:sp>
            <p:sp>
              <p:nvSpPr>
                <p:cNvPr id="1094" name="Freeform 14">
                  <a:extLst>
                    <a:ext uri="{FF2B5EF4-FFF2-40B4-BE49-F238E27FC236}">
                      <a16:creationId xmlns:a16="http://schemas.microsoft.com/office/drawing/2014/main" id="{3EC38E23-017E-C246-F230-69506BA2F23D}"/>
                    </a:ext>
                  </a:extLst>
                </p:cNvPr>
                <p:cNvSpPr/>
                <p:nvPr/>
              </p:nvSpPr>
              <p:spPr>
                <a:xfrm>
                  <a:off x="607838" y="629953"/>
                  <a:ext cx="38670" cy="45772"/>
                </a:xfrm>
                <a:custGeom>
                  <a:avLst/>
                  <a:gdLst>
                    <a:gd name="connsiteX0" fmla="*/ 4819 w 27449"/>
                    <a:gd name="connsiteY0" fmla="*/ 31080 h 32490"/>
                    <a:gd name="connsiteX1" fmla="*/ 9867 w 27449"/>
                    <a:gd name="connsiteY1" fmla="*/ 32491 h 32490"/>
                    <a:gd name="connsiteX2" fmla="*/ 12439 w 27449"/>
                    <a:gd name="connsiteY2" fmla="*/ 32209 h 32490"/>
                    <a:gd name="connsiteX3" fmla="*/ 18440 w 27449"/>
                    <a:gd name="connsiteY3" fmla="*/ 27693 h 32490"/>
                    <a:gd name="connsiteX4" fmla="*/ 26060 w 27449"/>
                    <a:gd name="connsiteY4" fmla="*/ 14805 h 32490"/>
                    <a:gd name="connsiteX5" fmla="*/ 27108 w 27449"/>
                    <a:gd name="connsiteY5" fmla="*/ 7373 h 32490"/>
                    <a:gd name="connsiteX6" fmla="*/ 22631 w 27449"/>
                    <a:gd name="connsiteY6" fmla="*/ 1352 h 32490"/>
                    <a:gd name="connsiteX7" fmla="*/ 15106 w 27449"/>
                    <a:gd name="connsiteY7" fmla="*/ 317 h 32490"/>
                    <a:gd name="connsiteX8" fmla="*/ 9010 w 27449"/>
                    <a:gd name="connsiteY8" fmla="*/ 4927 h 32490"/>
                    <a:gd name="connsiteX9" fmla="*/ 1390 w 27449"/>
                    <a:gd name="connsiteY9" fmla="*/ 17815 h 32490"/>
                    <a:gd name="connsiteX10" fmla="*/ 342 w 27449"/>
                    <a:gd name="connsiteY10" fmla="*/ 25247 h 32490"/>
                    <a:gd name="connsiteX11" fmla="*/ 4819 w 27449"/>
                    <a:gd name="connsiteY11" fmla="*/ 31174 h 32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449" h="32490">
                      <a:moveTo>
                        <a:pt x="4819" y="31080"/>
                      </a:moveTo>
                      <a:cubicBezTo>
                        <a:pt x="6343" y="32020"/>
                        <a:pt x="8153" y="32491"/>
                        <a:pt x="9867" y="32491"/>
                      </a:cubicBezTo>
                      <a:cubicBezTo>
                        <a:pt x="10725" y="32491"/>
                        <a:pt x="11582" y="32397"/>
                        <a:pt x="12439" y="32209"/>
                      </a:cubicBezTo>
                      <a:cubicBezTo>
                        <a:pt x="15011" y="31550"/>
                        <a:pt x="17202" y="29951"/>
                        <a:pt x="18440" y="27693"/>
                      </a:cubicBezTo>
                      <a:lnTo>
                        <a:pt x="26060" y="14805"/>
                      </a:lnTo>
                      <a:cubicBezTo>
                        <a:pt x="27489" y="12547"/>
                        <a:pt x="27774" y="9913"/>
                        <a:pt x="27108" y="7373"/>
                      </a:cubicBezTo>
                      <a:cubicBezTo>
                        <a:pt x="26441" y="4833"/>
                        <a:pt x="24822" y="2669"/>
                        <a:pt x="22631" y="1352"/>
                      </a:cubicBezTo>
                      <a:cubicBezTo>
                        <a:pt x="20345" y="35"/>
                        <a:pt x="17678" y="-341"/>
                        <a:pt x="15106" y="317"/>
                      </a:cubicBezTo>
                      <a:cubicBezTo>
                        <a:pt x="12534" y="976"/>
                        <a:pt x="10248" y="2669"/>
                        <a:pt x="9010" y="4927"/>
                      </a:cubicBezTo>
                      <a:lnTo>
                        <a:pt x="1390" y="17815"/>
                      </a:lnTo>
                      <a:cubicBezTo>
                        <a:pt x="-39" y="20073"/>
                        <a:pt x="-324" y="22707"/>
                        <a:pt x="342" y="25247"/>
                      </a:cubicBezTo>
                      <a:cubicBezTo>
                        <a:pt x="1009" y="27787"/>
                        <a:pt x="2628" y="29951"/>
                        <a:pt x="4819" y="31174"/>
                      </a:cubicBezTo>
                      <a:close/>
                    </a:path>
                  </a:pathLst>
                </a:custGeom>
                <a:solidFill>
                  <a:srgbClr val="265A9A"/>
                </a:solidFill>
                <a:ln w="0" cap="flat">
                  <a:noFill/>
                  <a:prstDash val="solid"/>
                  <a:miter/>
                </a:ln>
              </p:spPr>
              <p:txBody>
                <a:bodyPr rtlCol="0" anchor="ctr"/>
                <a:lstStyle/>
                <a:p>
                  <a:endParaRPr lang="en-US"/>
                </a:p>
              </p:txBody>
            </p:sp>
            <p:sp>
              <p:nvSpPr>
                <p:cNvPr id="1095" name="Freeform 15">
                  <a:extLst>
                    <a:ext uri="{FF2B5EF4-FFF2-40B4-BE49-F238E27FC236}">
                      <a16:creationId xmlns:a16="http://schemas.microsoft.com/office/drawing/2014/main" id="{00003120-FC39-AEF3-9C3F-AB1C6F07CC4F}"/>
                    </a:ext>
                  </a:extLst>
                </p:cNvPr>
                <p:cNvSpPr/>
                <p:nvPr/>
              </p:nvSpPr>
              <p:spPr>
                <a:xfrm>
                  <a:off x="634564" y="679935"/>
                  <a:ext cx="47743" cy="35948"/>
                </a:xfrm>
                <a:custGeom>
                  <a:avLst/>
                  <a:gdLst>
                    <a:gd name="connsiteX0" fmla="*/ 612 w 33889"/>
                    <a:gd name="connsiteY0" fmla="*/ 19403 h 25517"/>
                    <a:gd name="connsiteX1" fmla="*/ 6136 w 33889"/>
                    <a:gd name="connsiteY1" fmla="*/ 24765 h 25517"/>
                    <a:gd name="connsiteX2" fmla="*/ 9946 w 33889"/>
                    <a:gd name="connsiteY2" fmla="*/ 25518 h 25517"/>
                    <a:gd name="connsiteX3" fmla="*/ 13851 w 33889"/>
                    <a:gd name="connsiteY3" fmla="*/ 24765 h 25517"/>
                    <a:gd name="connsiteX4" fmla="*/ 27758 w 33889"/>
                    <a:gd name="connsiteY4" fmla="*/ 19026 h 25517"/>
                    <a:gd name="connsiteX5" fmla="*/ 33187 w 33889"/>
                    <a:gd name="connsiteY5" fmla="*/ 13570 h 25517"/>
                    <a:gd name="connsiteX6" fmla="*/ 33092 w 33889"/>
                    <a:gd name="connsiteY6" fmla="*/ 6138 h 25517"/>
                    <a:gd name="connsiteX7" fmla="*/ 27663 w 33889"/>
                    <a:gd name="connsiteY7" fmla="*/ 776 h 25517"/>
                    <a:gd name="connsiteX8" fmla="*/ 20043 w 33889"/>
                    <a:gd name="connsiteY8" fmla="*/ 776 h 25517"/>
                    <a:gd name="connsiteX9" fmla="*/ 6136 w 33889"/>
                    <a:gd name="connsiteY9" fmla="*/ 6515 h 25517"/>
                    <a:gd name="connsiteX10" fmla="*/ 707 w 33889"/>
                    <a:gd name="connsiteY10" fmla="*/ 19403 h 255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3889" h="25517">
                      <a:moveTo>
                        <a:pt x="612" y="19403"/>
                      </a:moveTo>
                      <a:cubicBezTo>
                        <a:pt x="1659" y="21849"/>
                        <a:pt x="3660" y="23730"/>
                        <a:pt x="6136" y="24765"/>
                      </a:cubicBezTo>
                      <a:cubicBezTo>
                        <a:pt x="7279" y="25329"/>
                        <a:pt x="8613" y="25518"/>
                        <a:pt x="9946" y="25518"/>
                      </a:cubicBezTo>
                      <a:cubicBezTo>
                        <a:pt x="11280" y="25518"/>
                        <a:pt x="12518" y="25329"/>
                        <a:pt x="13851" y="24765"/>
                      </a:cubicBezTo>
                      <a:lnTo>
                        <a:pt x="27758" y="19026"/>
                      </a:lnTo>
                      <a:cubicBezTo>
                        <a:pt x="30139" y="17992"/>
                        <a:pt x="32044" y="16016"/>
                        <a:pt x="33187" y="13570"/>
                      </a:cubicBezTo>
                      <a:cubicBezTo>
                        <a:pt x="34140" y="11124"/>
                        <a:pt x="34140" y="8490"/>
                        <a:pt x="33092" y="6138"/>
                      </a:cubicBezTo>
                      <a:cubicBezTo>
                        <a:pt x="32139" y="3692"/>
                        <a:pt x="30139" y="1811"/>
                        <a:pt x="27663" y="776"/>
                      </a:cubicBezTo>
                      <a:cubicBezTo>
                        <a:pt x="25186" y="-259"/>
                        <a:pt x="22519" y="-259"/>
                        <a:pt x="20043" y="776"/>
                      </a:cubicBezTo>
                      <a:lnTo>
                        <a:pt x="6136" y="6515"/>
                      </a:lnTo>
                      <a:cubicBezTo>
                        <a:pt x="1088" y="8678"/>
                        <a:pt x="-1293" y="14417"/>
                        <a:pt x="707" y="19403"/>
                      </a:cubicBezTo>
                      <a:close/>
                    </a:path>
                  </a:pathLst>
                </a:custGeom>
                <a:solidFill>
                  <a:srgbClr val="265A9A"/>
                </a:solidFill>
                <a:ln w="0" cap="flat">
                  <a:noFill/>
                  <a:prstDash val="solid"/>
                  <a:miter/>
                </a:ln>
              </p:spPr>
              <p:txBody>
                <a:bodyPr rtlCol="0" anchor="ctr"/>
                <a:lstStyle/>
                <a:p>
                  <a:endParaRPr lang="en-US"/>
                </a:p>
              </p:txBody>
            </p:sp>
            <p:sp>
              <p:nvSpPr>
                <p:cNvPr id="1096" name="Freeform 17">
                  <a:extLst>
                    <a:ext uri="{FF2B5EF4-FFF2-40B4-BE49-F238E27FC236}">
                      <a16:creationId xmlns:a16="http://schemas.microsoft.com/office/drawing/2014/main" id="{4755A0EC-3D91-AFF3-5765-5DCE4E5FE4E4}"/>
                    </a:ext>
                  </a:extLst>
                </p:cNvPr>
                <p:cNvSpPr/>
                <p:nvPr/>
              </p:nvSpPr>
              <p:spPr>
                <a:xfrm>
                  <a:off x="396839" y="184565"/>
                  <a:ext cx="286357" cy="201580"/>
                </a:xfrm>
                <a:custGeom>
                  <a:avLst/>
                  <a:gdLst>
                    <a:gd name="connsiteX0" fmla="*/ 35433 w 203263"/>
                    <a:gd name="connsiteY0" fmla="*/ 128693 h 143086"/>
                    <a:gd name="connsiteX1" fmla="*/ 58007 w 203263"/>
                    <a:gd name="connsiteY1" fmla="*/ 128693 h 143086"/>
                    <a:gd name="connsiteX2" fmla="*/ 59722 w 203263"/>
                    <a:gd name="connsiteY2" fmla="*/ 128505 h 143086"/>
                    <a:gd name="connsiteX3" fmla="*/ 98298 w 203263"/>
                    <a:gd name="connsiteY3" fmla="*/ 143087 h 143086"/>
                    <a:gd name="connsiteX4" fmla="*/ 136208 w 203263"/>
                    <a:gd name="connsiteY4" fmla="*/ 129070 h 143086"/>
                    <a:gd name="connsiteX5" fmla="*/ 145542 w 203263"/>
                    <a:gd name="connsiteY5" fmla="*/ 129070 h 143086"/>
                    <a:gd name="connsiteX6" fmla="*/ 147923 w 203263"/>
                    <a:gd name="connsiteY6" fmla="*/ 128787 h 143086"/>
                    <a:gd name="connsiteX7" fmla="*/ 167926 w 203263"/>
                    <a:gd name="connsiteY7" fmla="*/ 128787 h 143086"/>
                    <a:gd name="connsiteX8" fmla="*/ 203264 w 203263"/>
                    <a:gd name="connsiteY8" fmla="*/ 95767 h 143086"/>
                    <a:gd name="connsiteX9" fmla="*/ 203264 w 203263"/>
                    <a:gd name="connsiteY9" fmla="*/ 94074 h 143086"/>
                    <a:gd name="connsiteX10" fmla="*/ 184785 w 203263"/>
                    <a:gd name="connsiteY10" fmla="*/ 62936 h 143086"/>
                    <a:gd name="connsiteX11" fmla="*/ 184594 w 203263"/>
                    <a:gd name="connsiteY11" fmla="*/ 61995 h 143086"/>
                    <a:gd name="connsiteX12" fmla="*/ 99155 w 203263"/>
                    <a:gd name="connsiteY12" fmla="*/ 0 h 143086"/>
                    <a:gd name="connsiteX13" fmla="*/ 18955 w 203263"/>
                    <a:gd name="connsiteY13" fmla="*/ 62747 h 143086"/>
                    <a:gd name="connsiteX14" fmla="*/ 0 w 203263"/>
                    <a:gd name="connsiteY14" fmla="*/ 94262 h 143086"/>
                    <a:gd name="connsiteX15" fmla="*/ 0 w 203263"/>
                    <a:gd name="connsiteY15" fmla="*/ 95391 h 143086"/>
                    <a:gd name="connsiteX16" fmla="*/ 35433 w 203263"/>
                    <a:gd name="connsiteY16" fmla="*/ 128787 h 143086"/>
                    <a:gd name="connsiteX17" fmla="*/ 126492 w 203263"/>
                    <a:gd name="connsiteY17" fmla="*/ 108938 h 143086"/>
                    <a:gd name="connsiteX18" fmla="*/ 118205 w 203263"/>
                    <a:gd name="connsiteY18" fmla="*/ 108938 h 143086"/>
                    <a:gd name="connsiteX19" fmla="*/ 118205 w 203263"/>
                    <a:gd name="connsiteY19" fmla="*/ 94262 h 143086"/>
                    <a:gd name="connsiteX20" fmla="*/ 108109 w 203263"/>
                    <a:gd name="connsiteY20" fmla="*/ 84290 h 143086"/>
                    <a:gd name="connsiteX21" fmla="*/ 98012 w 203263"/>
                    <a:gd name="connsiteY21" fmla="*/ 94262 h 143086"/>
                    <a:gd name="connsiteX22" fmla="*/ 98012 w 203263"/>
                    <a:gd name="connsiteY22" fmla="*/ 118910 h 143086"/>
                    <a:gd name="connsiteX23" fmla="*/ 98584 w 203263"/>
                    <a:gd name="connsiteY23" fmla="*/ 122014 h 143086"/>
                    <a:gd name="connsiteX24" fmla="*/ 98298 w 203263"/>
                    <a:gd name="connsiteY24" fmla="*/ 122014 h 143086"/>
                    <a:gd name="connsiteX25" fmla="*/ 70104 w 203263"/>
                    <a:gd name="connsiteY25" fmla="*/ 108844 h 143086"/>
                    <a:gd name="connsiteX26" fmla="*/ 68580 w 203263"/>
                    <a:gd name="connsiteY26" fmla="*/ 106868 h 143086"/>
                    <a:gd name="connsiteX27" fmla="*/ 67246 w 203263"/>
                    <a:gd name="connsiteY27" fmla="*/ 104987 h 143086"/>
                    <a:gd name="connsiteX28" fmla="*/ 65723 w 203263"/>
                    <a:gd name="connsiteY28" fmla="*/ 102541 h 143086"/>
                    <a:gd name="connsiteX29" fmla="*/ 64580 w 203263"/>
                    <a:gd name="connsiteY29" fmla="*/ 99907 h 143086"/>
                    <a:gd name="connsiteX30" fmla="*/ 62389 w 203263"/>
                    <a:gd name="connsiteY30" fmla="*/ 93227 h 143086"/>
                    <a:gd name="connsiteX31" fmla="*/ 61627 w 203263"/>
                    <a:gd name="connsiteY31" fmla="*/ 85890 h 143086"/>
                    <a:gd name="connsiteX32" fmla="*/ 62389 w 203263"/>
                    <a:gd name="connsiteY32" fmla="*/ 78552 h 143086"/>
                    <a:gd name="connsiteX33" fmla="*/ 64580 w 203263"/>
                    <a:gd name="connsiteY33" fmla="*/ 71873 h 143086"/>
                    <a:gd name="connsiteX34" fmla="*/ 65723 w 203263"/>
                    <a:gd name="connsiteY34" fmla="*/ 69239 h 143086"/>
                    <a:gd name="connsiteX35" fmla="*/ 67246 w 203263"/>
                    <a:gd name="connsiteY35" fmla="*/ 66793 h 143086"/>
                    <a:gd name="connsiteX36" fmla="*/ 70009 w 203263"/>
                    <a:gd name="connsiteY36" fmla="*/ 62936 h 143086"/>
                    <a:gd name="connsiteX37" fmla="*/ 98203 w 203263"/>
                    <a:gd name="connsiteY37" fmla="*/ 49765 h 143086"/>
                    <a:gd name="connsiteX38" fmla="*/ 135065 w 203263"/>
                    <a:gd name="connsiteY38" fmla="*/ 85890 h 143086"/>
                    <a:gd name="connsiteX39" fmla="*/ 126587 w 203263"/>
                    <a:gd name="connsiteY39" fmla="*/ 109126 h 143086"/>
                    <a:gd name="connsiteX40" fmla="*/ 184976 w 203263"/>
                    <a:gd name="connsiteY40" fmla="*/ 95109 h 143086"/>
                    <a:gd name="connsiteX41" fmla="*/ 167926 w 203263"/>
                    <a:gd name="connsiteY41" fmla="*/ 110631 h 143086"/>
                    <a:gd name="connsiteX42" fmla="*/ 154400 w 203263"/>
                    <a:gd name="connsiteY42" fmla="*/ 110631 h 143086"/>
                    <a:gd name="connsiteX43" fmla="*/ 154400 w 203263"/>
                    <a:gd name="connsiteY43" fmla="*/ 75071 h 143086"/>
                    <a:gd name="connsiteX44" fmla="*/ 163640 w 203263"/>
                    <a:gd name="connsiteY44" fmla="*/ 75071 h 143086"/>
                    <a:gd name="connsiteX45" fmla="*/ 184976 w 203263"/>
                    <a:gd name="connsiteY45" fmla="*/ 95109 h 143086"/>
                    <a:gd name="connsiteX46" fmla="*/ 99155 w 203263"/>
                    <a:gd name="connsiteY46" fmla="*/ 17968 h 143086"/>
                    <a:gd name="connsiteX47" fmla="*/ 162306 w 203263"/>
                    <a:gd name="connsiteY47" fmla="*/ 57009 h 143086"/>
                    <a:gd name="connsiteX48" fmla="*/ 148400 w 203263"/>
                    <a:gd name="connsiteY48" fmla="*/ 57009 h 143086"/>
                    <a:gd name="connsiteX49" fmla="*/ 98298 w 203263"/>
                    <a:gd name="connsiteY49" fmla="*/ 28504 h 143086"/>
                    <a:gd name="connsiteX50" fmla="*/ 48101 w 203263"/>
                    <a:gd name="connsiteY50" fmla="*/ 57009 h 143086"/>
                    <a:gd name="connsiteX51" fmla="*/ 40196 w 203263"/>
                    <a:gd name="connsiteY51" fmla="*/ 57009 h 143086"/>
                    <a:gd name="connsiteX52" fmla="*/ 99155 w 203263"/>
                    <a:gd name="connsiteY52" fmla="*/ 17968 h 143086"/>
                    <a:gd name="connsiteX53" fmla="*/ 39624 w 203263"/>
                    <a:gd name="connsiteY53" fmla="*/ 75071 h 143086"/>
                    <a:gd name="connsiteX54" fmla="*/ 48863 w 203263"/>
                    <a:gd name="connsiteY54" fmla="*/ 75071 h 143086"/>
                    <a:gd name="connsiteX55" fmla="*/ 48863 w 203263"/>
                    <a:gd name="connsiteY55" fmla="*/ 110631 h 143086"/>
                    <a:gd name="connsiteX56" fmla="*/ 35433 w 203263"/>
                    <a:gd name="connsiteY56" fmla="*/ 110631 h 143086"/>
                    <a:gd name="connsiteX57" fmla="*/ 18383 w 203263"/>
                    <a:gd name="connsiteY57" fmla="*/ 94356 h 143086"/>
                    <a:gd name="connsiteX58" fmla="*/ 39624 w 203263"/>
                    <a:gd name="connsiteY58" fmla="*/ 75071 h 1430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203263" h="143086">
                      <a:moveTo>
                        <a:pt x="35433" y="128693"/>
                      </a:moveTo>
                      <a:lnTo>
                        <a:pt x="58007" y="128693"/>
                      </a:lnTo>
                      <a:cubicBezTo>
                        <a:pt x="58674" y="128693"/>
                        <a:pt x="59150" y="128599"/>
                        <a:pt x="59722" y="128505"/>
                      </a:cubicBezTo>
                      <a:cubicBezTo>
                        <a:pt x="69914" y="137536"/>
                        <a:pt x="83534" y="143087"/>
                        <a:pt x="98298" y="143087"/>
                      </a:cubicBezTo>
                      <a:cubicBezTo>
                        <a:pt x="113062" y="143087"/>
                        <a:pt x="126111" y="137724"/>
                        <a:pt x="136208" y="129070"/>
                      </a:cubicBezTo>
                      <a:lnTo>
                        <a:pt x="145542" y="129070"/>
                      </a:lnTo>
                      <a:cubicBezTo>
                        <a:pt x="146399" y="129070"/>
                        <a:pt x="147161" y="128976"/>
                        <a:pt x="147923" y="128787"/>
                      </a:cubicBezTo>
                      <a:lnTo>
                        <a:pt x="167926" y="128787"/>
                      </a:lnTo>
                      <a:cubicBezTo>
                        <a:pt x="187071" y="128787"/>
                        <a:pt x="203073" y="113830"/>
                        <a:pt x="203264" y="95767"/>
                      </a:cubicBezTo>
                      <a:lnTo>
                        <a:pt x="203264" y="94074"/>
                      </a:lnTo>
                      <a:cubicBezTo>
                        <a:pt x="203073" y="80998"/>
                        <a:pt x="195739" y="69521"/>
                        <a:pt x="184785" y="62936"/>
                      </a:cubicBezTo>
                      <a:cubicBezTo>
                        <a:pt x="184785" y="62653"/>
                        <a:pt x="184690" y="62277"/>
                        <a:pt x="184594" y="61995"/>
                      </a:cubicBezTo>
                      <a:cubicBezTo>
                        <a:pt x="184404" y="61430"/>
                        <a:pt x="163449" y="0"/>
                        <a:pt x="99155" y="0"/>
                      </a:cubicBezTo>
                      <a:cubicBezTo>
                        <a:pt x="47244" y="0"/>
                        <a:pt x="24003" y="41016"/>
                        <a:pt x="18955" y="62747"/>
                      </a:cubicBezTo>
                      <a:cubicBezTo>
                        <a:pt x="7906" y="69239"/>
                        <a:pt x="286" y="80904"/>
                        <a:pt x="0" y="94262"/>
                      </a:cubicBezTo>
                      <a:lnTo>
                        <a:pt x="0" y="95391"/>
                      </a:lnTo>
                      <a:cubicBezTo>
                        <a:pt x="286" y="113830"/>
                        <a:pt x="16192" y="128787"/>
                        <a:pt x="35433" y="128787"/>
                      </a:cubicBezTo>
                      <a:close/>
                      <a:moveTo>
                        <a:pt x="126492" y="108938"/>
                      </a:moveTo>
                      <a:lnTo>
                        <a:pt x="118205" y="108938"/>
                      </a:lnTo>
                      <a:lnTo>
                        <a:pt x="118205" y="94262"/>
                      </a:lnTo>
                      <a:cubicBezTo>
                        <a:pt x="118205" y="88712"/>
                        <a:pt x="113729" y="84290"/>
                        <a:pt x="108109" y="84290"/>
                      </a:cubicBezTo>
                      <a:cubicBezTo>
                        <a:pt x="102489" y="84290"/>
                        <a:pt x="98012" y="88712"/>
                        <a:pt x="98012" y="94262"/>
                      </a:cubicBezTo>
                      <a:lnTo>
                        <a:pt x="98012" y="118910"/>
                      </a:lnTo>
                      <a:cubicBezTo>
                        <a:pt x="98012" y="119944"/>
                        <a:pt x="98203" y="121073"/>
                        <a:pt x="98584" y="122014"/>
                      </a:cubicBezTo>
                      <a:lnTo>
                        <a:pt x="98298" y="122014"/>
                      </a:lnTo>
                      <a:cubicBezTo>
                        <a:pt x="86963" y="122014"/>
                        <a:pt x="76771" y="116934"/>
                        <a:pt x="70104" y="108844"/>
                      </a:cubicBezTo>
                      <a:cubicBezTo>
                        <a:pt x="69532" y="108185"/>
                        <a:pt x="69056" y="107433"/>
                        <a:pt x="68580" y="106868"/>
                      </a:cubicBezTo>
                      <a:cubicBezTo>
                        <a:pt x="68008" y="106210"/>
                        <a:pt x="67628" y="105551"/>
                        <a:pt x="67246" y="104987"/>
                      </a:cubicBezTo>
                      <a:cubicBezTo>
                        <a:pt x="66675" y="104140"/>
                        <a:pt x="66294" y="103387"/>
                        <a:pt x="65723" y="102541"/>
                      </a:cubicBezTo>
                      <a:cubicBezTo>
                        <a:pt x="65246" y="101694"/>
                        <a:pt x="64960" y="100753"/>
                        <a:pt x="64580" y="99907"/>
                      </a:cubicBezTo>
                      <a:cubicBezTo>
                        <a:pt x="63627" y="97743"/>
                        <a:pt x="62865" y="95579"/>
                        <a:pt x="62389" y="93227"/>
                      </a:cubicBezTo>
                      <a:cubicBezTo>
                        <a:pt x="61817" y="90781"/>
                        <a:pt x="61627" y="88430"/>
                        <a:pt x="61627" y="85890"/>
                      </a:cubicBezTo>
                      <a:cubicBezTo>
                        <a:pt x="61627" y="83350"/>
                        <a:pt x="61817" y="80998"/>
                        <a:pt x="62389" y="78552"/>
                      </a:cubicBezTo>
                      <a:cubicBezTo>
                        <a:pt x="62865" y="76200"/>
                        <a:pt x="63532" y="73942"/>
                        <a:pt x="64580" y="71873"/>
                      </a:cubicBezTo>
                      <a:cubicBezTo>
                        <a:pt x="65056" y="71026"/>
                        <a:pt x="65342" y="70085"/>
                        <a:pt x="65723" y="69239"/>
                      </a:cubicBezTo>
                      <a:cubicBezTo>
                        <a:pt x="66294" y="68392"/>
                        <a:pt x="66675" y="67639"/>
                        <a:pt x="67246" y="66793"/>
                      </a:cubicBezTo>
                      <a:cubicBezTo>
                        <a:pt x="68104" y="65381"/>
                        <a:pt x="68961" y="64159"/>
                        <a:pt x="70009" y="62936"/>
                      </a:cubicBezTo>
                      <a:cubicBezTo>
                        <a:pt x="76676" y="54845"/>
                        <a:pt x="86963" y="49765"/>
                        <a:pt x="98203" y="49765"/>
                      </a:cubicBezTo>
                      <a:cubicBezTo>
                        <a:pt x="118586" y="49765"/>
                        <a:pt x="135065" y="65946"/>
                        <a:pt x="135065" y="85890"/>
                      </a:cubicBezTo>
                      <a:cubicBezTo>
                        <a:pt x="135065" y="94733"/>
                        <a:pt x="131921" y="102823"/>
                        <a:pt x="126587" y="109126"/>
                      </a:cubicBezTo>
                      <a:close/>
                      <a:moveTo>
                        <a:pt x="184976" y="95109"/>
                      </a:moveTo>
                      <a:cubicBezTo>
                        <a:pt x="184880" y="103576"/>
                        <a:pt x="177260" y="110631"/>
                        <a:pt x="167926" y="110631"/>
                      </a:cubicBezTo>
                      <a:lnTo>
                        <a:pt x="154400" y="110631"/>
                      </a:lnTo>
                      <a:lnTo>
                        <a:pt x="154400" y="75071"/>
                      </a:lnTo>
                      <a:lnTo>
                        <a:pt x="163640" y="75071"/>
                      </a:lnTo>
                      <a:cubicBezTo>
                        <a:pt x="175165" y="75071"/>
                        <a:pt x="184785" y="83726"/>
                        <a:pt x="184976" y="95109"/>
                      </a:cubicBezTo>
                      <a:close/>
                      <a:moveTo>
                        <a:pt x="99155" y="17968"/>
                      </a:moveTo>
                      <a:cubicBezTo>
                        <a:pt x="135541" y="17968"/>
                        <a:pt x="154400" y="42427"/>
                        <a:pt x="162306" y="57009"/>
                      </a:cubicBezTo>
                      <a:lnTo>
                        <a:pt x="148400" y="57009"/>
                      </a:lnTo>
                      <a:cubicBezTo>
                        <a:pt x="138398" y="39981"/>
                        <a:pt x="119634" y="28504"/>
                        <a:pt x="98298" y="28504"/>
                      </a:cubicBezTo>
                      <a:cubicBezTo>
                        <a:pt x="76962" y="28504"/>
                        <a:pt x="58103" y="39981"/>
                        <a:pt x="48101" y="57009"/>
                      </a:cubicBezTo>
                      <a:lnTo>
                        <a:pt x="40196" y="57009"/>
                      </a:lnTo>
                      <a:cubicBezTo>
                        <a:pt x="46482" y="42710"/>
                        <a:pt x="62579" y="17968"/>
                        <a:pt x="99155" y="17968"/>
                      </a:cubicBezTo>
                      <a:close/>
                      <a:moveTo>
                        <a:pt x="39624" y="75071"/>
                      </a:moveTo>
                      <a:lnTo>
                        <a:pt x="48863" y="75071"/>
                      </a:lnTo>
                      <a:lnTo>
                        <a:pt x="48863" y="110631"/>
                      </a:lnTo>
                      <a:lnTo>
                        <a:pt x="35433" y="110631"/>
                      </a:lnTo>
                      <a:cubicBezTo>
                        <a:pt x="26194" y="110631"/>
                        <a:pt x="18479" y="103576"/>
                        <a:pt x="18383" y="94356"/>
                      </a:cubicBezTo>
                      <a:cubicBezTo>
                        <a:pt x="18479" y="83726"/>
                        <a:pt x="28099" y="75071"/>
                        <a:pt x="39624" y="75071"/>
                      </a:cubicBezTo>
                      <a:close/>
                    </a:path>
                  </a:pathLst>
                </a:custGeom>
                <a:solidFill>
                  <a:srgbClr val="265A9A"/>
                </a:solidFill>
                <a:ln w="0" cap="flat">
                  <a:noFill/>
                  <a:prstDash val="solid"/>
                  <a:miter/>
                </a:ln>
              </p:spPr>
              <p:txBody>
                <a:bodyPr rtlCol="0" anchor="ctr"/>
                <a:lstStyle/>
                <a:p>
                  <a:endParaRPr lang="en-US"/>
                </a:p>
              </p:txBody>
            </p:sp>
            <p:sp>
              <p:nvSpPr>
                <p:cNvPr id="1097" name="Freeform 18">
                  <a:extLst>
                    <a:ext uri="{FF2B5EF4-FFF2-40B4-BE49-F238E27FC236}">
                      <a16:creationId xmlns:a16="http://schemas.microsoft.com/office/drawing/2014/main" id="{B8DBBE3A-9CC0-CA0C-8CF5-09174B549510}"/>
                    </a:ext>
                  </a:extLst>
                </p:cNvPr>
                <p:cNvSpPr/>
                <p:nvPr/>
              </p:nvSpPr>
              <p:spPr>
                <a:xfrm>
                  <a:off x="390027" y="614299"/>
                  <a:ext cx="305117" cy="235044"/>
                </a:xfrm>
                <a:custGeom>
                  <a:avLst/>
                  <a:gdLst>
                    <a:gd name="connsiteX0" fmla="*/ 9026 w 216579"/>
                    <a:gd name="connsiteY0" fmla="*/ 166840 h 166840"/>
                    <a:gd name="connsiteX1" fmla="*/ 207431 w 216579"/>
                    <a:gd name="connsiteY1" fmla="*/ 166840 h 166840"/>
                    <a:gd name="connsiteX2" fmla="*/ 215432 w 216579"/>
                    <a:gd name="connsiteY2" fmla="*/ 162043 h 166840"/>
                    <a:gd name="connsiteX3" fmla="*/ 215147 w 216579"/>
                    <a:gd name="connsiteY3" fmla="*/ 152823 h 166840"/>
                    <a:gd name="connsiteX4" fmla="*/ 115991 w 216579"/>
                    <a:gd name="connsiteY4" fmla="*/ 3810 h 166840"/>
                    <a:gd name="connsiteX5" fmla="*/ 100656 w 216579"/>
                    <a:gd name="connsiteY5" fmla="*/ 3810 h 166840"/>
                    <a:gd name="connsiteX6" fmla="*/ 1501 w 216579"/>
                    <a:gd name="connsiteY6" fmla="*/ 152823 h 166840"/>
                    <a:gd name="connsiteX7" fmla="*/ 1025 w 216579"/>
                    <a:gd name="connsiteY7" fmla="*/ 162043 h 166840"/>
                    <a:gd name="connsiteX8" fmla="*/ 9121 w 216579"/>
                    <a:gd name="connsiteY8" fmla="*/ 166840 h 166840"/>
                    <a:gd name="connsiteX9" fmla="*/ 96941 w 216579"/>
                    <a:gd name="connsiteY9" fmla="*/ 42192 h 166840"/>
                    <a:gd name="connsiteX10" fmla="*/ 102942 w 216579"/>
                    <a:gd name="connsiteY10" fmla="*/ 33067 h 166840"/>
                    <a:gd name="connsiteX11" fmla="*/ 108181 w 216579"/>
                    <a:gd name="connsiteY11" fmla="*/ 25165 h 166840"/>
                    <a:gd name="connsiteX12" fmla="*/ 190382 w 216579"/>
                    <a:gd name="connsiteY12" fmla="*/ 148778 h 166840"/>
                    <a:gd name="connsiteX13" fmla="*/ 25885 w 216579"/>
                    <a:gd name="connsiteY13" fmla="*/ 148778 h 166840"/>
                    <a:gd name="connsiteX14" fmla="*/ 96846 w 216579"/>
                    <a:gd name="connsiteY14" fmla="*/ 42192 h 1668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16579" h="166840">
                      <a:moveTo>
                        <a:pt x="9026" y="166840"/>
                      </a:moveTo>
                      <a:lnTo>
                        <a:pt x="207431" y="166840"/>
                      </a:lnTo>
                      <a:cubicBezTo>
                        <a:pt x="210765" y="166840"/>
                        <a:pt x="213813" y="165053"/>
                        <a:pt x="215432" y="162043"/>
                      </a:cubicBezTo>
                      <a:cubicBezTo>
                        <a:pt x="217052" y="159126"/>
                        <a:pt x="216956" y="155552"/>
                        <a:pt x="215147" y="152823"/>
                      </a:cubicBezTo>
                      <a:lnTo>
                        <a:pt x="115991" y="3810"/>
                      </a:lnTo>
                      <a:cubicBezTo>
                        <a:pt x="112562" y="-1270"/>
                        <a:pt x="103990" y="-1270"/>
                        <a:pt x="100656" y="3810"/>
                      </a:cubicBezTo>
                      <a:lnTo>
                        <a:pt x="1501" y="152823"/>
                      </a:lnTo>
                      <a:cubicBezTo>
                        <a:pt x="-309" y="155552"/>
                        <a:pt x="-499" y="159220"/>
                        <a:pt x="1025" y="162043"/>
                      </a:cubicBezTo>
                      <a:cubicBezTo>
                        <a:pt x="2644" y="165053"/>
                        <a:pt x="5787" y="166840"/>
                        <a:pt x="9121" y="166840"/>
                      </a:cubicBezTo>
                      <a:close/>
                      <a:moveTo>
                        <a:pt x="96941" y="42192"/>
                      </a:moveTo>
                      <a:lnTo>
                        <a:pt x="102942" y="33067"/>
                      </a:lnTo>
                      <a:lnTo>
                        <a:pt x="108181" y="25165"/>
                      </a:lnTo>
                      <a:lnTo>
                        <a:pt x="190382" y="148778"/>
                      </a:lnTo>
                      <a:lnTo>
                        <a:pt x="25885" y="148778"/>
                      </a:lnTo>
                      <a:lnTo>
                        <a:pt x="96846" y="42192"/>
                      </a:lnTo>
                      <a:close/>
                    </a:path>
                  </a:pathLst>
                </a:custGeom>
                <a:solidFill>
                  <a:srgbClr val="265A9A"/>
                </a:solidFill>
                <a:ln w="0" cap="flat">
                  <a:noFill/>
                  <a:prstDash val="solid"/>
                  <a:miter/>
                </a:ln>
              </p:spPr>
              <p:txBody>
                <a:bodyPr rtlCol="0" anchor="ctr"/>
                <a:lstStyle/>
                <a:p>
                  <a:endParaRPr lang="en-US"/>
                </a:p>
              </p:txBody>
            </p:sp>
            <p:sp>
              <p:nvSpPr>
                <p:cNvPr id="1098" name="Freeform 19">
                  <a:extLst>
                    <a:ext uri="{FF2B5EF4-FFF2-40B4-BE49-F238E27FC236}">
                      <a16:creationId xmlns:a16="http://schemas.microsoft.com/office/drawing/2014/main" id="{A9EEC464-742A-2255-4DF6-2A71ADAB68C9}"/>
                    </a:ext>
                  </a:extLst>
                </p:cNvPr>
                <p:cNvSpPr/>
                <p:nvPr/>
              </p:nvSpPr>
              <p:spPr>
                <a:xfrm>
                  <a:off x="524452" y="705811"/>
                  <a:ext cx="35962" cy="61229"/>
                </a:xfrm>
                <a:custGeom>
                  <a:avLst/>
                  <a:gdLst>
                    <a:gd name="connsiteX0" fmla="*/ 22098 w 25527"/>
                    <a:gd name="connsiteY0" fmla="*/ 3857 h 43462"/>
                    <a:gd name="connsiteX1" fmla="*/ 13335 w 25527"/>
                    <a:gd name="connsiteY1" fmla="*/ 0 h 43462"/>
                    <a:gd name="connsiteX2" fmla="*/ 4381 w 25527"/>
                    <a:gd name="connsiteY2" fmla="*/ 3387 h 43462"/>
                    <a:gd name="connsiteX3" fmla="*/ 476 w 25527"/>
                    <a:gd name="connsiteY3" fmla="*/ 12041 h 43462"/>
                    <a:gd name="connsiteX4" fmla="*/ 0 w 25527"/>
                    <a:gd name="connsiteY4" fmla="*/ 30762 h 43462"/>
                    <a:gd name="connsiteX5" fmla="*/ 3429 w 25527"/>
                    <a:gd name="connsiteY5" fmla="*/ 39605 h 43462"/>
                    <a:gd name="connsiteX6" fmla="*/ 12192 w 25527"/>
                    <a:gd name="connsiteY6" fmla="*/ 43462 h 43462"/>
                    <a:gd name="connsiteX7" fmla="*/ 18574 w 25527"/>
                    <a:gd name="connsiteY7" fmla="*/ 41957 h 43462"/>
                    <a:gd name="connsiteX8" fmla="*/ 21145 w 25527"/>
                    <a:gd name="connsiteY8" fmla="*/ 40076 h 43462"/>
                    <a:gd name="connsiteX9" fmla="*/ 25051 w 25527"/>
                    <a:gd name="connsiteY9" fmla="*/ 31421 h 43462"/>
                    <a:gd name="connsiteX10" fmla="*/ 25527 w 25527"/>
                    <a:gd name="connsiteY10" fmla="*/ 12700 h 43462"/>
                    <a:gd name="connsiteX11" fmla="*/ 22098 w 25527"/>
                    <a:gd name="connsiteY11" fmla="*/ 3857 h 43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527" h="43462">
                      <a:moveTo>
                        <a:pt x="22098" y="3857"/>
                      </a:moveTo>
                      <a:cubicBezTo>
                        <a:pt x="19812" y="1411"/>
                        <a:pt x="16669" y="94"/>
                        <a:pt x="13335" y="0"/>
                      </a:cubicBezTo>
                      <a:cubicBezTo>
                        <a:pt x="10001" y="0"/>
                        <a:pt x="6858" y="1129"/>
                        <a:pt x="4381" y="3387"/>
                      </a:cubicBezTo>
                      <a:cubicBezTo>
                        <a:pt x="1905" y="5644"/>
                        <a:pt x="571" y="8749"/>
                        <a:pt x="476" y="12041"/>
                      </a:cubicBezTo>
                      <a:lnTo>
                        <a:pt x="0" y="30762"/>
                      </a:lnTo>
                      <a:cubicBezTo>
                        <a:pt x="0" y="34055"/>
                        <a:pt x="1143" y="37159"/>
                        <a:pt x="3429" y="39605"/>
                      </a:cubicBezTo>
                      <a:cubicBezTo>
                        <a:pt x="5715" y="41957"/>
                        <a:pt x="8858" y="43368"/>
                        <a:pt x="12192" y="43462"/>
                      </a:cubicBezTo>
                      <a:cubicBezTo>
                        <a:pt x="14383" y="43462"/>
                        <a:pt x="16669" y="42992"/>
                        <a:pt x="18574" y="41957"/>
                      </a:cubicBezTo>
                      <a:cubicBezTo>
                        <a:pt x="19526" y="41393"/>
                        <a:pt x="20383" y="40828"/>
                        <a:pt x="21145" y="40076"/>
                      </a:cubicBezTo>
                      <a:cubicBezTo>
                        <a:pt x="23527" y="37818"/>
                        <a:pt x="24955" y="34713"/>
                        <a:pt x="25051" y="31421"/>
                      </a:cubicBezTo>
                      <a:lnTo>
                        <a:pt x="25527" y="12700"/>
                      </a:lnTo>
                      <a:cubicBezTo>
                        <a:pt x="25527" y="9407"/>
                        <a:pt x="24384" y="6209"/>
                        <a:pt x="22098" y="3857"/>
                      </a:cubicBezTo>
                      <a:close/>
                    </a:path>
                  </a:pathLst>
                </a:custGeom>
                <a:solidFill>
                  <a:srgbClr val="265A9A"/>
                </a:solidFill>
                <a:ln w="0" cap="flat">
                  <a:noFill/>
                  <a:prstDash val="solid"/>
                  <a:miter/>
                </a:ln>
              </p:spPr>
              <p:txBody>
                <a:bodyPr rtlCol="0" anchor="ctr"/>
                <a:lstStyle/>
                <a:p>
                  <a:endParaRPr lang="en-US"/>
                </a:p>
              </p:txBody>
            </p:sp>
            <p:sp>
              <p:nvSpPr>
                <p:cNvPr id="1099" name="Freeform 20">
                  <a:extLst>
                    <a:ext uri="{FF2B5EF4-FFF2-40B4-BE49-F238E27FC236}">
                      <a16:creationId xmlns:a16="http://schemas.microsoft.com/office/drawing/2014/main" id="{E370A8AE-7761-F39E-5C5C-B027783E6E1F}"/>
                    </a:ext>
                  </a:extLst>
                </p:cNvPr>
                <p:cNvSpPr/>
                <p:nvPr/>
              </p:nvSpPr>
              <p:spPr>
                <a:xfrm>
                  <a:off x="525793" y="778438"/>
                  <a:ext cx="33143" cy="32735"/>
                </a:xfrm>
                <a:custGeom>
                  <a:avLst/>
                  <a:gdLst>
                    <a:gd name="connsiteX0" fmla="*/ 11811 w 23526"/>
                    <a:gd name="connsiteY0" fmla="*/ 0 h 23236"/>
                    <a:gd name="connsiteX1" fmla="*/ 0 w 23526"/>
                    <a:gd name="connsiteY1" fmla="*/ 11665 h 23236"/>
                    <a:gd name="connsiteX2" fmla="*/ 11811 w 23526"/>
                    <a:gd name="connsiteY2" fmla="*/ 23236 h 23236"/>
                    <a:gd name="connsiteX3" fmla="*/ 23527 w 23526"/>
                    <a:gd name="connsiteY3" fmla="*/ 11665 h 23236"/>
                    <a:gd name="connsiteX4" fmla="*/ 11811 w 23526"/>
                    <a:gd name="connsiteY4" fmla="*/ 0 h 232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526" h="23236">
                      <a:moveTo>
                        <a:pt x="11811" y="0"/>
                      </a:moveTo>
                      <a:cubicBezTo>
                        <a:pt x="5239" y="0"/>
                        <a:pt x="0" y="5174"/>
                        <a:pt x="0" y="11665"/>
                      </a:cubicBezTo>
                      <a:cubicBezTo>
                        <a:pt x="0" y="18156"/>
                        <a:pt x="5239" y="23236"/>
                        <a:pt x="11811" y="23236"/>
                      </a:cubicBezTo>
                      <a:cubicBezTo>
                        <a:pt x="18383" y="23236"/>
                        <a:pt x="23527" y="18062"/>
                        <a:pt x="23527" y="11665"/>
                      </a:cubicBezTo>
                      <a:cubicBezTo>
                        <a:pt x="23527" y="5268"/>
                        <a:pt x="18288" y="0"/>
                        <a:pt x="11811" y="0"/>
                      </a:cubicBezTo>
                      <a:close/>
                    </a:path>
                  </a:pathLst>
                </a:custGeom>
                <a:solidFill>
                  <a:srgbClr val="265A9A"/>
                </a:solidFill>
                <a:ln w="0" cap="flat">
                  <a:noFill/>
                  <a:prstDash val="solid"/>
                  <a:miter/>
                </a:ln>
              </p:spPr>
              <p:txBody>
                <a:bodyPr rtlCol="0" anchor="ctr"/>
                <a:lstStyle/>
                <a:p>
                  <a:endParaRPr lang="en-US"/>
                </a:p>
              </p:txBody>
            </p:sp>
          </p:grpSp>
          <p:grpSp>
            <p:nvGrpSpPr>
              <p:cNvPr id="1123" name="Group 1122">
                <a:extLst>
                  <a:ext uri="{FF2B5EF4-FFF2-40B4-BE49-F238E27FC236}">
                    <a16:creationId xmlns:a16="http://schemas.microsoft.com/office/drawing/2014/main" id="{F9DD9A63-01C8-27E1-2841-D605B469B980}"/>
                  </a:ext>
                </a:extLst>
              </p:cNvPr>
              <p:cNvGrpSpPr/>
              <p:nvPr/>
            </p:nvGrpSpPr>
            <p:grpSpPr>
              <a:xfrm>
                <a:off x="9481398" y="5092472"/>
                <a:ext cx="603115" cy="528350"/>
                <a:chOff x="2693722" y="1904081"/>
                <a:chExt cx="614829" cy="568757"/>
              </a:xfrm>
            </p:grpSpPr>
            <p:sp>
              <p:nvSpPr>
                <p:cNvPr id="1124" name="Freeform: Shape 1123">
                  <a:extLst>
                    <a:ext uri="{FF2B5EF4-FFF2-40B4-BE49-F238E27FC236}">
                      <a16:creationId xmlns:a16="http://schemas.microsoft.com/office/drawing/2014/main" id="{749DE6DA-E5F1-FE90-757E-646583C693A2}"/>
                    </a:ext>
                  </a:extLst>
                </p:cNvPr>
                <p:cNvSpPr/>
                <p:nvPr/>
              </p:nvSpPr>
              <p:spPr>
                <a:xfrm>
                  <a:off x="2720395" y="2139174"/>
                  <a:ext cx="522311" cy="320084"/>
                </a:xfrm>
                <a:custGeom>
                  <a:avLst/>
                  <a:gdLst>
                    <a:gd name="connsiteX0" fmla="*/ 78930 w 522311"/>
                    <a:gd name="connsiteY0" fmla="*/ 319964 h 320084"/>
                    <a:gd name="connsiteX1" fmla="*/ 78930 w 522311"/>
                    <a:gd name="connsiteY1" fmla="*/ 97723 h 320084"/>
                    <a:gd name="connsiteX2" fmla="*/ 65593 w 522311"/>
                    <a:gd name="connsiteY2" fmla="*/ 84386 h 320084"/>
                    <a:gd name="connsiteX3" fmla="*/ 52256 w 522311"/>
                    <a:gd name="connsiteY3" fmla="*/ 97723 h 320084"/>
                    <a:gd name="connsiteX4" fmla="*/ 52256 w 522311"/>
                    <a:gd name="connsiteY4" fmla="*/ 242246 h 320084"/>
                    <a:gd name="connsiteX5" fmla="*/ 48255 w 522311"/>
                    <a:gd name="connsiteY5" fmla="*/ 242973 h 320084"/>
                    <a:gd name="connsiteX6" fmla="*/ 0 w 522311"/>
                    <a:gd name="connsiteY6" fmla="*/ 192778 h 320084"/>
                    <a:gd name="connsiteX7" fmla="*/ 25461 w 522311"/>
                    <a:gd name="connsiteY7" fmla="*/ 75656 h 320084"/>
                    <a:gd name="connsiteX8" fmla="*/ 25946 w 522311"/>
                    <a:gd name="connsiteY8" fmla="*/ 73959 h 320084"/>
                    <a:gd name="connsiteX9" fmla="*/ 176653 w 522311"/>
                    <a:gd name="connsiteY9" fmla="*/ 0 h 320084"/>
                    <a:gd name="connsiteX10" fmla="*/ 296927 w 522311"/>
                    <a:gd name="connsiteY10" fmla="*/ 20369 h 320084"/>
                    <a:gd name="connsiteX11" fmla="*/ 375615 w 522311"/>
                    <a:gd name="connsiteY11" fmla="*/ 48013 h 320084"/>
                    <a:gd name="connsiteX12" fmla="*/ 422900 w 522311"/>
                    <a:gd name="connsiteY12" fmla="*/ 43405 h 320084"/>
                    <a:gd name="connsiteX13" fmla="*/ 469337 w 522311"/>
                    <a:gd name="connsiteY13" fmla="*/ 13579 h 320084"/>
                    <a:gd name="connsiteX14" fmla="*/ 510681 w 522311"/>
                    <a:gd name="connsiteY14" fmla="*/ 3395 h 320084"/>
                    <a:gd name="connsiteX15" fmla="*/ 522199 w 522311"/>
                    <a:gd name="connsiteY15" fmla="*/ 19399 h 320084"/>
                    <a:gd name="connsiteX16" fmla="*/ 502679 w 522311"/>
                    <a:gd name="connsiteY16" fmla="*/ 52378 h 320084"/>
                    <a:gd name="connsiteX17" fmla="*/ 435873 w 522311"/>
                    <a:gd name="connsiteY17" fmla="*/ 103300 h 320084"/>
                    <a:gd name="connsiteX18" fmla="*/ 384951 w 522311"/>
                    <a:gd name="connsiteY18" fmla="*/ 114576 h 320084"/>
                    <a:gd name="connsiteX19" fmla="*/ 327723 w 522311"/>
                    <a:gd name="connsiteY19" fmla="*/ 99784 h 320084"/>
                    <a:gd name="connsiteX20" fmla="*/ 290986 w 522311"/>
                    <a:gd name="connsiteY20" fmla="*/ 89963 h 320084"/>
                    <a:gd name="connsiteX21" fmla="*/ 289289 w 522311"/>
                    <a:gd name="connsiteY21" fmla="*/ 89963 h 320084"/>
                    <a:gd name="connsiteX22" fmla="*/ 287713 w 522311"/>
                    <a:gd name="connsiteY22" fmla="*/ 89600 h 320084"/>
                    <a:gd name="connsiteX23" fmla="*/ 286743 w 522311"/>
                    <a:gd name="connsiteY23" fmla="*/ 89842 h 320084"/>
                    <a:gd name="connsiteX24" fmla="*/ 284075 w 522311"/>
                    <a:gd name="connsiteY24" fmla="*/ 90448 h 320084"/>
                    <a:gd name="connsiteX25" fmla="*/ 281772 w 522311"/>
                    <a:gd name="connsiteY25" fmla="*/ 91297 h 320084"/>
                    <a:gd name="connsiteX26" fmla="*/ 279589 w 522311"/>
                    <a:gd name="connsiteY26" fmla="*/ 92752 h 320084"/>
                    <a:gd name="connsiteX27" fmla="*/ 277771 w 522311"/>
                    <a:gd name="connsiteY27" fmla="*/ 94449 h 320084"/>
                    <a:gd name="connsiteX28" fmla="*/ 276437 w 522311"/>
                    <a:gd name="connsiteY28" fmla="*/ 96511 h 320084"/>
                    <a:gd name="connsiteX29" fmla="*/ 275224 w 522311"/>
                    <a:gd name="connsiteY29" fmla="*/ 98935 h 320084"/>
                    <a:gd name="connsiteX30" fmla="*/ 274740 w 522311"/>
                    <a:gd name="connsiteY30" fmla="*/ 99905 h 320084"/>
                    <a:gd name="connsiteX31" fmla="*/ 274740 w 522311"/>
                    <a:gd name="connsiteY31" fmla="*/ 101481 h 320084"/>
                    <a:gd name="connsiteX32" fmla="*/ 274376 w 522311"/>
                    <a:gd name="connsiteY32" fmla="*/ 103058 h 320084"/>
                    <a:gd name="connsiteX33" fmla="*/ 274376 w 522311"/>
                    <a:gd name="connsiteY33" fmla="*/ 320085 h 320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522311" h="320084">
                      <a:moveTo>
                        <a:pt x="78930" y="319964"/>
                      </a:moveTo>
                      <a:lnTo>
                        <a:pt x="78930" y="97723"/>
                      </a:lnTo>
                      <a:cubicBezTo>
                        <a:pt x="78930" y="90327"/>
                        <a:pt x="72989" y="84386"/>
                        <a:pt x="65593" y="84386"/>
                      </a:cubicBezTo>
                      <a:cubicBezTo>
                        <a:pt x="58197" y="84386"/>
                        <a:pt x="52256" y="90327"/>
                        <a:pt x="52256" y="97723"/>
                      </a:cubicBezTo>
                      <a:lnTo>
                        <a:pt x="52256" y="242246"/>
                      </a:lnTo>
                      <a:lnTo>
                        <a:pt x="48255" y="242973"/>
                      </a:lnTo>
                      <a:cubicBezTo>
                        <a:pt x="25946" y="241761"/>
                        <a:pt x="485" y="202842"/>
                        <a:pt x="0" y="192778"/>
                      </a:cubicBezTo>
                      <a:cubicBezTo>
                        <a:pt x="0" y="178835"/>
                        <a:pt x="12609" y="108150"/>
                        <a:pt x="25461" y="75656"/>
                      </a:cubicBezTo>
                      <a:cubicBezTo>
                        <a:pt x="25704" y="75171"/>
                        <a:pt x="25825" y="74565"/>
                        <a:pt x="25946" y="73959"/>
                      </a:cubicBezTo>
                      <a:cubicBezTo>
                        <a:pt x="51286" y="12367"/>
                        <a:pt x="102451" y="0"/>
                        <a:pt x="176653" y="0"/>
                      </a:cubicBezTo>
                      <a:cubicBezTo>
                        <a:pt x="242973" y="0"/>
                        <a:pt x="266495" y="8851"/>
                        <a:pt x="296927" y="20369"/>
                      </a:cubicBezTo>
                      <a:cubicBezTo>
                        <a:pt x="328329" y="32251"/>
                        <a:pt x="374524" y="47649"/>
                        <a:pt x="375615" y="48013"/>
                      </a:cubicBezTo>
                      <a:cubicBezTo>
                        <a:pt x="398894" y="54560"/>
                        <a:pt x="409078" y="51893"/>
                        <a:pt x="422900" y="43405"/>
                      </a:cubicBezTo>
                      <a:cubicBezTo>
                        <a:pt x="436479" y="35161"/>
                        <a:pt x="467518" y="14792"/>
                        <a:pt x="469337" y="13579"/>
                      </a:cubicBezTo>
                      <a:cubicBezTo>
                        <a:pt x="484735" y="2304"/>
                        <a:pt x="499890" y="-1455"/>
                        <a:pt x="510681" y="3395"/>
                      </a:cubicBezTo>
                      <a:cubicBezTo>
                        <a:pt x="517228" y="6305"/>
                        <a:pt x="521350" y="12124"/>
                        <a:pt x="522199" y="19399"/>
                      </a:cubicBezTo>
                      <a:cubicBezTo>
                        <a:pt x="523290" y="30554"/>
                        <a:pt x="516379" y="42557"/>
                        <a:pt x="502679" y="52378"/>
                      </a:cubicBezTo>
                      <a:lnTo>
                        <a:pt x="435873" y="103300"/>
                      </a:lnTo>
                      <a:cubicBezTo>
                        <a:pt x="419626" y="113848"/>
                        <a:pt x="401076" y="117971"/>
                        <a:pt x="384951" y="114576"/>
                      </a:cubicBezTo>
                      <a:cubicBezTo>
                        <a:pt x="368461" y="111060"/>
                        <a:pt x="347729" y="105361"/>
                        <a:pt x="327723" y="99784"/>
                      </a:cubicBezTo>
                      <a:cubicBezTo>
                        <a:pt x="314629" y="96147"/>
                        <a:pt x="302020" y="92631"/>
                        <a:pt x="290986" y="89963"/>
                      </a:cubicBezTo>
                      <a:cubicBezTo>
                        <a:pt x="290380" y="89842"/>
                        <a:pt x="289895" y="89963"/>
                        <a:pt x="289289" y="89963"/>
                      </a:cubicBezTo>
                      <a:cubicBezTo>
                        <a:pt x="288804" y="89963"/>
                        <a:pt x="288319" y="89600"/>
                        <a:pt x="287713" y="89600"/>
                      </a:cubicBezTo>
                      <a:cubicBezTo>
                        <a:pt x="287349" y="89600"/>
                        <a:pt x="287107" y="89721"/>
                        <a:pt x="286743" y="89842"/>
                      </a:cubicBezTo>
                      <a:cubicBezTo>
                        <a:pt x="285773" y="89842"/>
                        <a:pt x="284924" y="90084"/>
                        <a:pt x="284075" y="90448"/>
                      </a:cubicBezTo>
                      <a:cubicBezTo>
                        <a:pt x="283348" y="90691"/>
                        <a:pt x="282499" y="90933"/>
                        <a:pt x="281772" y="91297"/>
                      </a:cubicBezTo>
                      <a:cubicBezTo>
                        <a:pt x="281044" y="91661"/>
                        <a:pt x="280317" y="92146"/>
                        <a:pt x="279589" y="92752"/>
                      </a:cubicBezTo>
                      <a:cubicBezTo>
                        <a:pt x="278862" y="93237"/>
                        <a:pt x="278256" y="93722"/>
                        <a:pt x="277771" y="94449"/>
                      </a:cubicBezTo>
                      <a:cubicBezTo>
                        <a:pt x="277286" y="95055"/>
                        <a:pt x="276801" y="95783"/>
                        <a:pt x="276437" y="96511"/>
                      </a:cubicBezTo>
                      <a:cubicBezTo>
                        <a:pt x="275952" y="97359"/>
                        <a:pt x="275588" y="98087"/>
                        <a:pt x="275224" y="98935"/>
                      </a:cubicBezTo>
                      <a:cubicBezTo>
                        <a:pt x="275224" y="99299"/>
                        <a:pt x="274861" y="99542"/>
                        <a:pt x="274740" y="99905"/>
                      </a:cubicBezTo>
                      <a:cubicBezTo>
                        <a:pt x="274618" y="100390"/>
                        <a:pt x="274740" y="100997"/>
                        <a:pt x="274740" y="101481"/>
                      </a:cubicBezTo>
                      <a:cubicBezTo>
                        <a:pt x="274740" y="102088"/>
                        <a:pt x="274376" y="102573"/>
                        <a:pt x="274376" y="103058"/>
                      </a:cubicBezTo>
                      <a:lnTo>
                        <a:pt x="274376" y="320085"/>
                      </a:lnTo>
                    </a:path>
                  </a:pathLst>
                </a:custGeom>
                <a:solidFill>
                  <a:srgbClr val="C7E4F1"/>
                </a:solidFill>
                <a:ln w="12102" cap="flat">
                  <a:noFill/>
                  <a:prstDash val="solid"/>
                  <a:miter/>
                </a:ln>
              </p:spPr>
              <p:txBody>
                <a:bodyPr rtlCol="0" anchor="ctr"/>
                <a:lstStyle/>
                <a:p>
                  <a:endParaRPr lang="en-AU"/>
                </a:p>
              </p:txBody>
            </p:sp>
            <p:sp>
              <p:nvSpPr>
                <p:cNvPr id="1125" name="Freeform: Shape 1124">
                  <a:extLst>
                    <a:ext uri="{FF2B5EF4-FFF2-40B4-BE49-F238E27FC236}">
                      <a16:creationId xmlns:a16="http://schemas.microsoft.com/office/drawing/2014/main" id="{D2279FCF-E6BF-A8BD-1C72-954F153C4550}"/>
                    </a:ext>
                  </a:extLst>
                </p:cNvPr>
                <p:cNvSpPr/>
                <p:nvPr/>
              </p:nvSpPr>
              <p:spPr>
                <a:xfrm>
                  <a:off x="3025931" y="2119290"/>
                  <a:ext cx="149373" cy="45034"/>
                </a:xfrm>
                <a:custGeom>
                  <a:avLst/>
                  <a:gdLst>
                    <a:gd name="connsiteX0" fmla="*/ 79415 w 149373"/>
                    <a:gd name="connsiteY0" fmla="*/ 0 h 45034"/>
                    <a:gd name="connsiteX1" fmla="*/ 0 w 149373"/>
                    <a:gd name="connsiteY1" fmla="*/ 15156 h 45034"/>
                    <a:gd name="connsiteX2" fmla="*/ 77839 w 149373"/>
                    <a:gd name="connsiteY2" fmla="*/ 42557 h 45034"/>
                    <a:gd name="connsiteX3" fmla="*/ 103543 w 149373"/>
                    <a:gd name="connsiteY3" fmla="*/ 40617 h 45034"/>
                    <a:gd name="connsiteX4" fmla="*/ 148646 w 149373"/>
                    <a:gd name="connsiteY4" fmla="*/ 11761 h 45034"/>
                    <a:gd name="connsiteX5" fmla="*/ 149373 w 149373"/>
                    <a:gd name="connsiteY5" fmla="*/ 11276 h 45034"/>
                    <a:gd name="connsiteX6" fmla="*/ 79658 w 149373"/>
                    <a:gd name="connsiteY6" fmla="*/ 0 h 45034"/>
                    <a:gd name="connsiteX7" fmla="*/ 79415 w 149373"/>
                    <a:gd name="connsiteY7" fmla="*/ 0 h 450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9373" h="45034">
                      <a:moveTo>
                        <a:pt x="79415" y="0"/>
                      </a:moveTo>
                      <a:cubicBezTo>
                        <a:pt x="52863" y="0"/>
                        <a:pt x="24249" y="5698"/>
                        <a:pt x="0" y="15156"/>
                      </a:cubicBezTo>
                      <a:cubicBezTo>
                        <a:pt x="31766" y="27159"/>
                        <a:pt x="77354" y="42435"/>
                        <a:pt x="77839" y="42557"/>
                      </a:cubicBezTo>
                      <a:cubicBezTo>
                        <a:pt x="93358" y="46800"/>
                        <a:pt x="95904" y="45224"/>
                        <a:pt x="103543" y="40617"/>
                      </a:cubicBezTo>
                      <a:cubicBezTo>
                        <a:pt x="116758" y="32615"/>
                        <a:pt x="148282" y="11882"/>
                        <a:pt x="148646" y="11761"/>
                      </a:cubicBezTo>
                      <a:cubicBezTo>
                        <a:pt x="148888" y="11518"/>
                        <a:pt x="149130" y="11397"/>
                        <a:pt x="149373" y="11276"/>
                      </a:cubicBezTo>
                      <a:cubicBezTo>
                        <a:pt x="127549" y="4122"/>
                        <a:pt x="103058" y="0"/>
                        <a:pt x="79658" y="0"/>
                      </a:cubicBezTo>
                      <a:cubicBezTo>
                        <a:pt x="79658" y="0"/>
                        <a:pt x="79415" y="0"/>
                        <a:pt x="79415" y="0"/>
                      </a:cubicBezTo>
                      <a:close/>
                    </a:path>
                  </a:pathLst>
                </a:custGeom>
                <a:solidFill>
                  <a:srgbClr val="66BCDB"/>
                </a:solidFill>
                <a:ln w="12102" cap="flat">
                  <a:noFill/>
                  <a:prstDash val="solid"/>
                  <a:miter/>
                </a:ln>
              </p:spPr>
              <p:txBody>
                <a:bodyPr rtlCol="0" anchor="ctr"/>
                <a:lstStyle/>
                <a:p>
                  <a:endParaRPr lang="en-AU"/>
                </a:p>
              </p:txBody>
            </p:sp>
            <p:sp>
              <p:nvSpPr>
                <p:cNvPr id="1126" name="Freeform: Shape 1125">
                  <a:extLst>
                    <a:ext uri="{FF2B5EF4-FFF2-40B4-BE49-F238E27FC236}">
                      <a16:creationId xmlns:a16="http://schemas.microsoft.com/office/drawing/2014/main" id="{DE843FDF-7C87-FF3F-7342-76E82DF612DE}"/>
                    </a:ext>
                  </a:extLst>
                </p:cNvPr>
                <p:cNvSpPr/>
                <p:nvPr/>
              </p:nvSpPr>
              <p:spPr>
                <a:xfrm>
                  <a:off x="3021566" y="2201736"/>
                  <a:ext cx="260432" cy="257158"/>
                </a:xfrm>
                <a:custGeom>
                  <a:avLst/>
                  <a:gdLst>
                    <a:gd name="connsiteX0" fmla="*/ 194840 w 260432"/>
                    <a:gd name="connsiteY0" fmla="*/ 77596 h 257158"/>
                    <a:gd name="connsiteX1" fmla="*/ 208176 w 260432"/>
                    <a:gd name="connsiteY1" fmla="*/ 90933 h 257158"/>
                    <a:gd name="connsiteX2" fmla="*/ 208176 w 260432"/>
                    <a:gd name="connsiteY2" fmla="*/ 179684 h 257158"/>
                    <a:gd name="connsiteX3" fmla="*/ 212177 w 260432"/>
                    <a:gd name="connsiteY3" fmla="*/ 180411 h 257158"/>
                    <a:gd name="connsiteX4" fmla="*/ 260433 w 260432"/>
                    <a:gd name="connsiteY4" fmla="*/ 130095 h 257158"/>
                    <a:gd name="connsiteX5" fmla="*/ 234971 w 260432"/>
                    <a:gd name="connsiteY5" fmla="*/ 12973 h 257158"/>
                    <a:gd name="connsiteX6" fmla="*/ 234365 w 260432"/>
                    <a:gd name="connsiteY6" fmla="*/ 11154 h 257158"/>
                    <a:gd name="connsiteX7" fmla="*/ 233759 w 260432"/>
                    <a:gd name="connsiteY7" fmla="*/ 9578 h 257158"/>
                    <a:gd name="connsiteX8" fmla="*/ 230000 w 260432"/>
                    <a:gd name="connsiteY8" fmla="*/ 0 h 257158"/>
                    <a:gd name="connsiteX9" fmla="*/ 217391 w 260432"/>
                    <a:gd name="connsiteY9" fmla="*/ 11033 h 257158"/>
                    <a:gd name="connsiteX10" fmla="*/ 150100 w 260432"/>
                    <a:gd name="connsiteY10" fmla="*/ 62320 h 257158"/>
                    <a:gd name="connsiteX11" fmla="*/ 78324 w 260432"/>
                    <a:gd name="connsiteY11" fmla="*/ 77960 h 257158"/>
                    <a:gd name="connsiteX12" fmla="*/ 19520 w 260432"/>
                    <a:gd name="connsiteY12" fmla="*/ 62804 h 257158"/>
                    <a:gd name="connsiteX13" fmla="*/ 0 w 260432"/>
                    <a:gd name="connsiteY13" fmla="*/ 57470 h 257158"/>
                    <a:gd name="connsiteX14" fmla="*/ 0 w 260432"/>
                    <a:gd name="connsiteY14" fmla="*/ 257159 h 257158"/>
                    <a:gd name="connsiteX15" fmla="*/ 181624 w 260432"/>
                    <a:gd name="connsiteY15" fmla="*/ 257159 h 257158"/>
                    <a:gd name="connsiteX16" fmla="*/ 181624 w 260432"/>
                    <a:gd name="connsiteY16" fmla="*/ 90691 h 257158"/>
                    <a:gd name="connsiteX17" fmla="*/ 194961 w 260432"/>
                    <a:gd name="connsiteY17" fmla="*/ 77354 h 257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60432" h="257158">
                      <a:moveTo>
                        <a:pt x="194840" y="77596"/>
                      </a:moveTo>
                      <a:cubicBezTo>
                        <a:pt x="202236" y="77596"/>
                        <a:pt x="208176" y="83537"/>
                        <a:pt x="208176" y="90933"/>
                      </a:cubicBezTo>
                      <a:lnTo>
                        <a:pt x="208176" y="179684"/>
                      </a:lnTo>
                      <a:lnTo>
                        <a:pt x="212177" y="180411"/>
                      </a:lnTo>
                      <a:cubicBezTo>
                        <a:pt x="234487" y="179199"/>
                        <a:pt x="259948" y="140280"/>
                        <a:pt x="260433" y="130095"/>
                      </a:cubicBezTo>
                      <a:cubicBezTo>
                        <a:pt x="260433" y="116273"/>
                        <a:pt x="247823" y="45467"/>
                        <a:pt x="234971" y="12973"/>
                      </a:cubicBezTo>
                      <a:cubicBezTo>
                        <a:pt x="234729" y="12367"/>
                        <a:pt x="234608" y="11761"/>
                        <a:pt x="234365" y="11154"/>
                      </a:cubicBezTo>
                      <a:lnTo>
                        <a:pt x="233759" y="9578"/>
                      </a:lnTo>
                      <a:cubicBezTo>
                        <a:pt x="232910" y="7275"/>
                        <a:pt x="231455" y="3880"/>
                        <a:pt x="230000" y="0"/>
                      </a:cubicBezTo>
                      <a:cubicBezTo>
                        <a:pt x="226242" y="3880"/>
                        <a:pt x="222120" y="7638"/>
                        <a:pt x="217391" y="11033"/>
                      </a:cubicBezTo>
                      <a:lnTo>
                        <a:pt x="150100" y="62320"/>
                      </a:lnTo>
                      <a:cubicBezTo>
                        <a:pt x="127064" y="77354"/>
                        <a:pt x="101239" y="82810"/>
                        <a:pt x="78324" y="77960"/>
                      </a:cubicBezTo>
                      <a:cubicBezTo>
                        <a:pt x="60986" y="74323"/>
                        <a:pt x="39889" y="68382"/>
                        <a:pt x="19520" y="62804"/>
                      </a:cubicBezTo>
                      <a:cubicBezTo>
                        <a:pt x="12852" y="60986"/>
                        <a:pt x="6305" y="59167"/>
                        <a:pt x="0" y="57470"/>
                      </a:cubicBezTo>
                      <a:lnTo>
                        <a:pt x="0" y="257159"/>
                      </a:lnTo>
                      <a:lnTo>
                        <a:pt x="181624" y="257159"/>
                      </a:lnTo>
                      <a:lnTo>
                        <a:pt x="181624" y="90691"/>
                      </a:lnTo>
                      <a:cubicBezTo>
                        <a:pt x="181624" y="83295"/>
                        <a:pt x="187565" y="77354"/>
                        <a:pt x="194961" y="77354"/>
                      </a:cubicBezTo>
                      <a:close/>
                    </a:path>
                  </a:pathLst>
                </a:custGeom>
                <a:solidFill>
                  <a:srgbClr val="66BCDB"/>
                </a:solidFill>
                <a:ln w="12102" cap="flat">
                  <a:noFill/>
                  <a:prstDash val="solid"/>
                  <a:miter/>
                </a:ln>
              </p:spPr>
              <p:txBody>
                <a:bodyPr rtlCol="0" anchor="ctr"/>
                <a:lstStyle/>
                <a:p>
                  <a:endParaRPr lang="en-AU"/>
                </a:p>
              </p:txBody>
            </p:sp>
            <p:grpSp>
              <p:nvGrpSpPr>
                <p:cNvPr id="1127" name="Graphic 2">
                  <a:extLst>
                    <a:ext uri="{FF2B5EF4-FFF2-40B4-BE49-F238E27FC236}">
                      <a16:creationId xmlns:a16="http://schemas.microsoft.com/office/drawing/2014/main" id="{651A72F7-A1D6-94E1-908B-7289063636B8}"/>
                    </a:ext>
                  </a:extLst>
                </p:cNvPr>
                <p:cNvGrpSpPr/>
                <p:nvPr/>
              </p:nvGrpSpPr>
              <p:grpSpPr>
                <a:xfrm>
                  <a:off x="2693722" y="1904081"/>
                  <a:ext cx="614829" cy="568757"/>
                  <a:chOff x="2693722" y="1904081"/>
                  <a:chExt cx="614829" cy="568757"/>
                </a:xfrm>
                <a:solidFill>
                  <a:srgbClr val="265A9A"/>
                </a:solidFill>
              </p:grpSpPr>
              <p:sp>
                <p:nvSpPr>
                  <p:cNvPr id="1128" name="Freeform: Shape 1127">
                    <a:extLst>
                      <a:ext uri="{FF2B5EF4-FFF2-40B4-BE49-F238E27FC236}">
                        <a16:creationId xmlns:a16="http://schemas.microsoft.com/office/drawing/2014/main" id="{4E664369-6BBC-2F59-640A-EFE79178F20D}"/>
                      </a:ext>
                    </a:extLst>
                  </p:cNvPr>
                  <p:cNvSpPr/>
                  <p:nvPr/>
                </p:nvSpPr>
                <p:spPr>
                  <a:xfrm>
                    <a:off x="3022536" y="1945911"/>
                    <a:ext cx="165619" cy="138703"/>
                  </a:xfrm>
                  <a:custGeom>
                    <a:avLst/>
                    <a:gdLst>
                      <a:gd name="connsiteX0" fmla="*/ 13579 w 165619"/>
                      <a:gd name="connsiteY0" fmla="*/ 138703 h 138703"/>
                      <a:gd name="connsiteX1" fmla="*/ 26916 w 165619"/>
                      <a:gd name="connsiteY1" fmla="*/ 125367 h 138703"/>
                      <a:gd name="connsiteX2" fmla="*/ 26916 w 165619"/>
                      <a:gd name="connsiteY2" fmla="*/ 81719 h 138703"/>
                      <a:gd name="connsiteX3" fmla="*/ 81961 w 165619"/>
                      <a:gd name="connsiteY3" fmla="*/ 26674 h 138703"/>
                      <a:gd name="connsiteX4" fmla="*/ 83901 w 165619"/>
                      <a:gd name="connsiteY4" fmla="*/ 26674 h 138703"/>
                      <a:gd name="connsiteX5" fmla="*/ 138946 w 165619"/>
                      <a:gd name="connsiteY5" fmla="*/ 81719 h 138703"/>
                      <a:gd name="connsiteX6" fmla="*/ 138946 w 165619"/>
                      <a:gd name="connsiteY6" fmla="*/ 124397 h 138703"/>
                      <a:gd name="connsiteX7" fmla="*/ 152283 w 165619"/>
                      <a:gd name="connsiteY7" fmla="*/ 137734 h 138703"/>
                      <a:gd name="connsiteX8" fmla="*/ 165620 w 165619"/>
                      <a:gd name="connsiteY8" fmla="*/ 124397 h 138703"/>
                      <a:gd name="connsiteX9" fmla="*/ 165620 w 165619"/>
                      <a:gd name="connsiteY9" fmla="*/ 81719 h 138703"/>
                      <a:gd name="connsiteX10" fmla="*/ 83780 w 165619"/>
                      <a:gd name="connsiteY10" fmla="*/ 0 h 138703"/>
                      <a:gd name="connsiteX11" fmla="*/ 81840 w 165619"/>
                      <a:gd name="connsiteY11" fmla="*/ 0 h 138703"/>
                      <a:gd name="connsiteX12" fmla="*/ 0 w 165619"/>
                      <a:gd name="connsiteY12" fmla="*/ 81719 h 138703"/>
                      <a:gd name="connsiteX13" fmla="*/ 0 w 165619"/>
                      <a:gd name="connsiteY13" fmla="*/ 125367 h 138703"/>
                      <a:gd name="connsiteX14" fmla="*/ 13337 w 165619"/>
                      <a:gd name="connsiteY14" fmla="*/ 138703 h 1387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5619" h="138703">
                        <a:moveTo>
                          <a:pt x="13579" y="138703"/>
                        </a:moveTo>
                        <a:cubicBezTo>
                          <a:pt x="20975" y="138703"/>
                          <a:pt x="26916" y="132762"/>
                          <a:pt x="26916" y="125367"/>
                        </a:cubicBezTo>
                        <a:lnTo>
                          <a:pt x="26916" y="81719"/>
                        </a:lnTo>
                        <a:cubicBezTo>
                          <a:pt x="26916" y="51286"/>
                          <a:pt x="51650" y="26674"/>
                          <a:pt x="81961" y="26674"/>
                        </a:cubicBezTo>
                        <a:lnTo>
                          <a:pt x="83901" y="26674"/>
                        </a:lnTo>
                        <a:cubicBezTo>
                          <a:pt x="114333" y="26674"/>
                          <a:pt x="138946" y="51408"/>
                          <a:pt x="138946" y="81719"/>
                        </a:cubicBezTo>
                        <a:lnTo>
                          <a:pt x="138946" y="124397"/>
                        </a:lnTo>
                        <a:cubicBezTo>
                          <a:pt x="138946" y="131792"/>
                          <a:pt x="144887" y="137734"/>
                          <a:pt x="152283" y="137734"/>
                        </a:cubicBezTo>
                        <a:cubicBezTo>
                          <a:pt x="159679" y="137734"/>
                          <a:pt x="165620" y="131792"/>
                          <a:pt x="165620" y="124397"/>
                        </a:cubicBezTo>
                        <a:lnTo>
                          <a:pt x="165620" y="81719"/>
                        </a:lnTo>
                        <a:cubicBezTo>
                          <a:pt x="165620" y="36616"/>
                          <a:pt x="128883" y="0"/>
                          <a:pt x="83780" y="0"/>
                        </a:cubicBezTo>
                        <a:lnTo>
                          <a:pt x="81840" y="0"/>
                        </a:lnTo>
                        <a:cubicBezTo>
                          <a:pt x="36737" y="0"/>
                          <a:pt x="0" y="36737"/>
                          <a:pt x="0" y="81719"/>
                        </a:cubicBezTo>
                        <a:lnTo>
                          <a:pt x="0" y="125367"/>
                        </a:lnTo>
                        <a:cubicBezTo>
                          <a:pt x="0" y="132762"/>
                          <a:pt x="5941" y="138703"/>
                          <a:pt x="13337" y="138703"/>
                        </a:cubicBezTo>
                        <a:close/>
                      </a:path>
                    </a:pathLst>
                  </a:custGeom>
                  <a:solidFill>
                    <a:srgbClr val="265A9A"/>
                  </a:solidFill>
                  <a:ln w="12102" cap="flat">
                    <a:noFill/>
                    <a:prstDash val="solid"/>
                    <a:miter/>
                  </a:ln>
                </p:spPr>
                <p:txBody>
                  <a:bodyPr rtlCol="0" anchor="ctr"/>
                  <a:lstStyle/>
                  <a:p>
                    <a:endParaRPr lang="en-AU"/>
                  </a:p>
                </p:txBody>
              </p:sp>
              <p:sp>
                <p:nvSpPr>
                  <p:cNvPr id="1129" name="Freeform: Shape 1128">
                    <a:extLst>
                      <a:ext uri="{FF2B5EF4-FFF2-40B4-BE49-F238E27FC236}">
                        <a16:creationId xmlns:a16="http://schemas.microsoft.com/office/drawing/2014/main" id="{070BEF76-EF43-3EFD-A410-EA0D173696CB}"/>
                      </a:ext>
                    </a:extLst>
                  </p:cNvPr>
                  <p:cNvSpPr/>
                  <p:nvPr/>
                </p:nvSpPr>
                <p:spPr>
                  <a:xfrm>
                    <a:off x="2814239" y="1904081"/>
                    <a:ext cx="165619" cy="193384"/>
                  </a:xfrm>
                  <a:custGeom>
                    <a:avLst/>
                    <a:gdLst>
                      <a:gd name="connsiteX0" fmla="*/ 73110 w 165619"/>
                      <a:gd name="connsiteY0" fmla="*/ 193385 h 193384"/>
                      <a:gd name="connsiteX1" fmla="*/ 92509 w 165619"/>
                      <a:gd name="connsiteY1" fmla="*/ 193385 h 193384"/>
                      <a:gd name="connsiteX2" fmla="*/ 165620 w 165619"/>
                      <a:gd name="connsiteY2" fmla="*/ 120274 h 193384"/>
                      <a:gd name="connsiteX3" fmla="*/ 165620 w 165619"/>
                      <a:gd name="connsiteY3" fmla="*/ 73110 h 193384"/>
                      <a:gd name="connsiteX4" fmla="*/ 92509 w 165619"/>
                      <a:gd name="connsiteY4" fmla="*/ 0 h 193384"/>
                      <a:gd name="connsiteX5" fmla="*/ 73110 w 165619"/>
                      <a:gd name="connsiteY5" fmla="*/ 0 h 193384"/>
                      <a:gd name="connsiteX6" fmla="*/ 0 w 165619"/>
                      <a:gd name="connsiteY6" fmla="*/ 73110 h 193384"/>
                      <a:gd name="connsiteX7" fmla="*/ 0 w 165619"/>
                      <a:gd name="connsiteY7" fmla="*/ 120274 h 193384"/>
                      <a:gd name="connsiteX8" fmla="*/ 73110 w 165619"/>
                      <a:gd name="connsiteY8" fmla="*/ 193385 h 193384"/>
                      <a:gd name="connsiteX9" fmla="*/ 26674 w 165619"/>
                      <a:gd name="connsiteY9" fmla="*/ 73110 h 193384"/>
                      <a:gd name="connsiteX10" fmla="*/ 73110 w 165619"/>
                      <a:gd name="connsiteY10" fmla="*/ 26674 h 193384"/>
                      <a:gd name="connsiteX11" fmla="*/ 92509 w 165619"/>
                      <a:gd name="connsiteY11" fmla="*/ 26674 h 193384"/>
                      <a:gd name="connsiteX12" fmla="*/ 138946 w 165619"/>
                      <a:gd name="connsiteY12" fmla="*/ 73110 h 193384"/>
                      <a:gd name="connsiteX13" fmla="*/ 138946 w 165619"/>
                      <a:gd name="connsiteY13" fmla="*/ 120274 h 193384"/>
                      <a:gd name="connsiteX14" fmla="*/ 92509 w 165619"/>
                      <a:gd name="connsiteY14" fmla="*/ 166711 h 193384"/>
                      <a:gd name="connsiteX15" fmla="*/ 73110 w 165619"/>
                      <a:gd name="connsiteY15" fmla="*/ 166711 h 193384"/>
                      <a:gd name="connsiteX16" fmla="*/ 26674 w 165619"/>
                      <a:gd name="connsiteY16" fmla="*/ 120274 h 193384"/>
                      <a:gd name="connsiteX17" fmla="*/ 26674 w 165619"/>
                      <a:gd name="connsiteY17" fmla="*/ 73110 h 193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5619" h="193384">
                        <a:moveTo>
                          <a:pt x="73110" y="193385"/>
                        </a:moveTo>
                        <a:lnTo>
                          <a:pt x="92509" y="193385"/>
                        </a:lnTo>
                        <a:cubicBezTo>
                          <a:pt x="132762" y="193385"/>
                          <a:pt x="165620" y="160649"/>
                          <a:pt x="165620" y="120274"/>
                        </a:cubicBezTo>
                        <a:lnTo>
                          <a:pt x="165620" y="73110"/>
                        </a:lnTo>
                        <a:cubicBezTo>
                          <a:pt x="165620" y="32857"/>
                          <a:pt x="132884" y="0"/>
                          <a:pt x="92509" y="0"/>
                        </a:cubicBezTo>
                        <a:lnTo>
                          <a:pt x="73110" y="0"/>
                        </a:lnTo>
                        <a:cubicBezTo>
                          <a:pt x="32857" y="0"/>
                          <a:pt x="0" y="32736"/>
                          <a:pt x="0" y="73110"/>
                        </a:cubicBezTo>
                        <a:lnTo>
                          <a:pt x="0" y="120274"/>
                        </a:lnTo>
                        <a:cubicBezTo>
                          <a:pt x="0" y="160527"/>
                          <a:pt x="32736" y="193385"/>
                          <a:pt x="73110" y="193385"/>
                        </a:cubicBezTo>
                        <a:close/>
                        <a:moveTo>
                          <a:pt x="26674" y="73110"/>
                        </a:moveTo>
                        <a:cubicBezTo>
                          <a:pt x="26674" y="47528"/>
                          <a:pt x="47528" y="26674"/>
                          <a:pt x="73110" y="26674"/>
                        </a:cubicBezTo>
                        <a:lnTo>
                          <a:pt x="92509" y="26674"/>
                        </a:lnTo>
                        <a:cubicBezTo>
                          <a:pt x="118092" y="26674"/>
                          <a:pt x="138946" y="47528"/>
                          <a:pt x="138946" y="73110"/>
                        </a:cubicBezTo>
                        <a:lnTo>
                          <a:pt x="138946" y="120274"/>
                        </a:lnTo>
                        <a:cubicBezTo>
                          <a:pt x="138946" y="145857"/>
                          <a:pt x="118092" y="166711"/>
                          <a:pt x="92509" y="166711"/>
                        </a:cubicBezTo>
                        <a:lnTo>
                          <a:pt x="73110" y="166711"/>
                        </a:lnTo>
                        <a:cubicBezTo>
                          <a:pt x="47528" y="166711"/>
                          <a:pt x="26674" y="145857"/>
                          <a:pt x="26674" y="120274"/>
                        </a:cubicBezTo>
                        <a:lnTo>
                          <a:pt x="26674" y="73110"/>
                        </a:lnTo>
                        <a:close/>
                      </a:path>
                    </a:pathLst>
                  </a:custGeom>
                  <a:solidFill>
                    <a:srgbClr val="265A9A"/>
                  </a:solidFill>
                  <a:ln w="12102" cap="flat">
                    <a:noFill/>
                    <a:prstDash val="solid"/>
                    <a:miter/>
                  </a:ln>
                </p:spPr>
                <p:txBody>
                  <a:bodyPr rtlCol="0" anchor="ctr"/>
                  <a:lstStyle/>
                  <a:p>
                    <a:endParaRPr lang="en-AU"/>
                  </a:p>
                </p:txBody>
              </p:sp>
              <p:sp>
                <p:nvSpPr>
                  <p:cNvPr id="1130" name="Freeform: Shape 1129">
                    <a:extLst>
                      <a:ext uri="{FF2B5EF4-FFF2-40B4-BE49-F238E27FC236}">
                        <a16:creationId xmlns:a16="http://schemas.microsoft.com/office/drawing/2014/main" id="{52C72FBB-7772-B90A-D7FE-8FAE400598D4}"/>
                      </a:ext>
                    </a:extLst>
                  </p:cNvPr>
                  <p:cNvSpPr/>
                  <p:nvPr/>
                </p:nvSpPr>
                <p:spPr>
                  <a:xfrm>
                    <a:off x="2693722" y="2092495"/>
                    <a:ext cx="614829" cy="380343"/>
                  </a:xfrm>
                  <a:custGeom>
                    <a:avLst/>
                    <a:gdLst>
                      <a:gd name="connsiteX0" fmla="*/ 588398 w 614829"/>
                      <a:gd name="connsiteY0" fmla="*/ 114455 h 380343"/>
                      <a:gd name="connsiteX1" fmla="*/ 587792 w 614829"/>
                      <a:gd name="connsiteY1" fmla="*/ 112515 h 380343"/>
                      <a:gd name="connsiteX2" fmla="*/ 586458 w 614829"/>
                      <a:gd name="connsiteY2" fmla="*/ 109241 h 380343"/>
                      <a:gd name="connsiteX3" fmla="*/ 574455 w 614829"/>
                      <a:gd name="connsiteY3" fmla="*/ 79779 h 380343"/>
                      <a:gd name="connsiteX4" fmla="*/ 575425 w 614829"/>
                      <a:gd name="connsiteY4" fmla="*/ 63411 h 380343"/>
                      <a:gd name="connsiteX5" fmla="*/ 548267 w 614829"/>
                      <a:gd name="connsiteY5" fmla="*/ 25825 h 380343"/>
                      <a:gd name="connsiteX6" fmla="*/ 515167 w 614829"/>
                      <a:gd name="connsiteY6" fmla="*/ 22673 h 380343"/>
                      <a:gd name="connsiteX7" fmla="*/ 411867 w 614829"/>
                      <a:gd name="connsiteY7" fmla="*/ 0 h 380343"/>
                      <a:gd name="connsiteX8" fmla="*/ 411624 w 614829"/>
                      <a:gd name="connsiteY8" fmla="*/ 0 h 380343"/>
                      <a:gd name="connsiteX9" fmla="*/ 296078 w 614829"/>
                      <a:gd name="connsiteY9" fmla="*/ 29584 h 380343"/>
                      <a:gd name="connsiteX10" fmla="*/ 203327 w 614829"/>
                      <a:gd name="connsiteY10" fmla="*/ 20005 h 380343"/>
                      <a:gd name="connsiteX11" fmla="*/ 27159 w 614829"/>
                      <a:gd name="connsiteY11" fmla="*/ 112515 h 380343"/>
                      <a:gd name="connsiteX12" fmla="*/ 26553 w 614829"/>
                      <a:gd name="connsiteY12" fmla="*/ 114455 h 380343"/>
                      <a:gd name="connsiteX13" fmla="*/ 0 w 614829"/>
                      <a:gd name="connsiteY13" fmla="*/ 239579 h 380343"/>
                      <a:gd name="connsiteX14" fmla="*/ 76020 w 614829"/>
                      <a:gd name="connsiteY14" fmla="*/ 316448 h 380343"/>
                      <a:gd name="connsiteX15" fmla="*/ 78566 w 614829"/>
                      <a:gd name="connsiteY15" fmla="*/ 316205 h 380343"/>
                      <a:gd name="connsiteX16" fmla="*/ 78930 w 614829"/>
                      <a:gd name="connsiteY16" fmla="*/ 316205 h 380343"/>
                      <a:gd name="connsiteX17" fmla="*/ 78930 w 614829"/>
                      <a:gd name="connsiteY17" fmla="*/ 366643 h 380343"/>
                      <a:gd name="connsiteX18" fmla="*/ 92267 w 614829"/>
                      <a:gd name="connsiteY18" fmla="*/ 379980 h 380343"/>
                      <a:gd name="connsiteX19" fmla="*/ 105604 w 614829"/>
                      <a:gd name="connsiteY19" fmla="*/ 366643 h 380343"/>
                      <a:gd name="connsiteX20" fmla="*/ 105604 w 614829"/>
                      <a:gd name="connsiteY20" fmla="*/ 144402 h 380343"/>
                      <a:gd name="connsiteX21" fmla="*/ 92267 w 614829"/>
                      <a:gd name="connsiteY21" fmla="*/ 131065 h 380343"/>
                      <a:gd name="connsiteX22" fmla="*/ 78930 w 614829"/>
                      <a:gd name="connsiteY22" fmla="*/ 144402 h 380343"/>
                      <a:gd name="connsiteX23" fmla="*/ 78930 w 614829"/>
                      <a:gd name="connsiteY23" fmla="*/ 288925 h 380343"/>
                      <a:gd name="connsiteX24" fmla="*/ 74929 w 614829"/>
                      <a:gd name="connsiteY24" fmla="*/ 289653 h 380343"/>
                      <a:gd name="connsiteX25" fmla="*/ 26674 w 614829"/>
                      <a:gd name="connsiteY25" fmla="*/ 239457 h 380343"/>
                      <a:gd name="connsiteX26" fmla="*/ 52135 w 614829"/>
                      <a:gd name="connsiteY26" fmla="*/ 122336 h 380343"/>
                      <a:gd name="connsiteX27" fmla="*/ 52620 w 614829"/>
                      <a:gd name="connsiteY27" fmla="*/ 120638 h 380343"/>
                      <a:gd name="connsiteX28" fmla="*/ 203327 w 614829"/>
                      <a:gd name="connsiteY28" fmla="*/ 46679 h 380343"/>
                      <a:gd name="connsiteX29" fmla="*/ 323601 w 614829"/>
                      <a:gd name="connsiteY29" fmla="*/ 67048 h 380343"/>
                      <a:gd name="connsiteX30" fmla="*/ 402288 w 614829"/>
                      <a:gd name="connsiteY30" fmla="*/ 94692 h 380343"/>
                      <a:gd name="connsiteX31" fmla="*/ 449574 w 614829"/>
                      <a:gd name="connsiteY31" fmla="*/ 90085 h 380343"/>
                      <a:gd name="connsiteX32" fmla="*/ 496010 w 614829"/>
                      <a:gd name="connsiteY32" fmla="*/ 60258 h 380343"/>
                      <a:gd name="connsiteX33" fmla="*/ 537354 w 614829"/>
                      <a:gd name="connsiteY33" fmla="*/ 50074 h 380343"/>
                      <a:gd name="connsiteX34" fmla="*/ 548873 w 614829"/>
                      <a:gd name="connsiteY34" fmla="*/ 66078 h 380343"/>
                      <a:gd name="connsiteX35" fmla="*/ 529353 w 614829"/>
                      <a:gd name="connsiteY35" fmla="*/ 99057 h 380343"/>
                      <a:gd name="connsiteX36" fmla="*/ 462547 w 614829"/>
                      <a:gd name="connsiteY36" fmla="*/ 149979 h 380343"/>
                      <a:gd name="connsiteX37" fmla="*/ 411624 w 614829"/>
                      <a:gd name="connsiteY37" fmla="*/ 161255 h 380343"/>
                      <a:gd name="connsiteX38" fmla="*/ 354397 w 614829"/>
                      <a:gd name="connsiteY38" fmla="*/ 146463 h 380343"/>
                      <a:gd name="connsiteX39" fmla="*/ 317660 w 614829"/>
                      <a:gd name="connsiteY39" fmla="*/ 136642 h 380343"/>
                      <a:gd name="connsiteX40" fmla="*/ 315963 w 614829"/>
                      <a:gd name="connsiteY40" fmla="*/ 136642 h 380343"/>
                      <a:gd name="connsiteX41" fmla="*/ 314386 w 614829"/>
                      <a:gd name="connsiteY41" fmla="*/ 136279 h 380343"/>
                      <a:gd name="connsiteX42" fmla="*/ 313416 w 614829"/>
                      <a:gd name="connsiteY42" fmla="*/ 136521 h 380343"/>
                      <a:gd name="connsiteX43" fmla="*/ 310749 w 614829"/>
                      <a:gd name="connsiteY43" fmla="*/ 137127 h 380343"/>
                      <a:gd name="connsiteX44" fmla="*/ 308445 w 614829"/>
                      <a:gd name="connsiteY44" fmla="*/ 137976 h 380343"/>
                      <a:gd name="connsiteX45" fmla="*/ 306263 w 614829"/>
                      <a:gd name="connsiteY45" fmla="*/ 139431 h 380343"/>
                      <a:gd name="connsiteX46" fmla="*/ 304444 w 614829"/>
                      <a:gd name="connsiteY46" fmla="*/ 141128 h 380343"/>
                      <a:gd name="connsiteX47" fmla="*/ 303111 w 614829"/>
                      <a:gd name="connsiteY47" fmla="*/ 143190 h 380343"/>
                      <a:gd name="connsiteX48" fmla="*/ 301898 w 614829"/>
                      <a:gd name="connsiteY48" fmla="*/ 145614 h 380343"/>
                      <a:gd name="connsiteX49" fmla="*/ 301413 w 614829"/>
                      <a:gd name="connsiteY49" fmla="*/ 146584 h 380343"/>
                      <a:gd name="connsiteX50" fmla="*/ 301413 w 614829"/>
                      <a:gd name="connsiteY50" fmla="*/ 148161 h 380343"/>
                      <a:gd name="connsiteX51" fmla="*/ 301050 w 614829"/>
                      <a:gd name="connsiteY51" fmla="*/ 149737 h 380343"/>
                      <a:gd name="connsiteX52" fmla="*/ 301050 w 614829"/>
                      <a:gd name="connsiteY52" fmla="*/ 366764 h 380343"/>
                      <a:gd name="connsiteX53" fmla="*/ 314386 w 614829"/>
                      <a:gd name="connsiteY53" fmla="*/ 380101 h 380343"/>
                      <a:gd name="connsiteX54" fmla="*/ 327723 w 614829"/>
                      <a:gd name="connsiteY54" fmla="*/ 366764 h 380343"/>
                      <a:gd name="connsiteX55" fmla="*/ 327723 w 614829"/>
                      <a:gd name="connsiteY55" fmla="*/ 167075 h 380343"/>
                      <a:gd name="connsiteX56" fmla="*/ 347244 w 614829"/>
                      <a:gd name="connsiteY56" fmla="*/ 172409 h 380343"/>
                      <a:gd name="connsiteX57" fmla="*/ 406047 w 614829"/>
                      <a:gd name="connsiteY57" fmla="*/ 187565 h 380343"/>
                      <a:gd name="connsiteX58" fmla="*/ 477824 w 614829"/>
                      <a:gd name="connsiteY58" fmla="*/ 171924 h 380343"/>
                      <a:gd name="connsiteX59" fmla="*/ 545114 w 614829"/>
                      <a:gd name="connsiteY59" fmla="*/ 120638 h 380343"/>
                      <a:gd name="connsiteX60" fmla="*/ 557724 w 614829"/>
                      <a:gd name="connsiteY60" fmla="*/ 109605 h 380343"/>
                      <a:gd name="connsiteX61" fmla="*/ 561482 w 614829"/>
                      <a:gd name="connsiteY61" fmla="*/ 119183 h 380343"/>
                      <a:gd name="connsiteX62" fmla="*/ 562088 w 614829"/>
                      <a:gd name="connsiteY62" fmla="*/ 120759 h 380343"/>
                      <a:gd name="connsiteX63" fmla="*/ 562695 w 614829"/>
                      <a:gd name="connsiteY63" fmla="*/ 122578 h 380343"/>
                      <a:gd name="connsiteX64" fmla="*/ 588156 w 614829"/>
                      <a:gd name="connsiteY64" fmla="*/ 239700 h 380343"/>
                      <a:gd name="connsiteX65" fmla="*/ 539901 w 614829"/>
                      <a:gd name="connsiteY65" fmla="*/ 290016 h 380343"/>
                      <a:gd name="connsiteX66" fmla="*/ 535900 w 614829"/>
                      <a:gd name="connsiteY66" fmla="*/ 289289 h 380343"/>
                      <a:gd name="connsiteX67" fmla="*/ 535900 w 614829"/>
                      <a:gd name="connsiteY67" fmla="*/ 200538 h 380343"/>
                      <a:gd name="connsiteX68" fmla="*/ 522563 w 614829"/>
                      <a:gd name="connsiteY68" fmla="*/ 187201 h 380343"/>
                      <a:gd name="connsiteX69" fmla="*/ 509226 w 614829"/>
                      <a:gd name="connsiteY69" fmla="*/ 200538 h 380343"/>
                      <a:gd name="connsiteX70" fmla="*/ 509226 w 614829"/>
                      <a:gd name="connsiteY70" fmla="*/ 367006 h 380343"/>
                      <a:gd name="connsiteX71" fmla="*/ 522563 w 614829"/>
                      <a:gd name="connsiteY71" fmla="*/ 380343 h 380343"/>
                      <a:gd name="connsiteX72" fmla="*/ 535900 w 614829"/>
                      <a:gd name="connsiteY72" fmla="*/ 367006 h 380343"/>
                      <a:gd name="connsiteX73" fmla="*/ 535900 w 614829"/>
                      <a:gd name="connsiteY73" fmla="*/ 316448 h 380343"/>
                      <a:gd name="connsiteX74" fmla="*/ 536263 w 614829"/>
                      <a:gd name="connsiteY74" fmla="*/ 316448 h 380343"/>
                      <a:gd name="connsiteX75" fmla="*/ 538810 w 614829"/>
                      <a:gd name="connsiteY75" fmla="*/ 316811 h 380343"/>
                      <a:gd name="connsiteX76" fmla="*/ 614830 w 614829"/>
                      <a:gd name="connsiteY76" fmla="*/ 239943 h 380343"/>
                      <a:gd name="connsiteX77" fmla="*/ 588277 w 614829"/>
                      <a:gd name="connsiteY77" fmla="*/ 114940 h 380343"/>
                      <a:gd name="connsiteX78" fmla="*/ 435873 w 614829"/>
                      <a:gd name="connsiteY78" fmla="*/ 67412 h 380343"/>
                      <a:gd name="connsiteX79" fmla="*/ 410169 w 614829"/>
                      <a:gd name="connsiteY79" fmla="*/ 69352 h 380343"/>
                      <a:gd name="connsiteX80" fmla="*/ 332331 w 614829"/>
                      <a:gd name="connsiteY80" fmla="*/ 41951 h 380343"/>
                      <a:gd name="connsiteX81" fmla="*/ 411745 w 614829"/>
                      <a:gd name="connsiteY81" fmla="*/ 26795 h 380343"/>
                      <a:gd name="connsiteX82" fmla="*/ 411988 w 614829"/>
                      <a:gd name="connsiteY82" fmla="*/ 26795 h 380343"/>
                      <a:gd name="connsiteX83" fmla="*/ 481703 w 614829"/>
                      <a:gd name="connsiteY83" fmla="*/ 38071 h 380343"/>
                      <a:gd name="connsiteX84" fmla="*/ 480976 w 614829"/>
                      <a:gd name="connsiteY84" fmla="*/ 38556 h 380343"/>
                      <a:gd name="connsiteX85" fmla="*/ 435873 w 614829"/>
                      <a:gd name="connsiteY85" fmla="*/ 67412 h 380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Lst>
                    <a:rect l="l" t="t" r="r" b="b"/>
                    <a:pathLst>
                      <a:path w="614829" h="380343">
                        <a:moveTo>
                          <a:pt x="588398" y="114455"/>
                        </a:moveTo>
                        <a:cubicBezTo>
                          <a:pt x="588277" y="113848"/>
                          <a:pt x="588035" y="113121"/>
                          <a:pt x="587792" y="112515"/>
                        </a:cubicBezTo>
                        <a:lnTo>
                          <a:pt x="586458" y="109241"/>
                        </a:lnTo>
                        <a:cubicBezTo>
                          <a:pt x="582215" y="98572"/>
                          <a:pt x="577608" y="87053"/>
                          <a:pt x="574455" y="79779"/>
                        </a:cubicBezTo>
                        <a:cubicBezTo>
                          <a:pt x="575668" y="74444"/>
                          <a:pt x="576031" y="68988"/>
                          <a:pt x="575425" y="63411"/>
                        </a:cubicBezTo>
                        <a:cubicBezTo>
                          <a:pt x="573728" y="46679"/>
                          <a:pt x="563543" y="32615"/>
                          <a:pt x="548267" y="25825"/>
                        </a:cubicBezTo>
                        <a:cubicBezTo>
                          <a:pt x="538203" y="21339"/>
                          <a:pt x="526927" y="20369"/>
                          <a:pt x="515167" y="22673"/>
                        </a:cubicBezTo>
                        <a:cubicBezTo>
                          <a:pt x="485583" y="8487"/>
                          <a:pt x="447391" y="0"/>
                          <a:pt x="411867" y="0"/>
                        </a:cubicBezTo>
                        <a:cubicBezTo>
                          <a:pt x="411867" y="0"/>
                          <a:pt x="411624" y="0"/>
                          <a:pt x="411624" y="0"/>
                        </a:cubicBezTo>
                        <a:cubicBezTo>
                          <a:pt x="371129" y="0"/>
                          <a:pt x="327602" y="11276"/>
                          <a:pt x="296078" y="29584"/>
                        </a:cubicBezTo>
                        <a:cubicBezTo>
                          <a:pt x="274497" y="23885"/>
                          <a:pt x="247460" y="20005"/>
                          <a:pt x="203327" y="20005"/>
                        </a:cubicBezTo>
                        <a:cubicBezTo>
                          <a:pt x="130944" y="20005"/>
                          <a:pt x="59531" y="31160"/>
                          <a:pt x="27159" y="112515"/>
                        </a:cubicBezTo>
                        <a:cubicBezTo>
                          <a:pt x="26916" y="113121"/>
                          <a:pt x="26674" y="113727"/>
                          <a:pt x="26553" y="114455"/>
                        </a:cubicBezTo>
                        <a:cubicBezTo>
                          <a:pt x="13216" y="149737"/>
                          <a:pt x="0" y="221756"/>
                          <a:pt x="0" y="239579"/>
                        </a:cubicBezTo>
                        <a:cubicBezTo>
                          <a:pt x="0" y="261160"/>
                          <a:pt x="36131" y="316448"/>
                          <a:pt x="76020" y="316448"/>
                        </a:cubicBezTo>
                        <a:cubicBezTo>
                          <a:pt x="76869" y="316448"/>
                          <a:pt x="77718" y="316448"/>
                          <a:pt x="78566" y="316205"/>
                        </a:cubicBezTo>
                        <a:lnTo>
                          <a:pt x="78930" y="316205"/>
                        </a:lnTo>
                        <a:cubicBezTo>
                          <a:pt x="78930" y="316205"/>
                          <a:pt x="78930" y="366643"/>
                          <a:pt x="78930" y="366643"/>
                        </a:cubicBezTo>
                        <a:cubicBezTo>
                          <a:pt x="78930" y="374039"/>
                          <a:pt x="84871" y="379980"/>
                          <a:pt x="92267" y="379980"/>
                        </a:cubicBezTo>
                        <a:cubicBezTo>
                          <a:pt x="99663" y="379980"/>
                          <a:pt x="105604" y="374039"/>
                          <a:pt x="105604" y="366643"/>
                        </a:cubicBezTo>
                        <a:lnTo>
                          <a:pt x="105604" y="144402"/>
                        </a:lnTo>
                        <a:cubicBezTo>
                          <a:pt x="105604" y="137006"/>
                          <a:pt x="99663" y="131065"/>
                          <a:pt x="92267" y="131065"/>
                        </a:cubicBezTo>
                        <a:cubicBezTo>
                          <a:pt x="84871" y="131065"/>
                          <a:pt x="78930" y="137006"/>
                          <a:pt x="78930" y="144402"/>
                        </a:cubicBezTo>
                        <a:lnTo>
                          <a:pt x="78930" y="288925"/>
                        </a:lnTo>
                        <a:lnTo>
                          <a:pt x="74929" y="289653"/>
                        </a:lnTo>
                        <a:cubicBezTo>
                          <a:pt x="52620" y="288440"/>
                          <a:pt x="27159" y="249521"/>
                          <a:pt x="26674" y="239457"/>
                        </a:cubicBezTo>
                        <a:cubicBezTo>
                          <a:pt x="26674" y="225514"/>
                          <a:pt x="39283" y="154829"/>
                          <a:pt x="52135" y="122336"/>
                        </a:cubicBezTo>
                        <a:cubicBezTo>
                          <a:pt x="52377" y="121851"/>
                          <a:pt x="52499" y="121244"/>
                          <a:pt x="52620" y="120638"/>
                        </a:cubicBezTo>
                        <a:cubicBezTo>
                          <a:pt x="77960" y="59046"/>
                          <a:pt x="129125" y="46679"/>
                          <a:pt x="203327" y="46679"/>
                        </a:cubicBezTo>
                        <a:cubicBezTo>
                          <a:pt x="269647" y="46679"/>
                          <a:pt x="293169" y="55530"/>
                          <a:pt x="323601" y="67048"/>
                        </a:cubicBezTo>
                        <a:cubicBezTo>
                          <a:pt x="355003" y="78930"/>
                          <a:pt x="401197" y="94328"/>
                          <a:pt x="402288" y="94692"/>
                        </a:cubicBezTo>
                        <a:cubicBezTo>
                          <a:pt x="425567" y="101239"/>
                          <a:pt x="435752" y="98572"/>
                          <a:pt x="449574" y="90085"/>
                        </a:cubicBezTo>
                        <a:cubicBezTo>
                          <a:pt x="463153" y="81840"/>
                          <a:pt x="494192" y="61471"/>
                          <a:pt x="496010" y="60258"/>
                        </a:cubicBezTo>
                        <a:cubicBezTo>
                          <a:pt x="511408" y="48983"/>
                          <a:pt x="526564" y="45224"/>
                          <a:pt x="537354" y="50074"/>
                        </a:cubicBezTo>
                        <a:cubicBezTo>
                          <a:pt x="543902" y="52984"/>
                          <a:pt x="548024" y="58804"/>
                          <a:pt x="548873" y="66078"/>
                        </a:cubicBezTo>
                        <a:cubicBezTo>
                          <a:pt x="549964" y="77233"/>
                          <a:pt x="543053" y="89236"/>
                          <a:pt x="529353" y="99057"/>
                        </a:cubicBezTo>
                        <a:lnTo>
                          <a:pt x="462547" y="149979"/>
                        </a:lnTo>
                        <a:cubicBezTo>
                          <a:pt x="446300" y="160527"/>
                          <a:pt x="427750" y="164650"/>
                          <a:pt x="411624" y="161255"/>
                        </a:cubicBezTo>
                        <a:cubicBezTo>
                          <a:pt x="395135" y="157739"/>
                          <a:pt x="374402" y="152040"/>
                          <a:pt x="354397" y="146463"/>
                        </a:cubicBezTo>
                        <a:cubicBezTo>
                          <a:pt x="341303" y="142826"/>
                          <a:pt x="328693" y="139310"/>
                          <a:pt x="317660" y="136642"/>
                        </a:cubicBezTo>
                        <a:cubicBezTo>
                          <a:pt x="317054" y="136521"/>
                          <a:pt x="316569" y="136642"/>
                          <a:pt x="315963" y="136642"/>
                        </a:cubicBezTo>
                        <a:cubicBezTo>
                          <a:pt x="315478" y="136642"/>
                          <a:pt x="314993" y="136279"/>
                          <a:pt x="314386" y="136279"/>
                        </a:cubicBezTo>
                        <a:cubicBezTo>
                          <a:pt x="314023" y="136279"/>
                          <a:pt x="313780" y="136400"/>
                          <a:pt x="313416" y="136521"/>
                        </a:cubicBezTo>
                        <a:cubicBezTo>
                          <a:pt x="312447" y="136521"/>
                          <a:pt x="311598" y="136764"/>
                          <a:pt x="310749" y="137127"/>
                        </a:cubicBezTo>
                        <a:cubicBezTo>
                          <a:pt x="310021" y="137370"/>
                          <a:pt x="309173" y="137612"/>
                          <a:pt x="308445" y="137976"/>
                        </a:cubicBezTo>
                        <a:cubicBezTo>
                          <a:pt x="307718" y="138340"/>
                          <a:pt x="306990" y="138825"/>
                          <a:pt x="306263" y="139431"/>
                        </a:cubicBezTo>
                        <a:cubicBezTo>
                          <a:pt x="305536" y="139916"/>
                          <a:pt x="304929" y="140401"/>
                          <a:pt x="304444" y="141128"/>
                        </a:cubicBezTo>
                        <a:cubicBezTo>
                          <a:pt x="303959" y="141735"/>
                          <a:pt x="303474" y="142462"/>
                          <a:pt x="303111" y="143190"/>
                        </a:cubicBezTo>
                        <a:cubicBezTo>
                          <a:pt x="302626" y="144038"/>
                          <a:pt x="302262" y="144766"/>
                          <a:pt x="301898" y="145614"/>
                        </a:cubicBezTo>
                        <a:cubicBezTo>
                          <a:pt x="301898" y="145978"/>
                          <a:pt x="301534" y="146221"/>
                          <a:pt x="301413" y="146584"/>
                        </a:cubicBezTo>
                        <a:cubicBezTo>
                          <a:pt x="301292" y="147069"/>
                          <a:pt x="301413" y="147676"/>
                          <a:pt x="301413" y="148161"/>
                        </a:cubicBezTo>
                        <a:cubicBezTo>
                          <a:pt x="301413" y="148767"/>
                          <a:pt x="301050" y="149252"/>
                          <a:pt x="301050" y="149737"/>
                        </a:cubicBezTo>
                        <a:lnTo>
                          <a:pt x="301050" y="366764"/>
                        </a:lnTo>
                        <a:cubicBezTo>
                          <a:pt x="301050" y="374160"/>
                          <a:pt x="306990" y="380101"/>
                          <a:pt x="314386" y="380101"/>
                        </a:cubicBezTo>
                        <a:cubicBezTo>
                          <a:pt x="321782" y="380101"/>
                          <a:pt x="327723" y="374160"/>
                          <a:pt x="327723" y="366764"/>
                        </a:cubicBezTo>
                        <a:lnTo>
                          <a:pt x="327723" y="167075"/>
                        </a:lnTo>
                        <a:cubicBezTo>
                          <a:pt x="334028" y="168772"/>
                          <a:pt x="340575" y="170591"/>
                          <a:pt x="347244" y="172409"/>
                        </a:cubicBezTo>
                        <a:cubicBezTo>
                          <a:pt x="367613" y="178108"/>
                          <a:pt x="388830" y="183928"/>
                          <a:pt x="406047" y="187565"/>
                        </a:cubicBezTo>
                        <a:cubicBezTo>
                          <a:pt x="428962" y="192415"/>
                          <a:pt x="454909" y="186959"/>
                          <a:pt x="477824" y="171924"/>
                        </a:cubicBezTo>
                        <a:lnTo>
                          <a:pt x="545114" y="120638"/>
                        </a:lnTo>
                        <a:cubicBezTo>
                          <a:pt x="549843" y="117243"/>
                          <a:pt x="554086" y="113485"/>
                          <a:pt x="557724" y="109605"/>
                        </a:cubicBezTo>
                        <a:cubicBezTo>
                          <a:pt x="559178" y="113363"/>
                          <a:pt x="560633" y="116879"/>
                          <a:pt x="561482" y="119183"/>
                        </a:cubicBezTo>
                        <a:lnTo>
                          <a:pt x="562088" y="120759"/>
                        </a:lnTo>
                        <a:cubicBezTo>
                          <a:pt x="562088" y="120759"/>
                          <a:pt x="562452" y="121972"/>
                          <a:pt x="562695" y="122578"/>
                        </a:cubicBezTo>
                        <a:cubicBezTo>
                          <a:pt x="575547" y="155072"/>
                          <a:pt x="588156" y="225878"/>
                          <a:pt x="588156" y="239700"/>
                        </a:cubicBezTo>
                        <a:cubicBezTo>
                          <a:pt x="587671" y="249884"/>
                          <a:pt x="562210" y="288683"/>
                          <a:pt x="539901" y="290016"/>
                        </a:cubicBezTo>
                        <a:lnTo>
                          <a:pt x="535900" y="289289"/>
                        </a:lnTo>
                        <a:lnTo>
                          <a:pt x="535900" y="200538"/>
                        </a:lnTo>
                        <a:cubicBezTo>
                          <a:pt x="535900" y="193142"/>
                          <a:pt x="529959" y="187201"/>
                          <a:pt x="522563" y="187201"/>
                        </a:cubicBezTo>
                        <a:cubicBezTo>
                          <a:pt x="515167" y="187201"/>
                          <a:pt x="509226" y="193142"/>
                          <a:pt x="509226" y="200538"/>
                        </a:cubicBezTo>
                        <a:lnTo>
                          <a:pt x="509226" y="367006"/>
                        </a:lnTo>
                        <a:cubicBezTo>
                          <a:pt x="509226" y="374402"/>
                          <a:pt x="515167" y="380343"/>
                          <a:pt x="522563" y="380343"/>
                        </a:cubicBezTo>
                        <a:cubicBezTo>
                          <a:pt x="529959" y="380343"/>
                          <a:pt x="535900" y="374402"/>
                          <a:pt x="535900" y="367006"/>
                        </a:cubicBezTo>
                        <a:lnTo>
                          <a:pt x="535900" y="316448"/>
                        </a:lnTo>
                        <a:lnTo>
                          <a:pt x="536263" y="316448"/>
                        </a:lnTo>
                        <a:cubicBezTo>
                          <a:pt x="537112" y="316690"/>
                          <a:pt x="537961" y="316811"/>
                          <a:pt x="538810" y="316811"/>
                        </a:cubicBezTo>
                        <a:cubicBezTo>
                          <a:pt x="578699" y="316811"/>
                          <a:pt x="614830" y="261403"/>
                          <a:pt x="614830" y="239943"/>
                        </a:cubicBezTo>
                        <a:cubicBezTo>
                          <a:pt x="614830" y="222241"/>
                          <a:pt x="601614" y="150222"/>
                          <a:pt x="588277" y="114940"/>
                        </a:cubicBezTo>
                        <a:close/>
                        <a:moveTo>
                          <a:pt x="435873" y="67412"/>
                        </a:moveTo>
                        <a:cubicBezTo>
                          <a:pt x="428235" y="72019"/>
                          <a:pt x="425689" y="73595"/>
                          <a:pt x="410169" y="69352"/>
                        </a:cubicBezTo>
                        <a:cubicBezTo>
                          <a:pt x="409684" y="69231"/>
                          <a:pt x="364097" y="53954"/>
                          <a:pt x="332331" y="41951"/>
                        </a:cubicBezTo>
                        <a:cubicBezTo>
                          <a:pt x="356579" y="32494"/>
                          <a:pt x="385193" y="26795"/>
                          <a:pt x="411745" y="26795"/>
                        </a:cubicBezTo>
                        <a:cubicBezTo>
                          <a:pt x="411745" y="26795"/>
                          <a:pt x="411867" y="26795"/>
                          <a:pt x="411988" y="26795"/>
                        </a:cubicBezTo>
                        <a:cubicBezTo>
                          <a:pt x="435388" y="26795"/>
                          <a:pt x="460001" y="30917"/>
                          <a:pt x="481703" y="38071"/>
                        </a:cubicBezTo>
                        <a:cubicBezTo>
                          <a:pt x="481461" y="38313"/>
                          <a:pt x="481219" y="38435"/>
                          <a:pt x="480976" y="38556"/>
                        </a:cubicBezTo>
                        <a:cubicBezTo>
                          <a:pt x="480612" y="38798"/>
                          <a:pt x="449089" y="59531"/>
                          <a:pt x="435873" y="67412"/>
                        </a:cubicBezTo>
                        <a:close/>
                      </a:path>
                    </a:pathLst>
                  </a:custGeom>
                  <a:solidFill>
                    <a:srgbClr val="265A9A"/>
                  </a:solidFill>
                  <a:ln w="12102" cap="flat">
                    <a:noFill/>
                    <a:prstDash val="solid"/>
                    <a:miter/>
                  </a:ln>
                </p:spPr>
                <p:txBody>
                  <a:bodyPr rtlCol="0" anchor="ctr"/>
                  <a:lstStyle/>
                  <a:p>
                    <a:endParaRPr lang="en-AU"/>
                  </a:p>
                </p:txBody>
              </p:sp>
            </p:grpSp>
          </p:grpSp>
          <p:grpSp>
            <p:nvGrpSpPr>
              <p:cNvPr id="1131" name="Group 1130">
                <a:extLst>
                  <a:ext uri="{FF2B5EF4-FFF2-40B4-BE49-F238E27FC236}">
                    <a16:creationId xmlns:a16="http://schemas.microsoft.com/office/drawing/2014/main" id="{84FB0101-288D-E56F-B2A1-4DB2BAA69F11}"/>
                  </a:ext>
                </a:extLst>
              </p:cNvPr>
              <p:cNvGrpSpPr/>
              <p:nvPr/>
            </p:nvGrpSpPr>
            <p:grpSpPr>
              <a:xfrm>
                <a:off x="3490761" y="5002425"/>
                <a:ext cx="551808" cy="538048"/>
                <a:chOff x="3254787" y="2190307"/>
                <a:chExt cx="419481" cy="419098"/>
              </a:xfrm>
            </p:grpSpPr>
            <p:sp>
              <p:nvSpPr>
                <p:cNvPr id="1132" name="Graphic 2">
                  <a:extLst>
                    <a:ext uri="{FF2B5EF4-FFF2-40B4-BE49-F238E27FC236}">
                      <a16:creationId xmlns:a16="http://schemas.microsoft.com/office/drawing/2014/main" id="{AF82DBAB-60D9-CAE8-4BCA-CF60496156A8}"/>
                    </a:ext>
                  </a:extLst>
                </p:cNvPr>
                <p:cNvSpPr/>
                <p:nvPr/>
              </p:nvSpPr>
              <p:spPr>
                <a:xfrm>
                  <a:off x="3321558" y="2205640"/>
                  <a:ext cx="182213" cy="70008"/>
                </a:xfrm>
                <a:custGeom>
                  <a:avLst/>
                  <a:gdLst>
                    <a:gd name="connsiteX0" fmla="*/ 119729 w 182213"/>
                    <a:gd name="connsiteY0" fmla="*/ 22193 h 70008"/>
                    <a:gd name="connsiteX1" fmla="*/ 119729 w 182213"/>
                    <a:gd name="connsiteY1" fmla="*/ 0 h 70008"/>
                    <a:gd name="connsiteX2" fmla="*/ 59150 w 182213"/>
                    <a:gd name="connsiteY2" fmla="*/ 0 h 70008"/>
                    <a:gd name="connsiteX3" fmla="*/ 59150 w 182213"/>
                    <a:gd name="connsiteY3" fmla="*/ 22193 h 70008"/>
                    <a:gd name="connsiteX4" fmla="*/ 0 w 182213"/>
                    <a:gd name="connsiteY4" fmla="*/ 22193 h 70008"/>
                    <a:gd name="connsiteX5" fmla="*/ 0 w 182213"/>
                    <a:gd name="connsiteY5" fmla="*/ 70009 h 70008"/>
                    <a:gd name="connsiteX6" fmla="*/ 182213 w 182213"/>
                    <a:gd name="connsiteY6" fmla="*/ 70009 h 70008"/>
                    <a:gd name="connsiteX7" fmla="*/ 182213 w 182213"/>
                    <a:gd name="connsiteY7" fmla="*/ 22193 h 70008"/>
                    <a:gd name="connsiteX8" fmla="*/ 119729 w 182213"/>
                    <a:gd name="connsiteY8" fmla="*/ 22193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213" h="70008">
                      <a:moveTo>
                        <a:pt x="119729" y="22193"/>
                      </a:moveTo>
                      <a:lnTo>
                        <a:pt x="119729" y="0"/>
                      </a:lnTo>
                      <a:lnTo>
                        <a:pt x="59150" y="0"/>
                      </a:lnTo>
                      <a:lnTo>
                        <a:pt x="59150" y="22193"/>
                      </a:lnTo>
                      <a:lnTo>
                        <a:pt x="0" y="22193"/>
                      </a:lnTo>
                      <a:lnTo>
                        <a:pt x="0" y="70009"/>
                      </a:lnTo>
                      <a:lnTo>
                        <a:pt x="182213" y="70009"/>
                      </a:lnTo>
                      <a:lnTo>
                        <a:pt x="182213" y="22193"/>
                      </a:lnTo>
                      <a:lnTo>
                        <a:pt x="119729" y="22193"/>
                      </a:lnTo>
                      <a:close/>
                    </a:path>
                  </a:pathLst>
                </a:custGeom>
                <a:solidFill>
                  <a:srgbClr val="66B9DA"/>
                </a:solidFill>
                <a:ln w="9525" cap="flat">
                  <a:noFill/>
                  <a:prstDash val="solid"/>
                  <a:miter/>
                </a:ln>
              </p:spPr>
              <p:txBody>
                <a:bodyPr rtlCol="0" anchor="ctr"/>
                <a:lstStyle/>
                <a:p>
                  <a:endParaRPr lang="en-AU" sz="153"/>
                </a:p>
              </p:txBody>
            </p:sp>
            <p:sp>
              <p:nvSpPr>
                <p:cNvPr id="1133" name="Graphic 2">
                  <a:extLst>
                    <a:ext uri="{FF2B5EF4-FFF2-40B4-BE49-F238E27FC236}">
                      <a16:creationId xmlns:a16="http://schemas.microsoft.com/office/drawing/2014/main" id="{F151A449-6D1A-C116-287C-D304CF9B431B}"/>
                    </a:ext>
                  </a:extLst>
                </p:cNvPr>
                <p:cNvSpPr/>
                <p:nvPr/>
              </p:nvSpPr>
              <p:spPr>
                <a:xfrm>
                  <a:off x="3614451" y="2294509"/>
                  <a:ext cx="51149" cy="221456"/>
                </a:xfrm>
                <a:custGeom>
                  <a:avLst/>
                  <a:gdLst>
                    <a:gd name="connsiteX0" fmla="*/ 0 w 51149"/>
                    <a:gd name="connsiteY0" fmla="*/ 0 h 221456"/>
                    <a:gd name="connsiteX1" fmla="*/ 51149 w 51149"/>
                    <a:gd name="connsiteY1" fmla="*/ 0 h 221456"/>
                    <a:gd name="connsiteX2" fmla="*/ 51149 w 51149"/>
                    <a:gd name="connsiteY2" fmla="*/ 221456 h 221456"/>
                    <a:gd name="connsiteX3" fmla="*/ 0 w 51149"/>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149" h="221456">
                      <a:moveTo>
                        <a:pt x="0" y="0"/>
                      </a:moveTo>
                      <a:lnTo>
                        <a:pt x="51149" y="0"/>
                      </a:lnTo>
                      <a:lnTo>
                        <a:pt x="51149" y="221456"/>
                      </a:lnTo>
                      <a:lnTo>
                        <a:pt x="0" y="221456"/>
                      </a:lnTo>
                      <a:close/>
                    </a:path>
                  </a:pathLst>
                </a:custGeom>
                <a:solidFill>
                  <a:srgbClr val="C7E4F1"/>
                </a:solidFill>
                <a:ln w="9525" cap="flat">
                  <a:noFill/>
                  <a:prstDash val="solid"/>
                  <a:miter/>
                </a:ln>
              </p:spPr>
              <p:txBody>
                <a:bodyPr rtlCol="0" anchor="ctr"/>
                <a:lstStyle/>
                <a:p>
                  <a:endParaRPr lang="en-AU" sz="153"/>
                </a:p>
              </p:txBody>
            </p:sp>
            <p:sp>
              <p:nvSpPr>
                <p:cNvPr id="1134" name="Graphic 2">
                  <a:extLst>
                    <a:ext uri="{FF2B5EF4-FFF2-40B4-BE49-F238E27FC236}">
                      <a16:creationId xmlns:a16="http://schemas.microsoft.com/office/drawing/2014/main" id="{FC161473-F6BF-36D4-74A1-E70AD80D87F1}"/>
                    </a:ext>
                  </a:extLst>
                </p:cNvPr>
                <p:cNvSpPr/>
                <p:nvPr/>
              </p:nvSpPr>
              <p:spPr>
                <a:xfrm>
                  <a:off x="3254787" y="2190307"/>
                  <a:ext cx="312515" cy="419097"/>
                </a:xfrm>
                <a:custGeom>
                  <a:avLst/>
                  <a:gdLst>
                    <a:gd name="connsiteX0" fmla="*/ 22384 w 312515"/>
                    <a:gd name="connsiteY0" fmla="*/ 419098 h 419097"/>
                    <a:gd name="connsiteX1" fmla="*/ 0 w 312515"/>
                    <a:gd name="connsiteY1" fmla="*/ 396714 h 419097"/>
                    <a:gd name="connsiteX2" fmla="*/ 0 w 312515"/>
                    <a:gd name="connsiteY2" fmla="*/ 75817 h 419097"/>
                    <a:gd name="connsiteX3" fmla="*/ 22384 w 312515"/>
                    <a:gd name="connsiteY3" fmla="*/ 53433 h 419097"/>
                    <a:gd name="connsiteX4" fmla="*/ 49054 w 312515"/>
                    <a:gd name="connsiteY4" fmla="*/ 53433 h 419097"/>
                    <a:gd name="connsiteX5" fmla="*/ 53435 w 312515"/>
                    <a:gd name="connsiteY5" fmla="*/ 49242 h 419097"/>
                    <a:gd name="connsiteX6" fmla="*/ 53435 w 312515"/>
                    <a:gd name="connsiteY6" fmla="*/ 49052 h 419097"/>
                    <a:gd name="connsiteX7" fmla="*/ 53435 w 312515"/>
                    <a:gd name="connsiteY7" fmla="*/ 35716 h 419097"/>
                    <a:gd name="connsiteX8" fmla="*/ 62484 w 312515"/>
                    <a:gd name="connsiteY8" fmla="*/ 26763 h 419097"/>
                    <a:gd name="connsiteX9" fmla="*/ 110109 w 312515"/>
                    <a:gd name="connsiteY9" fmla="*/ 26763 h 419097"/>
                    <a:gd name="connsiteX10" fmla="*/ 113919 w 312515"/>
                    <a:gd name="connsiteY10" fmla="*/ 24572 h 419097"/>
                    <a:gd name="connsiteX11" fmla="*/ 180461 w 312515"/>
                    <a:gd name="connsiteY11" fmla="*/ 6437 h 419097"/>
                    <a:gd name="connsiteX12" fmla="*/ 198596 w 312515"/>
                    <a:gd name="connsiteY12" fmla="*/ 24572 h 419097"/>
                    <a:gd name="connsiteX13" fmla="*/ 202406 w 312515"/>
                    <a:gd name="connsiteY13" fmla="*/ 26763 h 419097"/>
                    <a:gd name="connsiteX14" fmla="*/ 250031 w 312515"/>
                    <a:gd name="connsiteY14" fmla="*/ 26763 h 419097"/>
                    <a:gd name="connsiteX15" fmla="*/ 258985 w 312515"/>
                    <a:gd name="connsiteY15" fmla="*/ 35716 h 419097"/>
                    <a:gd name="connsiteX16" fmla="*/ 258985 w 312515"/>
                    <a:gd name="connsiteY16" fmla="*/ 49052 h 419097"/>
                    <a:gd name="connsiteX17" fmla="*/ 263366 w 312515"/>
                    <a:gd name="connsiteY17" fmla="*/ 53433 h 419097"/>
                    <a:gd name="connsiteX18" fmla="*/ 290132 w 312515"/>
                    <a:gd name="connsiteY18" fmla="*/ 53433 h 419097"/>
                    <a:gd name="connsiteX19" fmla="*/ 312515 w 312515"/>
                    <a:gd name="connsiteY19" fmla="*/ 75817 h 419097"/>
                    <a:gd name="connsiteX20" fmla="*/ 312515 w 312515"/>
                    <a:gd name="connsiteY20" fmla="*/ 396714 h 419097"/>
                    <a:gd name="connsiteX21" fmla="*/ 290132 w 312515"/>
                    <a:gd name="connsiteY21" fmla="*/ 419098 h 419097"/>
                    <a:gd name="connsiteX22" fmla="*/ 22384 w 312515"/>
                    <a:gd name="connsiteY22" fmla="*/ 71435 h 419097"/>
                    <a:gd name="connsiteX23" fmla="*/ 18002 w 312515"/>
                    <a:gd name="connsiteY23" fmla="*/ 75817 h 419097"/>
                    <a:gd name="connsiteX24" fmla="*/ 18002 w 312515"/>
                    <a:gd name="connsiteY24" fmla="*/ 396714 h 419097"/>
                    <a:gd name="connsiteX25" fmla="*/ 22193 w 312515"/>
                    <a:gd name="connsiteY25" fmla="*/ 401095 h 419097"/>
                    <a:gd name="connsiteX26" fmla="*/ 22384 w 312515"/>
                    <a:gd name="connsiteY26" fmla="*/ 401095 h 419097"/>
                    <a:gd name="connsiteX27" fmla="*/ 289751 w 312515"/>
                    <a:gd name="connsiteY27" fmla="*/ 401095 h 419097"/>
                    <a:gd name="connsiteX28" fmla="*/ 294132 w 312515"/>
                    <a:gd name="connsiteY28" fmla="*/ 396904 h 419097"/>
                    <a:gd name="connsiteX29" fmla="*/ 294132 w 312515"/>
                    <a:gd name="connsiteY29" fmla="*/ 396714 h 419097"/>
                    <a:gd name="connsiteX30" fmla="*/ 294132 w 312515"/>
                    <a:gd name="connsiteY30" fmla="*/ 75817 h 419097"/>
                    <a:gd name="connsiteX31" fmla="*/ 289751 w 312515"/>
                    <a:gd name="connsiteY31" fmla="*/ 71435 h 419097"/>
                    <a:gd name="connsiteX32" fmla="*/ 262985 w 312515"/>
                    <a:gd name="connsiteY32" fmla="*/ 71435 h 419097"/>
                    <a:gd name="connsiteX33" fmla="*/ 258604 w 312515"/>
                    <a:gd name="connsiteY33" fmla="*/ 75817 h 419097"/>
                    <a:gd name="connsiteX34" fmla="*/ 258604 w 312515"/>
                    <a:gd name="connsiteY34" fmla="*/ 89342 h 419097"/>
                    <a:gd name="connsiteX35" fmla="*/ 249650 w 312515"/>
                    <a:gd name="connsiteY35" fmla="*/ 98867 h 419097"/>
                    <a:gd name="connsiteX36" fmla="*/ 62484 w 312515"/>
                    <a:gd name="connsiteY36" fmla="*/ 98867 h 419097"/>
                    <a:gd name="connsiteX37" fmla="*/ 53435 w 312515"/>
                    <a:gd name="connsiteY37" fmla="*/ 89342 h 419097"/>
                    <a:gd name="connsiteX38" fmla="*/ 53435 w 312515"/>
                    <a:gd name="connsiteY38" fmla="*/ 76007 h 419097"/>
                    <a:gd name="connsiteX39" fmla="*/ 49054 w 312515"/>
                    <a:gd name="connsiteY39" fmla="*/ 71626 h 419097"/>
                    <a:gd name="connsiteX40" fmla="*/ 75819 w 312515"/>
                    <a:gd name="connsiteY40" fmla="*/ 44670 h 419097"/>
                    <a:gd name="connsiteX41" fmla="*/ 71438 w 312515"/>
                    <a:gd name="connsiteY41" fmla="*/ 49052 h 419097"/>
                    <a:gd name="connsiteX42" fmla="*/ 71438 w 312515"/>
                    <a:gd name="connsiteY42" fmla="*/ 75817 h 419097"/>
                    <a:gd name="connsiteX43" fmla="*/ 75819 w 312515"/>
                    <a:gd name="connsiteY43" fmla="*/ 80198 h 419097"/>
                    <a:gd name="connsiteX44" fmla="*/ 236315 w 312515"/>
                    <a:gd name="connsiteY44" fmla="*/ 80198 h 419097"/>
                    <a:gd name="connsiteX45" fmla="*/ 240697 w 312515"/>
                    <a:gd name="connsiteY45" fmla="*/ 75817 h 419097"/>
                    <a:gd name="connsiteX46" fmla="*/ 240697 w 312515"/>
                    <a:gd name="connsiteY46" fmla="*/ 49052 h 419097"/>
                    <a:gd name="connsiteX47" fmla="*/ 236315 w 312515"/>
                    <a:gd name="connsiteY47" fmla="*/ 44670 h 419097"/>
                    <a:gd name="connsiteX48" fmla="*/ 193738 w 312515"/>
                    <a:gd name="connsiteY48" fmla="*/ 44670 h 419097"/>
                    <a:gd name="connsiteX49" fmla="*/ 185261 w 312515"/>
                    <a:gd name="connsiteY49" fmla="*/ 38765 h 419097"/>
                    <a:gd name="connsiteX50" fmla="*/ 146066 w 312515"/>
                    <a:gd name="connsiteY50" fmla="*/ 19572 h 419097"/>
                    <a:gd name="connsiteX51" fmla="*/ 126873 w 312515"/>
                    <a:gd name="connsiteY51" fmla="*/ 38765 h 419097"/>
                    <a:gd name="connsiteX52" fmla="*/ 118396 w 312515"/>
                    <a:gd name="connsiteY52" fmla="*/ 44670 h 419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515" h="419097">
                      <a:moveTo>
                        <a:pt x="22384" y="419098"/>
                      </a:moveTo>
                      <a:cubicBezTo>
                        <a:pt x="10020" y="419098"/>
                        <a:pt x="0" y="409077"/>
                        <a:pt x="0" y="396714"/>
                      </a:cubicBezTo>
                      <a:lnTo>
                        <a:pt x="0" y="75817"/>
                      </a:lnTo>
                      <a:cubicBezTo>
                        <a:pt x="0" y="63453"/>
                        <a:pt x="10020" y="53433"/>
                        <a:pt x="22384" y="53433"/>
                      </a:cubicBezTo>
                      <a:lnTo>
                        <a:pt x="49054" y="53433"/>
                      </a:lnTo>
                      <a:cubicBezTo>
                        <a:pt x="51416" y="53490"/>
                        <a:pt x="53378" y="51614"/>
                        <a:pt x="53435" y="49242"/>
                      </a:cubicBezTo>
                      <a:cubicBezTo>
                        <a:pt x="53435" y="49175"/>
                        <a:pt x="53435" y="49118"/>
                        <a:pt x="53435" y="49052"/>
                      </a:cubicBezTo>
                      <a:lnTo>
                        <a:pt x="53435" y="35716"/>
                      </a:lnTo>
                      <a:cubicBezTo>
                        <a:pt x="53721" y="30859"/>
                        <a:pt x="57626" y="27001"/>
                        <a:pt x="62484" y="26763"/>
                      </a:cubicBezTo>
                      <a:lnTo>
                        <a:pt x="110109" y="26763"/>
                      </a:lnTo>
                      <a:cubicBezTo>
                        <a:pt x="111671" y="26753"/>
                        <a:pt x="113119" y="25915"/>
                        <a:pt x="113919" y="24572"/>
                      </a:cubicBezTo>
                      <a:cubicBezTo>
                        <a:pt x="127283" y="1188"/>
                        <a:pt x="157077" y="-6927"/>
                        <a:pt x="180461" y="6437"/>
                      </a:cubicBezTo>
                      <a:cubicBezTo>
                        <a:pt x="188014" y="10751"/>
                        <a:pt x="194281" y="17019"/>
                        <a:pt x="198596" y="24572"/>
                      </a:cubicBezTo>
                      <a:cubicBezTo>
                        <a:pt x="199377" y="25934"/>
                        <a:pt x="200835" y="26773"/>
                        <a:pt x="202406" y="26763"/>
                      </a:cubicBezTo>
                      <a:lnTo>
                        <a:pt x="250031" y="26763"/>
                      </a:lnTo>
                      <a:cubicBezTo>
                        <a:pt x="254975" y="26763"/>
                        <a:pt x="258985" y="30773"/>
                        <a:pt x="258985" y="35716"/>
                      </a:cubicBezTo>
                      <a:lnTo>
                        <a:pt x="258985" y="49052"/>
                      </a:lnTo>
                      <a:cubicBezTo>
                        <a:pt x="258985" y="51471"/>
                        <a:pt x="260947" y="53433"/>
                        <a:pt x="263366" y="53433"/>
                      </a:cubicBezTo>
                      <a:lnTo>
                        <a:pt x="290132" y="53433"/>
                      </a:lnTo>
                      <a:cubicBezTo>
                        <a:pt x="302495" y="53433"/>
                        <a:pt x="312515" y="63453"/>
                        <a:pt x="312515" y="75817"/>
                      </a:cubicBezTo>
                      <a:lnTo>
                        <a:pt x="312515" y="396714"/>
                      </a:lnTo>
                      <a:cubicBezTo>
                        <a:pt x="312515" y="409077"/>
                        <a:pt x="302495" y="419098"/>
                        <a:pt x="290132" y="419098"/>
                      </a:cubicBezTo>
                      <a:close/>
                      <a:moveTo>
                        <a:pt x="22384" y="71435"/>
                      </a:moveTo>
                      <a:cubicBezTo>
                        <a:pt x="19964" y="71435"/>
                        <a:pt x="18002" y="73397"/>
                        <a:pt x="18002" y="75817"/>
                      </a:cubicBezTo>
                      <a:lnTo>
                        <a:pt x="18002" y="396714"/>
                      </a:lnTo>
                      <a:cubicBezTo>
                        <a:pt x="17945" y="399076"/>
                        <a:pt x="19821" y="401038"/>
                        <a:pt x="22193" y="401095"/>
                      </a:cubicBezTo>
                      <a:cubicBezTo>
                        <a:pt x="22260" y="401095"/>
                        <a:pt x="22317" y="401095"/>
                        <a:pt x="22384" y="401095"/>
                      </a:cubicBezTo>
                      <a:lnTo>
                        <a:pt x="289751" y="401095"/>
                      </a:lnTo>
                      <a:cubicBezTo>
                        <a:pt x="292113" y="401153"/>
                        <a:pt x="294075" y="399276"/>
                        <a:pt x="294132" y="396904"/>
                      </a:cubicBezTo>
                      <a:cubicBezTo>
                        <a:pt x="294132" y="396838"/>
                        <a:pt x="294132" y="396781"/>
                        <a:pt x="294132" y="396714"/>
                      </a:cubicBezTo>
                      <a:lnTo>
                        <a:pt x="294132" y="75817"/>
                      </a:lnTo>
                      <a:cubicBezTo>
                        <a:pt x="294132" y="73397"/>
                        <a:pt x="292170" y="71435"/>
                        <a:pt x="289751" y="71435"/>
                      </a:cubicBezTo>
                      <a:lnTo>
                        <a:pt x="262985" y="71435"/>
                      </a:lnTo>
                      <a:cubicBezTo>
                        <a:pt x="260585" y="71483"/>
                        <a:pt x="258651" y="73416"/>
                        <a:pt x="258604" y="75817"/>
                      </a:cubicBezTo>
                      <a:lnTo>
                        <a:pt x="258604" y="89342"/>
                      </a:lnTo>
                      <a:cubicBezTo>
                        <a:pt x="258613" y="94391"/>
                        <a:pt x="254689" y="98562"/>
                        <a:pt x="249650" y="98867"/>
                      </a:cubicBezTo>
                      <a:lnTo>
                        <a:pt x="62484" y="98867"/>
                      </a:lnTo>
                      <a:cubicBezTo>
                        <a:pt x="57407" y="98610"/>
                        <a:pt x="53426" y="94419"/>
                        <a:pt x="53435" y="89342"/>
                      </a:cubicBezTo>
                      <a:lnTo>
                        <a:pt x="53435" y="76007"/>
                      </a:lnTo>
                      <a:cubicBezTo>
                        <a:pt x="53435" y="73588"/>
                        <a:pt x="51473" y="71626"/>
                        <a:pt x="49054" y="71626"/>
                      </a:cubicBezTo>
                      <a:close/>
                      <a:moveTo>
                        <a:pt x="75819" y="44670"/>
                      </a:moveTo>
                      <a:cubicBezTo>
                        <a:pt x="73419" y="44718"/>
                        <a:pt x="71485" y="46651"/>
                        <a:pt x="71438" y="49052"/>
                      </a:cubicBezTo>
                      <a:lnTo>
                        <a:pt x="71438" y="75817"/>
                      </a:lnTo>
                      <a:cubicBezTo>
                        <a:pt x="71438" y="78236"/>
                        <a:pt x="73400" y="80198"/>
                        <a:pt x="75819" y="80198"/>
                      </a:cubicBezTo>
                      <a:lnTo>
                        <a:pt x="236315" y="80198"/>
                      </a:lnTo>
                      <a:cubicBezTo>
                        <a:pt x="238735" y="80198"/>
                        <a:pt x="240697" y="78236"/>
                        <a:pt x="240697" y="75817"/>
                      </a:cubicBezTo>
                      <a:lnTo>
                        <a:pt x="240697" y="49052"/>
                      </a:lnTo>
                      <a:cubicBezTo>
                        <a:pt x="240649" y="46651"/>
                        <a:pt x="238716" y="44718"/>
                        <a:pt x="236315" y="44670"/>
                      </a:cubicBezTo>
                      <a:lnTo>
                        <a:pt x="193738" y="44670"/>
                      </a:lnTo>
                      <a:cubicBezTo>
                        <a:pt x="189948" y="44699"/>
                        <a:pt x="186547" y="42327"/>
                        <a:pt x="185261" y="38765"/>
                      </a:cubicBezTo>
                      <a:cubicBezTo>
                        <a:pt x="179737" y="22639"/>
                        <a:pt x="162182" y="14047"/>
                        <a:pt x="146066" y="19572"/>
                      </a:cubicBezTo>
                      <a:cubicBezTo>
                        <a:pt x="137046" y="22667"/>
                        <a:pt x="129959" y="29744"/>
                        <a:pt x="126873" y="38765"/>
                      </a:cubicBezTo>
                      <a:cubicBezTo>
                        <a:pt x="125454" y="42232"/>
                        <a:pt x="122139" y="44537"/>
                        <a:pt x="118396" y="44670"/>
                      </a:cubicBezTo>
                      <a:close/>
                    </a:path>
                  </a:pathLst>
                </a:custGeom>
                <a:solidFill>
                  <a:schemeClr val="bg2"/>
                </a:solidFill>
                <a:ln w="9525" cap="flat">
                  <a:noFill/>
                  <a:prstDash val="solid"/>
                  <a:miter/>
                </a:ln>
              </p:spPr>
              <p:txBody>
                <a:bodyPr rtlCol="0" anchor="ctr"/>
                <a:lstStyle/>
                <a:p>
                  <a:endParaRPr lang="en-AU" sz="153"/>
                </a:p>
              </p:txBody>
            </p:sp>
            <p:sp>
              <p:nvSpPr>
                <p:cNvPr id="1135" name="Graphic 2">
                  <a:extLst>
                    <a:ext uri="{FF2B5EF4-FFF2-40B4-BE49-F238E27FC236}">
                      <a16:creationId xmlns:a16="http://schemas.microsoft.com/office/drawing/2014/main" id="{73B078DC-B714-7E09-1594-420C34990DE7}"/>
                    </a:ext>
                  </a:extLst>
                </p:cNvPr>
                <p:cNvSpPr/>
                <p:nvPr/>
              </p:nvSpPr>
              <p:spPr>
                <a:xfrm>
                  <a:off x="3429448" y="2350706"/>
                  <a:ext cx="82923" cy="18002"/>
                </a:xfrm>
                <a:custGeom>
                  <a:avLst/>
                  <a:gdLst>
                    <a:gd name="connsiteX0" fmla="*/ 8124 w 82923"/>
                    <a:gd name="connsiteY0" fmla="*/ 18002 h 18002"/>
                    <a:gd name="connsiteX1" fmla="*/ 47 w 82923"/>
                    <a:gd name="connsiteY1" fmla="*/ 8077 h 18002"/>
                    <a:gd name="connsiteX2" fmla="*/ 8124 w 82923"/>
                    <a:gd name="connsiteY2" fmla="*/ 0 h 18002"/>
                    <a:gd name="connsiteX3" fmla="*/ 74799 w 82923"/>
                    <a:gd name="connsiteY3" fmla="*/ 0 h 18002"/>
                    <a:gd name="connsiteX4" fmla="*/ 82876 w 82923"/>
                    <a:gd name="connsiteY4" fmla="*/ 9925 h 18002"/>
                    <a:gd name="connsiteX5" fmla="*/ 74799 w 82923"/>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2923" h="18002">
                      <a:moveTo>
                        <a:pt x="8124" y="18002"/>
                      </a:moveTo>
                      <a:cubicBezTo>
                        <a:pt x="3152" y="17488"/>
                        <a:pt x="-458" y="13049"/>
                        <a:pt x="47" y="8077"/>
                      </a:cubicBezTo>
                      <a:cubicBezTo>
                        <a:pt x="485" y="3810"/>
                        <a:pt x="3857" y="438"/>
                        <a:pt x="8124" y="0"/>
                      </a:cubicBezTo>
                      <a:lnTo>
                        <a:pt x="74799" y="0"/>
                      </a:lnTo>
                      <a:cubicBezTo>
                        <a:pt x="79771" y="514"/>
                        <a:pt x="83381" y="4953"/>
                        <a:pt x="82876" y="9925"/>
                      </a:cubicBezTo>
                      <a:cubicBezTo>
                        <a:pt x="82438" y="14192"/>
                        <a:pt x="79066" y="17564"/>
                        <a:pt x="74799" y="18002"/>
                      </a:cubicBezTo>
                      <a:close/>
                    </a:path>
                  </a:pathLst>
                </a:custGeom>
                <a:solidFill>
                  <a:srgbClr val="265998"/>
                </a:solidFill>
                <a:ln w="9525" cap="flat">
                  <a:noFill/>
                  <a:prstDash val="solid"/>
                  <a:miter/>
                </a:ln>
              </p:spPr>
              <p:txBody>
                <a:bodyPr rtlCol="0" anchor="ctr"/>
                <a:lstStyle/>
                <a:p>
                  <a:endParaRPr lang="en-AU" sz="153"/>
                </a:p>
              </p:txBody>
            </p:sp>
            <p:sp>
              <p:nvSpPr>
                <p:cNvPr id="1136" name="Graphic 2">
                  <a:extLst>
                    <a:ext uri="{FF2B5EF4-FFF2-40B4-BE49-F238E27FC236}">
                      <a16:creationId xmlns:a16="http://schemas.microsoft.com/office/drawing/2014/main" id="{A94C7A93-A0AA-86D4-814B-D0D0ECEF22D6}"/>
                    </a:ext>
                  </a:extLst>
                </p:cNvPr>
                <p:cNvSpPr/>
                <p:nvPr/>
              </p:nvSpPr>
              <p:spPr>
                <a:xfrm>
                  <a:off x="3428618" y="2431002"/>
                  <a:ext cx="84582" cy="17907"/>
                </a:xfrm>
                <a:custGeom>
                  <a:avLst/>
                  <a:gdLst>
                    <a:gd name="connsiteX0" fmla="*/ 8954 w 84582"/>
                    <a:gd name="connsiteY0" fmla="*/ 17907 h 17907"/>
                    <a:gd name="connsiteX1" fmla="*/ 0 w 84582"/>
                    <a:gd name="connsiteY1" fmla="*/ 8954 h 17907"/>
                    <a:gd name="connsiteX2" fmla="*/ 8954 w 84582"/>
                    <a:gd name="connsiteY2" fmla="*/ 0 h 17907"/>
                    <a:gd name="connsiteX3" fmla="*/ 75629 w 84582"/>
                    <a:gd name="connsiteY3" fmla="*/ 0 h 17907"/>
                    <a:gd name="connsiteX4" fmla="*/ 84582 w 84582"/>
                    <a:gd name="connsiteY4" fmla="*/ 8954 h 17907"/>
                    <a:gd name="connsiteX5" fmla="*/ 75629 w 8458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2" h="17907">
                      <a:moveTo>
                        <a:pt x="8954" y="17907"/>
                      </a:moveTo>
                      <a:cubicBezTo>
                        <a:pt x="4010" y="17907"/>
                        <a:pt x="0" y="13897"/>
                        <a:pt x="0" y="8954"/>
                      </a:cubicBezTo>
                      <a:cubicBezTo>
                        <a:pt x="0" y="4010"/>
                        <a:pt x="4010" y="0"/>
                        <a:pt x="8954" y="0"/>
                      </a:cubicBezTo>
                      <a:lnTo>
                        <a:pt x="75629" y="0"/>
                      </a:lnTo>
                      <a:cubicBezTo>
                        <a:pt x="80572" y="0"/>
                        <a:pt x="84582" y="4010"/>
                        <a:pt x="84582" y="8954"/>
                      </a:cubicBezTo>
                      <a:cubicBezTo>
                        <a:pt x="84582" y="13897"/>
                        <a:pt x="80572" y="17907"/>
                        <a:pt x="75629" y="17907"/>
                      </a:cubicBezTo>
                      <a:close/>
                    </a:path>
                  </a:pathLst>
                </a:custGeom>
                <a:solidFill>
                  <a:srgbClr val="265998"/>
                </a:solidFill>
                <a:ln w="9525" cap="flat">
                  <a:noFill/>
                  <a:prstDash val="solid"/>
                  <a:miter/>
                </a:ln>
              </p:spPr>
              <p:txBody>
                <a:bodyPr rtlCol="0" anchor="ctr"/>
                <a:lstStyle/>
                <a:p>
                  <a:endParaRPr lang="en-AU" sz="153"/>
                </a:p>
              </p:txBody>
            </p:sp>
            <p:sp>
              <p:nvSpPr>
                <p:cNvPr id="1137" name="Graphic 2">
                  <a:extLst>
                    <a:ext uri="{FF2B5EF4-FFF2-40B4-BE49-F238E27FC236}">
                      <a16:creationId xmlns:a16="http://schemas.microsoft.com/office/drawing/2014/main" id="{5702DA3E-1F1D-3803-EC90-A51A486DC298}"/>
                    </a:ext>
                  </a:extLst>
                </p:cNvPr>
                <p:cNvSpPr/>
                <p:nvPr/>
              </p:nvSpPr>
              <p:spPr>
                <a:xfrm>
                  <a:off x="3429448" y="2511202"/>
                  <a:ext cx="82923" cy="18002"/>
                </a:xfrm>
                <a:custGeom>
                  <a:avLst/>
                  <a:gdLst>
                    <a:gd name="connsiteX0" fmla="*/ 8124 w 82923"/>
                    <a:gd name="connsiteY0" fmla="*/ 18002 h 18002"/>
                    <a:gd name="connsiteX1" fmla="*/ 47 w 82923"/>
                    <a:gd name="connsiteY1" fmla="*/ 8077 h 18002"/>
                    <a:gd name="connsiteX2" fmla="*/ 8124 w 82923"/>
                    <a:gd name="connsiteY2" fmla="*/ 0 h 18002"/>
                    <a:gd name="connsiteX3" fmla="*/ 74799 w 82923"/>
                    <a:gd name="connsiteY3" fmla="*/ 0 h 18002"/>
                    <a:gd name="connsiteX4" fmla="*/ 82876 w 82923"/>
                    <a:gd name="connsiteY4" fmla="*/ 9925 h 18002"/>
                    <a:gd name="connsiteX5" fmla="*/ 74799 w 82923"/>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2923" h="18002">
                      <a:moveTo>
                        <a:pt x="8124" y="18002"/>
                      </a:moveTo>
                      <a:cubicBezTo>
                        <a:pt x="3152" y="17488"/>
                        <a:pt x="-458" y="13049"/>
                        <a:pt x="47" y="8077"/>
                      </a:cubicBezTo>
                      <a:cubicBezTo>
                        <a:pt x="485" y="3810"/>
                        <a:pt x="3857" y="438"/>
                        <a:pt x="8124" y="0"/>
                      </a:cubicBezTo>
                      <a:lnTo>
                        <a:pt x="74799" y="0"/>
                      </a:lnTo>
                      <a:cubicBezTo>
                        <a:pt x="79771" y="514"/>
                        <a:pt x="83381" y="4953"/>
                        <a:pt x="82876" y="9925"/>
                      </a:cubicBezTo>
                      <a:cubicBezTo>
                        <a:pt x="82438" y="14192"/>
                        <a:pt x="79066" y="17564"/>
                        <a:pt x="74799" y="18002"/>
                      </a:cubicBezTo>
                      <a:close/>
                    </a:path>
                  </a:pathLst>
                </a:custGeom>
                <a:solidFill>
                  <a:srgbClr val="265998"/>
                </a:solidFill>
                <a:ln w="9525" cap="flat">
                  <a:noFill/>
                  <a:prstDash val="solid"/>
                  <a:miter/>
                </a:ln>
              </p:spPr>
              <p:txBody>
                <a:bodyPr rtlCol="0" anchor="ctr"/>
                <a:lstStyle/>
                <a:p>
                  <a:endParaRPr lang="en-AU" sz="153"/>
                </a:p>
              </p:txBody>
            </p:sp>
            <p:sp>
              <p:nvSpPr>
                <p:cNvPr id="1138" name="Graphic 2">
                  <a:extLst>
                    <a:ext uri="{FF2B5EF4-FFF2-40B4-BE49-F238E27FC236}">
                      <a16:creationId xmlns:a16="http://schemas.microsoft.com/office/drawing/2014/main" id="{993925BF-E32A-0430-7627-59923AA9F5A3}"/>
                    </a:ext>
                  </a:extLst>
                </p:cNvPr>
                <p:cNvSpPr/>
                <p:nvPr/>
              </p:nvSpPr>
              <p:spPr>
                <a:xfrm>
                  <a:off x="3602831" y="2243264"/>
                  <a:ext cx="71437" cy="366141"/>
                </a:xfrm>
                <a:custGeom>
                  <a:avLst/>
                  <a:gdLst>
                    <a:gd name="connsiteX0" fmla="*/ 35719 w 71437"/>
                    <a:gd name="connsiteY0" fmla="*/ 366141 h 366141"/>
                    <a:gd name="connsiteX1" fmla="*/ 26765 w 71437"/>
                    <a:gd name="connsiteY1" fmla="*/ 357188 h 366141"/>
                    <a:gd name="connsiteX2" fmla="*/ 26765 w 71437"/>
                    <a:gd name="connsiteY2" fmla="*/ 330422 h 366141"/>
                    <a:gd name="connsiteX3" fmla="*/ 22384 w 71437"/>
                    <a:gd name="connsiteY3" fmla="*/ 326041 h 366141"/>
                    <a:gd name="connsiteX4" fmla="*/ 22288 w 71437"/>
                    <a:gd name="connsiteY4" fmla="*/ 326041 h 366141"/>
                    <a:gd name="connsiteX5" fmla="*/ 13335 w 71437"/>
                    <a:gd name="connsiteY5" fmla="*/ 316992 h 366141"/>
                    <a:gd name="connsiteX6" fmla="*/ 13335 w 71437"/>
                    <a:gd name="connsiteY6" fmla="*/ 290322 h 366141"/>
                    <a:gd name="connsiteX7" fmla="*/ 9144 w 71437"/>
                    <a:gd name="connsiteY7" fmla="*/ 285941 h 366141"/>
                    <a:gd name="connsiteX8" fmla="*/ 8954 w 71437"/>
                    <a:gd name="connsiteY8" fmla="*/ 285941 h 366141"/>
                    <a:gd name="connsiteX9" fmla="*/ 0 w 71437"/>
                    <a:gd name="connsiteY9" fmla="*/ 276892 h 366141"/>
                    <a:gd name="connsiteX10" fmla="*/ 0 w 71437"/>
                    <a:gd name="connsiteY10" fmla="*/ 49625 h 366141"/>
                    <a:gd name="connsiteX11" fmla="*/ 8954 w 71437"/>
                    <a:gd name="connsiteY11" fmla="*/ 40672 h 366141"/>
                    <a:gd name="connsiteX12" fmla="*/ 13335 w 71437"/>
                    <a:gd name="connsiteY12" fmla="*/ 36290 h 366141"/>
                    <a:gd name="connsiteX13" fmla="*/ 13335 w 71437"/>
                    <a:gd name="connsiteY13" fmla="*/ 36195 h 366141"/>
                    <a:gd name="connsiteX14" fmla="*/ 13335 w 71437"/>
                    <a:gd name="connsiteY14" fmla="*/ 9525 h 366141"/>
                    <a:gd name="connsiteX15" fmla="*/ 22288 w 71437"/>
                    <a:gd name="connsiteY15" fmla="*/ 0 h 366141"/>
                    <a:gd name="connsiteX16" fmla="*/ 49054 w 71437"/>
                    <a:gd name="connsiteY16" fmla="*/ 0 h 366141"/>
                    <a:gd name="connsiteX17" fmla="*/ 58103 w 71437"/>
                    <a:gd name="connsiteY17" fmla="*/ 9525 h 366141"/>
                    <a:gd name="connsiteX18" fmla="*/ 58103 w 71437"/>
                    <a:gd name="connsiteY18" fmla="*/ 36386 h 366141"/>
                    <a:gd name="connsiteX19" fmla="*/ 62389 w 71437"/>
                    <a:gd name="connsiteY19" fmla="*/ 40862 h 366141"/>
                    <a:gd name="connsiteX20" fmla="*/ 62484 w 71437"/>
                    <a:gd name="connsiteY20" fmla="*/ 40862 h 366141"/>
                    <a:gd name="connsiteX21" fmla="*/ 71438 w 71437"/>
                    <a:gd name="connsiteY21" fmla="*/ 49816 h 366141"/>
                    <a:gd name="connsiteX22" fmla="*/ 71438 w 71437"/>
                    <a:gd name="connsiteY22" fmla="*/ 277082 h 366141"/>
                    <a:gd name="connsiteX23" fmla="*/ 62484 w 71437"/>
                    <a:gd name="connsiteY23" fmla="*/ 286131 h 366141"/>
                    <a:gd name="connsiteX24" fmla="*/ 58103 w 71437"/>
                    <a:gd name="connsiteY24" fmla="*/ 290322 h 366141"/>
                    <a:gd name="connsiteX25" fmla="*/ 58103 w 71437"/>
                    <a:gd name="connsiteY25" fmla="*/ 290513 h 366141"/>
                    <a:gd name="connsiteX26" fmla="*/ 58103 w 71437"/>
                    <a:gd name="connsiteY26" fmla="*/ 317183 h 366141"/>
                    <a:gd name="connsiteX27" fmla="*/ 49054 w 71437"/>
                    <a:gd name="connsiteY27" fmla="*/ 326231 h 366141"/>
                    <a:gd name="connsiteX28" fmla="*/ 44672 w 71437"/>
                    <a:gd name="connsiteY28" fmla="*/ 330613 h 366141"/>
                    <a:gd name="connsiteX29" fmla="*/ 44672 w 71437"/>
                    <a:gd name="connsiteY29" fmla="*/ 357378 h 366141"/>
                    <a:gd name="connsiteX30" fmla="*/ 35719 w 71437"/>
                    <a:gd name="connsiteY30" fmla="*/ 366141 h 366141"/>
                    <a:gd name="connsiteX31" fmla="*/ 22288 w 71437"/>
                    <a:gd name="connsiteY31" fmla="*/ 58579 h 366141"/>
                    <a:gd name="connsiteX32" fmla="*/ 17907 w 71437"/>
                    <a:gd name="connsiteY32" fmla="*/ 62960 h 366141"/>
                    <a:gd name="connsiteX33" fmla="*/ 17907 w 71437"/>
                    <a:gd name="connsiteY33" fmla="*/ 263557 h 366141"/>
                    <a:gd name="connsiteX34" fmla="*/ 22288 w 71437"/>
                    <a:gd name="connsiteY34" fmla="*/ 267938 h 366141"/>
                    <a:gd name="connsiteX35" fmla="*/ 49054 w 71437"/>
                    <a:gd name="connsiteY35" fmla="*/ 267938 h 366141"/>
                    <a:gd name="connsiteX36" fmla="*/ 53435 w 71437"/>
                    <a:gd name="connsiteY36" fmla="*/ 263557 h 366141"/>
                    <a:gd name="connsiteX37" fmla="*/ 53435 w 71437"/>
                    <a:gd name="connsiteY37" fmla="*/ 62960 h 366141"/>
                    <a:gd name="connsiteX38" fmla="*/ 49054 w 71437"/>
                    <a:gd name="connsiteY38" fmla="*/ 58579 h 366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71437" h="366141">
                      <a:moveTo>
                        <a:pt x="35719" y="366141"/>
                      </a:moveTo>
                      <a:cubicBezTo>
                        <a:pt x="30775" y="366141"/>
                        <a:pt x="26765" y="362131"/>
                        <a:pt x="26765" y="357188"/>
                      </a:cubicBezTo>
                      <a:lnTo>
                        <a:pt x="26765" y="330422"/>
                      </a:lnTo>
                      <a:cubicBezTo>
                        <a:pt x="26765" y="328003"/>
                        <a:pt x="24803" y="326041"/>
                        <a:pt x="22384" y="326041"/>
                      </a:cubicBezTo>
                      <a:cubicBezTo>
                        <a:pt x="22355" y="326041"/>
                        <a:pt x="22317" y="326041"/>
                        <a:pt x="22288" y="326041"/>
                      </a:cubicBezTo>
                      <a:cubicBezTo>
                        <a:pt x="17431" y="325755"/>
                        <a:pt x="13573" y="321850"/>
                        <a:pt x="13335" y="316992"/>
                      </a:cubicBezTo>
                      <a:lnTo>
                        <a:pt x="13335" y="290322"/>
                      </a:lnTo>
                      <a:cubicBezTo>
                        <a:pt x="13392" y="287960"/>
                        <a:pt x="11516" y="285998"/>
                        <a:pt x="9144" y="285941"/>
                      </a:cubicBezTo>
                      <a:cubicBezTo>
                        <a:pt x="9077" y="285941"/>
                        <a:pt x="9020" y="285941"/>
                        <a:pt x="8954" y="285941"/>
                      </a:cubicBezTo>
                      <a:cubicBezTo>
                        <a:pt x="4096" y="285655"/>
                        <a:pt x="238" y="281750"/>
                        <a:pt x="0" y="276892"/>
                      </a:cubicBezTo>
                      <a:lnTo>
                        <a:pt x="0" y="49625"/>
                      </a:lnTo>
                      <a:cubicBezTo>
                        <a:pt x="0" y="44682"/>
                        <a:pt x="4010" y="40672"/>
                        <a:pt x="8954" y="40672"/>
                      </a:cubicBezTo>
                      <a:cubicBezTo>
                        <a:pt x="11373" y="40672"/>
                        <a:pt x="13335" y="38710"/>
                        <a:pt x="13335" y="36290"/>
                      </a:cubicBezTo>
                      <a:cubicBezTo>
                        <a:pt x="13335" y="36262"/>
                        <a:pt x="13335" y="36224"/>
                        <a:pt x="13335" y="36195"/>
                      </a:cubicBezTo>
                      <a:lnTo>
                        <a:pt x="13335" y="9525"/>
                      </a:lnTo>
                      <a:cubicBezTo>
                        <a:pt x="13325" y="4477"/>
                        <a:pt x="17250" y="305"/>
                        <a:pt x="22288" y="0"/>
                      </a:cubicBezTo>
                      <a:lnTo>
                        <a:pt x="49054" y="0"/>
                      </a:lnTo>
                      <a:cubicBezTo>
                        <a:pt x="54131" y="257"/>
                        <a:pt x="58112" y="4448"/>
                        <a:pt x="58103" y="9525"/>
                      </a:cubicBezTo>
                      <a:lnTo>
                        <a:pt x="58103" y="36386"/>
                      </a:lnTo>
                      <a:cubicBezTo>
                        <a:pt x="58045" y="38805"/>
                        <a:pt x="59969" y="40805"/>
                        <a:pt x="62389" y="40862"/>
                      </a:cubicBezTo>
                      <a:cubicBezTo>
                        <a:pt x="62417" y="40862"/>
                        <a:pt x="62455" y="40862"/>
                        <a:pt x="62484" y="40862"/>
                      </a:cubicBezTo>
                      <a:cubicBezTo>
                        <a:pt x="67428" y="40862"/>
                        <a:pt x="71438" y="44872"/>
                        <a:pt x="71438" y="49816"/>
                      </a:cubicBezTo>
                      <a:lnTo>
                        <a:pt x="71438" y="277082"/>
                      </a:lnTo>
                      <a:cubicBezTo>
                        <a:pt x="71199" y="281940"/>
                        <a:pt x="67342" y="285845"/>
                        <a:pt x="62484" y="286131"/>
                      </a:cubicBezTo>
                      <a:cubicBezTo>
                        <a:pt x="60122" y="286074"/>
                        <a:pt x="58160" y="287950"/>
                        <a:pt x="58103" y="290322"/>
                      </a:cubicBezTo>
                      <a:cubicBezTo>
                        <a:pt x="58103" y="290389"/>
                        <a:pt x="58103" y="290446"/>
                        <a:pt x="58103" y="290513"/>
                      </a:cubicBezTo>
                      <a:lnTo>
                        <a:pt x="58103" y="317183"/>
                      </a:lnTo>
                      <a:cubicBezTo>
                        <a:pt x="57864" y="322078"/>
                        <a:pt x="53950" y="325993"/>
                        <a:pt x="49054" y="326231"/>
                      </a:cubicBezTo>
                      <a:cubicBezTo>
                        <a:pt x="46634" y="326231"/>
                        <a:pt x="44672" y="328194"/>
                        <a:pt x="44672" y="330613"/>
                      </a:cubicBezTo>
                      <a:lnTo>
                        <a:pt x="44672" y="357378"/>
                      </a:lnTo>
                      <a:cubicBezTo>
                        <a:pt x="44567" y="362245"/>
                        <a:pt x="40586" y="366141"/>
                        <a:pt x="35719" y="366141"/>
                      </a:cubicBezTo>
                      <a:close/>
                      <a:moveTo>
                        <a:pt x="22288" y="58579"/>
                      </a:moveTo>
                      <a:cubicBezTo>
                        <a:pt x="19888" y="58627"/>
                        <a:pt x="17955" y="60560"/>
                        <a:pt x="17907" y="62960"/>
                      </a:cubicBezTo>
                      <a:lnTo>
                        <a:pt x="17907" y="263557"/>
                      </a:lnTo>
                      <a:cubicBezTo>
                        <a:pt x="17955" y="265957"/>
                        <a:pt x="19888" y="267891"/>
                        <a:pt x="22288" y="267938"/>
                      </a:cubicBezTo>
                      <a:lnTo>
                        <a:pt x="49054" y="267938"/>
                      </a:lnTo>
                      <a:cubicBezTo>
                        <a:pt x="51473" y="267938"/>
                        <a:pt x="53435" y="265976"/>
                        <a:pt x="53435" y="263557"/>
                      </a:cubicBezTo>
                      <a:lnTo>
                        <a:pt x="53435" y="62960"/>
                      </a:lnTo>
                      <a:cubicBezTo>
                        <a:pt x="53435" y="60541"/>
                        <a:pt x="51473" y="58579"/>
                        <a:pt x="49054" y="58579"/>
                      </a:cubicBezTo>
                      <a:close/>
                    </a:path>
                  </a:pathLst>
                </a:custGeom>
                <a:solidFill>
                  <a:schemeClr val="bg2"/>
                </a:solidFill>
                <a:ln w="9525" cap="flat">
                  <a:noFill/>
                  <a:prstDash val="solid"/>
                  <a:miter/>
                </a:ln>
              </p:spPr>
              <p:txBody>
                <a:bodyPr rtlCol="0" anchor="ctr"/>
                <a:lstStyle/>
                <a:p>
                  <a:endParaRPr lang="en-AU" sz="153"/>
                </a:p>
              </p:txBody>
            </p:sp>
            <p:sp>
              <p:nvSpPr>
                <p:cNvPr id="1139" name="Graphic 2">
                  <a:extLst>
                    <a:ext uri="{FF2B5EF4-FFF2-40B4-BE49-F238E27FC236}">
                      <a16:creationId xmlns:a16="http://schemas.microsoft.com/office/drawing/2014/main" id="{426EE671-B389-4B6D-BF2D-7A1AC9999771}"/>
                    </a:ext>
                  </a:extLst>
                </p:cNvPr>
                <p:cNvSpPr/>
                <p:nvPr/>
              </p:nvSpPr>
              <p:spPr>
                <a:xfrm>
                  <a:off x="3308834" y="2325205"/>
                  <a:ext cx="84447" cy="70839"/>
                </a:xfrm>
                <a:custGeom>
                  <a:avLst/>
                  <a:gdLst>
                    <a:gd name="connsiteX0" fmla="*/ 35012 w 84447"/>
                    <a:gd name="connsiteY0" fmla="*/ 70268 h 70839"/>
                    <a:gd name="connsiteX1" fmla="*/ 32059 w 84447"/>
                    <a:gd name="connsiteY1" fmla="*/ 69602 h 70839"/>
                    <a:gd name="connsiteX2" fmla="*/ 32059 w 84447"/>
                    <a:gd name="connsiteY2" fmla="*/ 69602 h 70839"/>
                    <a:gd name="connsiteX3" fmla="*/ 31392 w 84447"/>
                    <a:gd name="connsiteY3" fmla="*/ 69602 h 70839"/>
                    <a:gd name="connsiteX4" fmla="*/ 30535 w 84447"/>
                    <a:gd name="connsiteY4" fmla="*/ 69602 h 70839"/>
                    <a:gd name="connsiteX5" fmla="*/ 30535 w 84447"/>
                    <a:gd name="connsiteY5" fmla="*/ 69602 h 70839"/>
                    <a:gd name="connsiteX6" fmla="*/ 29963 w 84447"/>
                    <a:gd name="connsiteY6" fmla="*/ 68935 h 70839"/>
                    <a:gd name="connsiteX7" fmla="*/ 29106 w 84447"/>
                    <a:gd name="connsiteY7" fmla="*/ 68364 h 70839"/>
                    <a:gd name="connsiteX8" fmla="*/ 2627 w 84447"/>
                    <a:gd name="connsiteY8" fmla="*/ 41884 h 70839"/>
                    <a:gd name="connsiteX9" fmla="*/ 2617 w 84447"/>
                    <a:gd name="connsiteY9" fmla="*/ 29225 h 70839"/>
                    <a:gd name="connsiteX10" fmla="*/ 2627 w 84447"/>
                    <a:gd name="connsiteY10" fmla="*/ 29216 h 70839"/>
                    <a:gd name="connsiteX11" fmla="*/ 9008 w 84447"/>
                    <a:gd name="connsiteY11" fmla="*/ 26549 h 70839"/>
                    <a:gd name="connsiteX12" fmla="*/ 15295 w 84447"/>
                    <a:gd name="connsiteY12" fmla="*/ 29216 h 70839"/>
                    <a:gd name="connsiteX13" fmla="*/ 31202 w 84447"/>
                    <a:gd name="connsiteY13" fmla="*/ 45027 h 70839"/>
                    <a:gd name="connsiteX14" fmla="*/ 34250 w 84447"/>
                    <a:gd name="connsiteY14" fmla="*/ 46361 h 70839"/>
                    <a:gd name="connsiteX15" fmla="*/ 34250 w 84447"/>
                    <a:gd name="connsiteY15" fmla="*/ 46361 h 70839"/>
                    <a:gd name="connsiteX16" fmla="*/ 37393 w 84447"/>
                    <a:gd name="connsiteY16" fmla="*/ 44551 h 70839"/>
                    <a:gd name="connsiteX17" fmla="*/ 68254 w 84447"/>
                    <a:gd name="connsiteY17" fmla="*/ 3403 h 70839"/>
                    <a:gd name="connsiteX18" fmla="*/ 80827 w 84447"/>
                    <a:gd name="connsiteY18" fmla="*/ 1593 h 70839"/>
                    <a:gd name="connsiteX19" fmla="*/ 84351 w 84447"/>
                    <a:gd name="connsiteY19" fmla="*/ 7594 h 70839"/>
                    <a:gd name="connsiteX20" fmla="*/ 82637 w 84447"/>
                    <a:gd name="connsiteY20" fmla="*/ 14261 h 70839"/>
                    <a:gd name="connsiteX21" fmla="*/ 42822 w 84447"/>
                    <a:gd name="connsiteY21" fmla="*/ 67220 h 70839"/>
                    <a:gd name="connsiteX22" fmla="*/ 42060 w 84447"/>
                    <a:gd name="connsiteY22" fmla="*/ 67982 h 70839"/>
                    <a:gd name="connsiteX23" fmla="*/ 41488 w 84447"/>
                    <a:gd name="connsiteY23" fmla="*/ 68840 h 70839"/>
                    <a:gd name="connsiteX24" fmla="*/ 40917 w 84447"/>
                    <a:gd name="connsiteY24" fmla="*/ 68840 h 70839"/>
                    <a:gd name="connsiteX25" fmla="*/ 39964 w 84447"/>
                    <a:gd name="connsiteY25" fmla="*/ 69411 h 70839"/>
                    <a:gd name="connsiteX26" fmla="*/ 39107 w 84447"/>
                    <a:gd name="connsiteY26" fmla="*/ 69983 h 70839"/>
                    <a:gd name="connsiteX27" fmla="*/ 39107 w 84447"/>
                    <a:gd name="connsiteY27" fmla="*/ 69983 h 70839"/>
                    <a:gd name="connsiteX28" fmla="*/ 35774 w 84447"/>
                    <a:gd name="connsiteY28" fmla="*/ 70840 h 70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447" h="70839">
                      <a:moveTo>
                        <a:pt x="35012" y="70268"/>
                      </a:moveTo>
                      <a:cubicBezTo>
                        <a:pt x="33992" y="70259"/>
                        <a:pt x="32983" y="70030"/>
                        <a:pt x="32059" y="69602"/>
                      </a:cubicBezTo>
                      <a:lnTo>
                        <a:pt x="32059" y="69602"/>
                      </a:lnTo>
                      <a:lnTo>
                        <a:pt x="31392" y="69602"/>
                      </a:lnTo>
                      <a:lnTo>
                        <a:pt x="30535" y="69602"/>
                      </a:lnTo>
                      <a:lnTo>
                        <a:pt x="30535" y="69602"/>
                      </a:lnTo>
                      <a:lnTo>
                        <a:pt x="29963" y="68935"/>
                      </a:lnTo>
                      <a:lnTo>
                        <a:pt x="29106" y="68364"/>
                      </a:lnTo>
                      <a:lnTo>
                        <a:pt x="2627" y="41884"/>
                      </a:lnTo>
                      <a:cubicBezTo>
                        <a:pt x="-869" y="38388"/>
                        <a:pt x="-879" y="32721"/>
                        <a:pt x="2617" y="29225"/>
                      </a:cubicBezTo>
                      <a:cubicBezTo>
                        <a:pt x="2627" y="29216"/>
                        <a:pt x="2627" y="29216"/>
                        <a:pt x="2627" y="29216"/>
                      </a:cubicBezTo>
                      <a:cubicBezTo>
                        <a:pt x="4341" y="27558"/>
                        <a:pt x="6618" y="26606"/>
                        <a:pt x="9008" y="26549"/>
                      </a:cubicBezTo>
                      <a:cubicBezTo>
                        <a:pt x="11380" y="26539"/>
                        <a:pt x="13656" y="27501"/>
                        <a:pt x="15295" y="29216"/>
                      </a:cubicBezTo>
                      <a:lnTo>
                        <a:pt x="31202" y="45027"/>
                      </a:lnTo>
                      <a:cubicBezTo>
                        <a:pt x="31983" y="45885"/>
                        <a:pt x="33088" y="46370"/>
                        <a:pt x="34250" y="46361"/>
                      </a:cubicBezTo>
                      <a:lnTo>
                        <a:pt x="34250" y="46361"/>
                      </a:lnTo>
                      <a:cubicBezTo>
                        <a:pt x="35516" y="46256"/>
                        <a:pt x="36669" y="45589"/>
                        <a:pt x="37393" y="44551"/>
                      </a:cubicBezTo>
                      <a:lnTo>
                        <a:pt x="68254" y="3403"/>
                      </a:lnTo>
                      <a:cubicBezTo>
                        <a:pt x="71369" y="-312"/>
                        <a:pt x="76788" y="-1093"/>
                        <a:pt x="80827" y="1593"/>
                      </a:cubicBezTo>
                      <a:cubicBezTo>
                        <a:pt x="82713" y="3079"/>
                        <a:pt x="83979" y="5222"/>
                        <a:pt x="84351" y="7594"/>
                      </a:cubicBezTo>
                      <a:cubicBezTo>
                        <a:pt x="84704" y="9956"/>
                        <a:pt x="84084" y="12356"/>
                        <a:pt x="82637" y="14261"/>
                      </a:cubicBezTo>
                      <a:lnTo>
                        <a:pt x="42822" y="67220"/>
                      </a:lnTo>
                      <a:lnTo>
                        <a:pt x="42060" y="67982"/>
                      </a:lnTo>
                      <a:cubicBezTo>
                        <a:pt x="41803" y="68221"/>
                        <a:pt x="41612" y="68516"/>
                        <a:pt x="41488" y="68840"/>
                      </a:cubicBezTo>
                      <a:lnTo>
                        <a:pt x="40917" y="68840"/>
                      </a:lnTo>
                      <a:lnTo>
                        <a:pt x="39964" y="69411"/>
                      </a:lnTo>
                      <a:lnTo>
                        <a:pt x="39107" y="69983"/>
                      </a:lnTo>
                      <a:lnTo>
                        <a:pt x="39107" y="69983"/>
                      </a:lnTo>
                      <a:cubicBezTo>
                        <a:pt x="38078" y="70535"/>
                        <a:pt x="36936" y="70830"/>
                        <a:pt x="35774" y="70840"/>
                      </a:cubicBezTo>
                      <a:close/>
                    </a:path>
                  </a:pathLst>
                </a:custGeom>
                <a:solidFill>
                  <a:srgbClr val="265998"/>
                </a:solidFill>
                <a:ln w="9525" cap="flat">
                  <a:noFill/>
                  <a:prstDash val="solid"/>
                  <a:miter/>
                </a:ln>
              </p:spPr>
              <p:txBody>
                <a:bodyPr rtlCol="0" anchor="ctr"/>
                <a:lstStyle/>
                <a:p>
                  <a:endParaRPr lang="en-AU" sz="153"/>
                </a:p>
              </p:txBody>
            </p:sp>
            <p:sp>
              <p:nvSpPr>
                <p:cNvPr id="1140" name="Graphic 2">
                  <a:extLst>
                    <a:ext uri="{FF2B5EF4-FFF2-40B4-BE49-F238E27FC236}">
                      <a16:creationId xmlns:a16="http://schemas.microsoft.com/office/drawing/2014/main" id="{440EE558-5D27-17E8-C19C-4451784D0909}"/>
                    </a:ext>
                  </a:extLst>
                </p:cNvPr>
                <p:cNvSpPr/>
                <p:nvPr/>
              </p:nvSpPr>
              <p:spPr>
                <a:xfrm>
                  <a:off x="3309004" y="2405283"/>
                  <a:ext cx="84282" cy="70962"/>
                </a:xfrm>
                <a:custGeom>
                  <a:avLst/>
                  <a:gdLst>
                    <a:gd name="connsiteX0" fmla="*/ 34842 w 84282"/>
                    <a:gd name="connsiteY0" fmla="*/ 70391 h 70962"/>
                    <a:gd name="connsiteX1" fmla="*/ 31890 w 84282"/>
                    <a:gd name="connsiteY1" fmla="*/ 69819 h 70962"/>
                    <a:gd name="connsiteX2" fmla="*/ 31890 w 84282"/>
                    <a:gd name="connsiteY2" fmla="*/ 69819 h 70962"/>
                    <a:gd name="connsiteX3" fmla="*/ 31223 w 84282"/>
                    <a:gd name="connsiteY3" fmla="*/ 69819 h 70962"/>
                    <a:gd name="connsiteX4" fmla="*/ 30366 w 84282"/>
                    <a:gd name="connsiteY4" fmla="*/ 69819 h 70962"/>
                    <a:gd name="connsiteX5" fmla="*/ 30366 w 84282"/>
                    <a:gd name="connsiteY5" fmla="*/ 69819 h 70962"/>
                    <a:gd name="connsiteX6" fmla="*/ 29794 w 84282"/>
                    <a:gd name="connsiteY6" fmla="*/ 69152 h 70962"/>
                    <a:gd name="connsiteX7" fmla="*/ 28937 w 84282"/>
                    <a:gd name="connsiteY7" fmla="*/ 68486 h 70962"/>
                    <a:gd name="connsiteX8" fmla="*/ 2457 w 84282"/>
                    <a:gd name="connsiteY8" fmla="*/ 42101 h 70962"/>
                    <a:gd name="connsiteX9" fmla="*/ 2457 w 84282"/>
                    <a:gd name="connsiteY9" fmla="*/ 29338 h 70962"/>
                    <a:gd name="connsiteX10" fmla="*/ 8839 w 84282"/>
                    <a:gd name="connsiteY10" fmla="*/ 26766 h 70962"/>
                    <a:gd name="connsiteX11" fmla="*/ 15126 w 84282"/>
                    <a:gd name="connsiteY11" fmla="*/ 29338 h 70962"/>
                    <a:gd name="connsiteX12" fmla="*/ 31032 w 84282"/>
                    <a:gd name="connsiteY12" fmla="*/ 45245 h 70962"/>
                    <a:gd name="connsiteX13" fmla="*/ 34080 w 84282"/>
                    <a:gd name="connsiteY13" fmla="*/ 46483 h 70962"/>
                    <a:gd name="connsiteX14" fmla="*/ 34080 w 84282"/>
                    <a:gd name="connsiteY14" fmla="*/ 46483 h 70962"/>
                    <a:gd name="connsiteX15" fmla="*/ 37224 w 84282"/>
                    <a:gd name="connsiteY15" fmla="*/ 44768 h 70962"/>
                    <a:gd name="connsiteX16" fmla="*/ 68085 w 84282"/>
                    <a:gd name="connsiteY16" fmla="*/ 3620 h 70962"/>
                    <a:gd name="connsiteX17" fmla="*/ 75324 w 84282"/>
                    <a:gd name="connsiteY17" fmla="*/ 1 h 70962"/>
                    <a:gd name="connsiteX18" fmla="*/ 80658 w 84282"/>
                    <a:gd name="connsiteY18" fmla="*/ 1811 h 70962"/>
                    <a:gd name="connsiteX19" fmla="*/ 84182 w 84282"/>
                    <a:gd name="connsiteY19" fmla="*/ 7716 h 70962"/>
                    <a:gd name="connsiteX20" fmla="*/ 82467 w 84282"/>
                    <a:gd name="connsiteY20" fmla="*/ 14384 h 70962"/>
                    <a:gd name="connsiteX21" fmla="*/ 42653 w 84282"/>
                    <a:gd name="connsiteY21" fmla="*/ 67438 h 70962"/>
                    <a:gd name="connsiteX22" fmla="*/ 41891 w 84282"/>
                    <a:gd name="connsiteY22" fmla="*/ 68200 h 70962"/>
                    <a:gd name="connsiteX23" fmla="*/ 41319 w 84282"/>
                    <a:gd name="connsiteY23" fmla="*/ 68962 h 70962"/>
                    <a:gd name="connsiteX24" fmla="*/ 40748 w 84282"/>
                    <a:gd name="connsiteY24" fmla="*/ 68962 h 70962"/>
                    <a:gd name="connsiteX25" fmla="*/ 39795 w 84282"/>
                    <a:gd name="connsiteY25" fmla="*/ 69533 h 70962"/>
                    <a:gd name="connsiteX26" fmla="*/ 38938 w 84282"/>
                    <a:gd name="connsiteY26" fmla="*/ 70200 h 70962"/>
                    <a:gd name="connsiteX27" fmla="*/ 38938 w 84282"/>
                    <a:gd name="connsiteY27" fmla="*/ 70200 h 70962"/>
                    <a:gd name="connsiteX28" fmla="*/ 35605 w 84282"/>
                    <a:gd name="connsiteY28"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282" h="70962">
                      <a:moveTo>
                        <a:pt x="34842" y="70391"/>
                      </a:moveTo>
                      <a:cubicBezTo>
                        <a:pt x="33833" y="70372"/>
                        <a:pt x="32833" y="70172"/>
                        <a:pt x="31890" y="69819"/>
                      </a:cubicBezTo>
                      <a:lnTo>
                        <a:pt x="31890" y="69819"/>
                      </a:lnTo>
                      <a:lnTo>
                        <a:pt x="31223" y="69819"/>
                      </a:lnTo>
                      <a:lnTo>
                        <a:pt x="30366" y="69819"/>
                      </a:lnTo>
                      <a:lnTo>
                        <a:pt x="30366" y="69819"/>
                      </a:lnTo>
                      <a:cubicBezTo>
                        <a:pt x="30366" y="69819"/>
                        <a:pt x="30366" y="69819"/>
                        <a:pt x="29794" y="69152"/>
                      </a:cubicBezTo>
                      <a:lnTo>
                        <a:pt x="28937" y="68486"/>
                      </a:lnTo>
                      <a:lnTo>
                        <a:pt x="2457" y="42101"/>
                      </a:lnTo>
                      <a:cubicBezTo>
                        <a:pt x="-819" y="38472"/>
                        <a:pt x="-819" y="32967"/>
                        <a:pt x="2457" y="29338"/>
                      </a:cubicBezTo>
                      <a:cubicBezTo>
                        <a:pt x="4191" y="27719"/>
                        <a:pt x="6467" y="26795"/>
                        <a:pt x="8839" y="26766"/>
                      </a:cubicBezTo>
                      <a:cubicBezTo>
                        <a:pt x="11192" y="26766"/>
                        <a:pt x="13449" y="27690"/>
                        <a:pt x="15126" y="29338"/>
                      </a:cubicBezTo>
                      <a:lnTo>
                        <a:pt x="31032" y="45245"/>
                      </a:lnTo>
                      <a:cubicBezTo>
                        <a:pt x="31852" y="46035"/>
                        <a:pt x="32947" y="46483"/>
                        <a:pt x="34080" y="46483"/>
                      </a:cubicBezTo>
                      <a:lnTo>
                        <a:pt x="34080" y="46483"/>
                      </a:lnTo>
                      <a:cubicBezTo>
                        <a:pt x="35318" y="46359"/>
                        <a:pt x="36452" y="45740"/>
                        <a:pt x="37224" y="44768"/>
                      </a:cubicBezTo>
                      <a:lnTo>
                        <a:pt x="68085" y="3620"/>
                      </a:lnTo>
                      <a:cubicBezTo>
                        <a:pt x="69837" y="1401"/>
                        <a:pt x="72495" y="68"/>
                        <a:pt x="75324" y="1"/>
                      </a:cubicBezTo>
                      <a:cubicBezTo>
                        <a:pt x="77257" y="-28"/>
                        <a:pt x="79143" y="610"/>
                        <a:pt x="80658" y="1811"/>
                      </a:cubicBezTo>
                      <a:cubicBezTo>
                        <a:pt x="82525" y="3268"/>
                        <a:pt x="83782" y="5373"/>
                        <a:pt x="84182" y="7716"/>
                      </a:cubicBezTo>
                      <a:cubicBezTo>
                        <a:pt x="84544" y="10078"/>
                        <a:pt x="83925" y="12488"/>
                        <a:pt x="82467" y="14384"/>
                      </a:cubicBezTo>
                      <a:lnTo>
                        <a:pt x="42653" y="67438"/>
                      </a:lnTo>
                      <a:lnTo>
                        <a:pt x="41891" y="68200"/>
                      </a:lnTo>
                      <a:lnTo>
                        <a:pt x="41319" y="68962"/>
                      </a:lnTo>
                      <a:lnTo>
                        <a:pt x="40748" y="68962"/>
                      </a:lnTo>
                      <a:lnTo>
                        <a:pt x="39795" y="69533"/>
                      </a:lnTo>
                      <a:lnTo>
                        <a:pt x="38938" y="70200"/>
                      </a:lnTo>
                      <a:lnTo>
                        <a:pt x="38938" y="70200"/>
                      </a:lnTo>
                      <a:cubicBezTo>
                        <a:pt x="37890" y="70676"/>
                        <a:pt x="36757" y="70934"/>
                        <a:pt x="35605" y="70962"/>
                      </a:cubicBezTo>
                      <a:close/>
                    </a:path>
                  </a:pathLst>
                </a:custGeom>
                <a:solidFill>
                  <a:srgbClr val="265998"/>
                </a:solidFill>
                <a:ln w="9525" cap="flat">
                  <a:noFill/>
                  <a:prstDash val="solid"/>
                  <a:miter/>
                </a:ln>
              </p:spPr>
              <p:txBody>
                <a:bodyPr rtlCol="0" anchor="ctr"/>
                <a:lstStyle/>
                <a:p>
                  <a:endParaRPr lang="en-AU" sz="153"/>
                </a:p>
              </p:txBody>
            </p:sp>
            <p:sp>
              <p:nvSpPr>
                <p:cNvPr id="1141" name="Graphic 2">
                  <a:extLst>
                    <a:ext uri="{FF2B5EF4-FFF2-40B4-BE49-F238E27FC236}">
                      <a16:creationId xmlns:a16="http://schemas.microsoft.com/office/drawing/2014/main" id="{FB6C653A-E20F-B0A3-C64D-DC25436A2731}"/>
                    </a:ext>
                  </a:extLst>
                </p:cNvPr>
                <p:cNvSpPr/>
                <p:nvPr/>
              </p:nvSpPr>
              <p:spPr>
                <a:xfrm>
                  <a:off x="3308834" y="2485439"/>
                  <a:ext cx="84452" cy="70912"/>
                </a:xfrm>
                <a:custGeom>
                  <a:avLst/>
                  <a:gdLst>
                    <a:gd name="connsiteX0" fmla="*/ 35012 w 84452"/>
                    <a:gd name="connsiteY0" fmla="*/ 70436 h 70912"/>
                    <a:gd name="connsiteX1" fmla="*/ 32059 w 84452"/>
                    <a:gd name="connsiteY1" fmla="*/ 69864 h 70912"/>
                    <a:gd name="connsiteX2" fmla="*/ 32059 w 84452"/>
                    <a:gd name="connsiteY2" fmla="*/ 69864 h 70912"/>
                    <a:gd name="connsiteX3" fmla="*/ 31392 w 84452"/>
                    <a:gd name="connsiteY3" fmla="*/ 69864 h 70912"/>
                    <a:gd name="connsiteX4" fmla="*/ 30535 w 84452"/>
                    <a:gd name="connsiteY4" fmla="*/ 69864 h 70912"/>
                    <a:gd name="connsiteX5" fmla="*/ 30535 w 84452"/>
                    <a:gd name="connsiteY5" fmla="*/ 69864 h 70912"/>
                    <a:gd name="connsiteX6" fmla="*/ 29963 w 84452"/>
                    <a:gd name="connsiteY6" fmla="*/ 69198 h 70912"/>
                    <a:gd name="connsiteX7" fmla="*/ 29106 w 84452"/>
                    <a:gd name="connsiteY7" fmla="*/ 68626 h 70912"/>
                    <a:gd name="connsiteX8" fmla="*/ 2627 w 84452"/>
                    <a:gd name="connsiteY8" fmla="*/ 42147 h 70912"/>
                    <a:gd name="connsiteX9" fmla="*/ 2617 w 84452"/>
                    <a:gd name="connsiteY9" fmla="*/ 29488 h 70912"/>
                    <a:gd name="connsiteX10" fmla="*/ 2627 w 84452"/>
                    <a:gd name="connsiteY10" fmla="*/ 29478 h 70912"/>
                    <a:gd name="connsiteX11" fmla="*/ 9008 w 84452"/>
                    <a:gd name="connsiteY11" fmla="*/ 26811 h 70912"/>
                    <a:gd name="connsiteX12" fmla="*/ 15295 w 84452"/>
                    <a:gd name="connsiteY12" fmla="*/ 29478 h 70912"/>
                    <a:gd name="connsiteX13" fmla="*/ 31202 w 84452"/>
                    <a:gd name="connsiteY13" fmla="*/ 45290 h 70912"/>
                    <a:gd name="connsiteX14" fmla="*/ 34250 w 84452"/>
                    <a:gd name="connsiteY14" fmla="*/ 46528 h 70912"/>
                    <a:gd name="connsiteX15" fmla="*/ 34250 w 84452"/>
                    <a:gd name="connsiteY15" fmla="*/ 46528 h 70912"/>
                    <a:gd name="connsiteX16" fmla="*/ 37393 w 84452"/>
                    <a:gd name="connsiteY16" fmla="*/ 44814 h 70912"/>
                    <a:gd name="connsiteX17" fmla="*/ 68254 w 84452"/>
                    <a:gd name="connsiteY17" fmla="*/ 3666 h 70912"/>
                    <a:gd name="connsiteX18" fmla="*/ 80770 w 84452"/>
                    <a:gd name="connsiteY18" fmla="*/ 1732 h 70912"/>
                    <a:gd name="connsiteX19" fmla="*/ 84351 w 84452"/>
                    <a:gd name="connsiteY19" fmla="*/ 7761 h 70912"/>
                    <a:gd name="connsiteX20" fmla="*/ 82637 w 84452"/>
                    <a:gd name="connsiteY20" fmla="*/ 14429 h 70912"/>
                    <a:gd name="connsiteX21" fmla="*/ 42822 w 84452"/>
                    <a:gd name="connsiteY21" fmla="*/ 67483 h 70912"/>
                    <a:gd name="connsiteX22" fmla="*/ 42060 w 84452"/>
                    <a:gd name="connsiteY22" fmla="*/ 68245 h 70912"/>
                    <a:gd name="connsiteX23" fmla="*/ 41488 w 84452"/>
                    <a:gd name="connsiteY23" fmla="*/ 69007 h 70912"/>
                    <a:gd name="connsiteX24" fmla="*/ 40917 w 84452"/>
                    <a:gd name="connsiteY24" fmla="*/ 69007 h 70912"/>
                    <a:gd name="connsiteX25" fmla="*/ 39964 w 84452"/>
                    <a:gd name="connsiteY25" fmla="*/ 69483 h 70912"/>
                    <a:gd name="connsiteX26" fmla="*/ 39107 w 84452"/>
                    <a:gd name="connsiteY26" fmla="*/ 70150 h 70912"/>
                    <a:gd name="connsiteX27" fmla="*/ 39107 w 84452"/>
                    <a:gd name="connsiteY27" fmla="*/ 70150 h 70912"/>
                    <a:gd name="connsiteX28" fmla="*/ 35774 w 84452"/>
                    <a:gd name="connsiteY28" fmla="*/ 70912 h 70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452" h="70912">
                      <a:moveTo>
                        <a:pt x="35012" y="70436"/>
                      </a:moveTo>
                      <a:cubicBezTo>
                        <a:pt x="34002" y="70417"/>
                        <a:pt x="33002" y="70217"/>
                        <a:pt x="32059" y="69864"/>
                      </a:cubicBezTo>
                      <a:lnTo>
                        <a:pt x="32059" y="69864"/>
                      </a:lnTo>
                      <a:lnTo>
                        <a:pt x="31392" y="69864"/>
                      </a:lnTo>
                      <a:lnTo>
                        <a:pt x="30535" y="69864"/>
                      </a:lnTo>
                      <a:lnTo>
                        <a:pt x="30535" y="69864"/>
                      </a:lnTo>
                      <a:lnTo>
                        <a:pt x="29963" y="69198"/>
                      </a:lnTo>
                      <a:lnTo>
                        <a:pt x="29106" y="68626"/>
                      </a:lnTo>
                      <a:lnTo>
                        <a:pt x="2627" y="42147"/>
                      </a:lnTo>
                      <a:cubicBezTo>
                        <a:pt x="-869" y="38651"/>
                        <a:pt x="-879" y="32983"/>
                        <a:pt x="2617" y="29488"/>
                      </a:cubicBezTo>
                      <a:cubicBezTo>
                        <a:pt x="2627" y="29478"/>
                        <a:pt x="2627" y="29478"/>
                        <a:pt x="2627" y="29478"/>
                      </a:cubicBezTo>
                      <a:cubicBezTo>
                        <a:pt x="4341" y="27821"/>
                        <a:pt x="6618" y="26868"/>
                        <a:pt x="9008" y="26811"/>
                      </a:cubicBezTo>
                      <a:cubicBezTo>
                        <a:pt x="11380" y="26802"/>
                        <a:pt x="13656" y="27764"/>
                        <a:pt x="15295" y="29478"/>
                      </a:cubicBezTo>
                      <a:lnTo>
                        <a:pt x="31202" y="45290"/>
                      </a:lnTo>
                      <a:cubicBezTo>
                        <a:pt x="31992" y="46119"/>
                        <a:pt x="33106" y="46576"/>
                        <a:pt x="34250" y="46528"/>
                      </a:cubicBezTo>
                      <a:lnTo>
                        <a:pt x="34250" y="46528"/>
                      </a:lnTo>
                      <a:cubicBezTo>
                        <a:pt x="35497" y="46452"/>
                        <a:pt x="36650" y="45823"/>
                        <a:pt x="37393" y="44814"/>
                      </a:cubicBezTo>
                      <a:lnTo>
                        <a:pt x="68254" y="3666"/>
                      </a:lnTo>
                      <a:cubicBezTo>
                        <a:pt x="71178" y="-325"/>
                        <a:pt x="76779" y="-1192"/>
                        <a:pt x="80770" y="1732"/>
                      </a:cubicBezTo>
                      <a:cubicBezTo>
                        <a:pt x="82732" y="3170"/>
                        <a:pt x="84027" y="5352"/>
                        <a:pt x="84351" y="7761"/>
                      </a:cubicBezTo>
                      <a:cubicBezTo>
                        <a:pt x="84713" y="10124"/>
                        <a:pt x="84094" y="12533"/>
                        <a:pt x="82637" y="14429"/>
                      </a:cubicBezTo>
                      <a:lnTo>
                        <a:pt x="42822" y="67483"/>
                      </a:lnTo>
                      <a:lnTo>
                        <a:pt x="42060" y="68245"/>
                      </a:lnTo>
                      <a:lnTo>
                        <a:pt x="41488" y="69007"/>
                      </a:lnTo>
                      <a:lnTo>
                        <a:pt x="40917" y="69007"/>
                      </a:lnTo>
                      <a:lnTo>
                        <a:pt x="39964" y="69483"/>
                      </a:lnTo>
                      <a:lnTo>
                        <a:pt x="39107" y="70150"/>
                      </a:lnTo>
                      <a:lnTo>
                        <a:pt x="39107" y="70150"/>
                      </a:lnTo>
                      <a:cubicBezTo>
                        <a:pt x="38060" y="70626"/>
                        <a:pt x="36926" y="70884"/>
                        <a:pt x="35774" y="70912"/>
                      </a:cubicBezTo>
                      <a:close/>
                    </a:path>
                  </a:pathLst>
                </a:custGeom>
                <a:solidFill>
                  <a:srgbClr val="265998"/>
                </a:solidFill>
                <a:ln w="9525" cap="flat">
                  <a:noFill/>
                  <a:prstDash val="solid"/>
                  <a:miter/>
                </a:ln>
              </p:spPr>
              <p:txBody>
                <a:bodyPr rtlCol="0" anchor="ctr"/>
                <a:lstStyle/>
                <a:p>
                  <a:endParaRPr lang="en-AU" sz="153"/>
                </a:p>
              </p:txBody>
            </p:sp>
            <p:sp>
              <p:nvSpPr>
                <p:cNvPr id="1142" name="Graphic 2">
                  <a:extLst>
                    <a:ext uri="{FF2B5EF4-FFF2-40B4-BE49-F238E27FC236}">
                      <a16:creationId xmlns:a16="http://schemas.microsoft.com/office/drawing/2014/main" id="{0AE1A99B-C947-115C-7AEA-BA9C9D0BCA09}"/>
                    </a:ext>
                  </a:extLst>
                </p:cNvPr>
                <p:cNvSpPr/>
                <p:nvPr/>
              </p:nvSpPr>
              <p:spPr>
                <a:xfrm>
                  <a:off x="3401853" y="2230405"/>
                  <a:ext cx="17906" cy="17906"/>
                </a:xfrm>
                <a:custGeom>
                  <a:avLst/>
                  <a:gdLst>
                    <a:gd name="connsiteX0" fmla="*/ 17907 w 17906"/>
                    <a:gd name="connsiteY0" fmla="*/ 8954 h 17906"/>
                    <a:gd name="connsiteX1" fmla="*/ 8953 w 17906"/>
                    <a:gd name="connsiteY1" fmla="*/ 17907 h 17906"/>
                    <a:gd name="connsiteX2" fmla="*/ 0 w 17906"/>
                    <a:gd name="connsiteY2" fmla="*/ 8954 h 17906"/>
                    <a:gd name="connsiteX3" fmla="*/ 8953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9" y="17907"/>
                        <a:pt x="8953" y="17907"/>
                      </a:cubicBezTo>
                      <a:cubicBezTo>
                        <a:pt x="4009" y="17907"/>
                        <a:pt x="0" y="13898"/>
                        <a:pt x="0" y="8954"/>
                      </a:cubicBezTo>
                      <a:cubicBezTo>
                        <a:pt x="0" y="4009"/>
                        <a:pt x="4008" y="0"/>
                        <a:pt x="8953" y="0"/>
                      </a:cubicBezTo>
                      <a:cubicBezTo>
                        <a:pt x="13898" y="0"/>
                        <a:pt x="17907" y="4009"/>
                        <a:pt x="17907" y="8954"/>
                      </a:cubicBezTo>
                      <a:close/>
                    </a:path>
                  </a:pathLst>
                </a:custGeom>
                <a:solidFill>
                  <a:srgbClr val="265998"/>
                </a:solidFill>
                <a:ln w="9525" cap="flat">
                  <a:noFill/>
                  <a:prstDash val="solid"/>
                  <a:miter/>
                </a:ln>
              </p:spPr>
              <p:txBody>
                <a:bodyPr rtlCol="0" anchor="ctr"/>
                <a:lstStyle/>
                <a:p>
                  <a:endParaRPr lang="en-AU" sz="153"/>
                </a:p>
              </p:txBody>
            </p:sp>
          </p:grpSp>
          <p:sp>
            <p:nvSpPr>
              <p:cNvPr id="23" name="Oval 22">
                <a:extLst>
                  <a:ext uri="{FF2B5EF4-FFF2-40B4-BE49-F238E27FC236}">
                    <a16:creationId xmlns:a16="http://schemas.microsoft.com/office/drawing/2014/main" id="{9D40BE22-95B7-F425-F5FD-D5EA16088664}"/>
                  </a:ext>
                </a:extLst>
              </p:cNvPr>
              <p:cNvSpPr/>
              <p:nvPr/>
            </p:nvSpPr>
            <p:spPr bwMode="auto">
              <a:xfrm>
                <a:off x="1178818" y="5634408"/>
                <a:ext cx="713602" cy="1223584"/>
              </a:xfrm>
              <a:prstGeom prst="ellipse">
                <a:avLst/>
              </a:prstGeom>
              <a:solidFill>
                <a:schemeClr val="bg1"/>
              </a:solidFill>
              <a:ln w="9525">
                <a:noFill/>
                <a:round/>
                <a:headEnd/>
                <a:tailEnd/>
              </a:ln>
              <a:effectLst/>
            </p:spPr>
            <p:txBody>
              <a:bodyPr vert="horz" wrap="square" lIns="55517" tIns="27759" rIns="55517" bIns="27759" numCol="1" rtlCol="0" anchor="t" anchorCtr="0" compatLnSpc="1">
                <a:prstTxWarp prst="textNoShape">
                  <a:avLst/>
                </a:prstTxWarp>
              </a:bodyPr>
              <a:lstStyle/>
              <a:p>
                <a:pPr algn="ctr"/>
                <a:endParaRPr lang="en-US" sz="2133"/>
              </a:p>
            </p:txBody>
          </p:sp>
          <p:sp>
            <p:nvSpPr>
              <p:cNvPr id="1101" name="Freeform: Shape 1100">
                <a:extLst>
                  <a:ext uri="{FF2B5EF4-FFF2-40B4-BE49-F238E27FC236}">
                    <a16:creationId xmlns:a16="http://schemas.microsoft.com/office/drawing/2014/main" id="{773BCB11-A5B4-5ABE-6C89-4DBADB0A13CC}"/>
                  </a:ext>
                </a:extLst>
              </p:cNvPr>
              <p:cNvSpPr/>
              <p:nvPr/>
            </p:nvSpPr>
            <p:spPr>
              <a:xfrm>
                <a:off x="8200682" y="2851475"/>
                <a:ext cx="457536" cy="393960"/>
              </a:xfrm>
              <a:custGeom>
                <a:avLst/>
                <a:gdLst>
                  <a:gd name="connsiteX0" fmla="*/ 80142 w 541226"/>
                  <a:gd name="connsiteY0" fmla="*/ 238003 h 490687"/>
                  <a:gd name="connsiteX1" fmla="*/ 70443 w 541226"/>
                  <a:gd name="connsiteY1" fmla="*/ 233880 h 490687"/>
                  <a:gd name="connsiteX2" fmla="*/ 63653 w 541226"/>
                  <a:gd name="connsiteY2" fmla="*/ 235699 h 490687"/>
                  <a:gd name="connsiteX3" fmla="*/ 12367 w 541226"/>
                  <a:gd name="connsiteY3" fmla="*/ 229394 h 490687"/>
                  <a:gd name="connsiteX4" fmla="*/ 0 w 541226"/>
                  <a:gd name="connsiteY4" fmla="*/ 199568 h 490687"/>
                  <a:gd name="connsiteX5" fmla="*/ 12367 w 541226"/>
                  <a:gd name="connsiteY5" fmla="*/ 169742 h 490687"/>
                  <a:gd name="connsiteX6" fmla="*/ 44739 w 541226"/>
                  <a:gd name="connsiteY6" fmla="*/ 157618 h 490687"/>
                  <a:gd name="connsiteX7" fmla="*/ 58440 w 541226"/>
                  <a:gd name="connsiteY7" fmla="*/ 147554 h 490687"/>
                  <a:gd name="connsiteX8" fmla="*/ 90812 w 541226"/>
                  <a:gd name="connsiteY8" fmla="*/ 91054 h 490687"/>
                  <a:gd name="connsiteX9" fmla="*/ 90933 w 541226"/>
                  <a:gd name="connsiteY9" fmla="*/ 91054 h 490687"/>
                  <a:gd name="connsiteX10" fmla="*/ 147312 w 541226"/>
                  <a:gd name="connsiteY10" fmla="*/ 58440 h 490687"/>
                  <a:gd name="connsiteX11" fmla="*/ 157375 w 541226"/>
                  <a:gd name="connsiteY11" fmla="*/ 44739 h 490687"/>
                  <a:gd name="connsiteX12" fmla="*/ 169500 w 541226"/>
                  <a:gd name="connsiteY12" fmla="*/ 12367 h 490687"/>
                  <a:gd name="connsiteX13" fmla="*/ 229152 w 541226"/>
                  <a:gd name="connsiteY13" fmla="*/ 12367 h 490687"/>
                  <a:gd name="connsiteX14" fmla="*/ 235456 w 541226"/>
                  <a:gd name="connsiteY14" fmla="*/ 63653 h 490687"/>
                  <a:gd name="connsiteX15" fmla="*/ 237639 w 541226"/>
                  <a:gd name="connsiteY15" fmla="*/ 80021 h 490687"/>
                  <a:gd name="connsiteX16" fmla="*/ 238972 w 541226"/>
                  <a:gd name="connsiteY16" fmla="*/ 81234 h 490687"/>
                  <a:gd name="connsiteX17" fmla="*/ 264798 w 541226"/>
                  <a:gd name="connsiteY17" fmla="*/ 152404 h 490687"/>
                  <a:gd name="connsiteX18" fmla="*/ 229030 w 541226"/>
                  <a:gd name="connsiteY18" fmla="*/ 229394 h 490687"/>
                  <a:gd name="connsiteX19" fmla="*/ 80991 w 541226"/>
                  <a:gd name="connsiteY19" fmla="*/ 239215 h 490687"/>
                  <a:gd name="connsiteX20" fmla="*/ 79900 w 541226"/>
                  <a:gd name="connsiteY20" fmla="*/ 238003 h 490687"/>
                  <a:gd name="connsiteX21" fmla="*/ 535778 w 541226"/>
                  <a:gd name="connsiteY21" fmla="*/ 351366 h 490687"/>
                  <a:gd name="connsiteX22" fmla="*/ 463517 w 541226"/>
                  <a:gd name="connsiteY22" fmla="*/ 356094 h 490687"/>
                  <a:gd name="connsiteX23" fmla="*/ 470428 w 541226"/>
                  <a:gd name="connsiteY23" fmla="*/ 327723 h 490687"/>
                  <a:gd name="connsiteX24" fmla="*/ 458788 w 541226"/>
                  <a:gd name="connsiteY24" fmla="*/ 312810 h 490687"/>
                  <a:gd name="connsiteX25" fmla="*/ 443875 w 541226"/>
                  <a:gd name="connsiteY25" fmla="*/ 324450 h 490687"/>
                  <a:gd name="connsiteX26" fmla="*/ 381313 w 541226"/>
                  <a:gd name="connsiteY26" fmla="*/ 401197 h 490687"/>
                  <a:gd name="connsiteX27" fmla="*/ 373917 w 541226"/>
                  <a:gd name="connsiteY27" fmla="*/ 418535 h 490687"/>
                  <a:gd name="connsiteX28" fmla="*/ 386284 w 541226"/>
                  <a:gd name="connsiteY28" fmla="*/ 426901 h 490687"/>
                  <a:gd name="connsiteX29" fmla="*/ 391255 w 541226"/>
                  <a:gd name="connsiteY29" fmla="*/ 425931 h 490687"/>
                  <a:gd name="connsiteX30" fmla="*/ 418293 w 541226"/>
                  <a:gd name="connsiteY30" fmla="*/ 411867 h 490687"/>
                  <a:gd name="connsiteX31" fmla="*/ 440238 w 541226"/>
                  <a:gd name="connsiteY31" fmla="*/ 452969 h 490687"/>
                  <a:gd name="connsiteX32" fmla="*/ 426295 w 541226"/>
                  <a:gd name="connsiteY32" fmla="*/ 481703 h 490687"/>
                  <a:gd name="connsiteX33" fmla="*/ 363854 w 541226"/>
                  <a:gd name="connsiteY33" fmla="*/ 470670 h 490687"/>
                  <a:gd name="connsiteX34" fmla="*/ 339484 w 541226"/>
                  <a:gd name="connsiteY34" fmla="*/ 447149 h 490687"/>
                  <a:gd name="connsiteX35" fmla="*/ 328814 w 541226"/>
                  <a:gd name="connsiteY35" fmla="*/ 435509 h 490687"/>
                  <a:gd name="connsiteX36" fmla="*/ 330027 w 541226"/>
                  <a:gd name="connsiteY36" fmla="*/ 422536 h 490687"/>
                  <a:gd name="connsiteX37" fmla="*/ 330512 w 541226"/>
                  <a:gd name="connsiteY37" fmla="*/ 401803 h 490687"/>
                  <a:gd name="connsiteX38" fmla="*/ 353306 w 541226"/>
                  <a:gd name="connsiteY38" fmla="*/ 379979 h 490687"/>
                  <a:gd name="connsiteX39" fmla="*/ 354882 w 541226"/>
                  <a:gd name="connsiteY39" fmla="*/ 296321 h 490687"/>
                  <a:gd name="connsiteX40" fmla="*/ 310022 w 541226"/>
                  <a:gd name="connsiteY40" fmla="*/ 294381 h 490687"/>
                  <a:gd name="connsiteX41" fmla="*/ 236911 w 541226"/>
                  <a:gd name="connsiteY41" fmla="*/ 363005 h 490687"/>
                  <a:gd name="connsiteX42" fmla="*/ 230607 w 541226"/>
                  <a:gd name="connsiteY42" fmla="*/ 326632 h 490687"/>
                  <a:gd name="connsiteX43" fmla="*/ 214724 w 541226"/>
                  <a:gd name="connsiteY43" fmla="*/ 316448 h 490687"/>
                  <a:gd name="connsiteX44" fmla="*/ 204539 w 541226"/>
                  <a:gd name="connsiteY44" fmla="*/ 332331 h 490687"/>
                  <a:gd name="connsiteX45" fmla="*/ 207691 w 541226"/>
                  <a:gd name="connsiteY45" fmla="*/ 398651 h 490687"/>
                  <a:gd name="connsiteX46" fmla="*/ 169015 w 541226"/>
                  <a:gd name="connsiteY46" fmla="*/ 426416 h 490687"/>
                  <a:gd name="connsiteX47" fmla="*/ 137006 w 541226"/>
                  <a:gd name="connsiteY47" fmla="*/ 385072 h 490687"/>
                  <a:gd name="connsiteX48" fmla="*/ 162710 w 541226"/>
                  <a:gd name="connsiteY48" fmla="*/ 290501 h 490687"/>
                  <a:gd name="connsiteX49" fmla="*/ 248066 w 541226"/>
                  <a:gd name="connsiteY49" fmla="*/ 248066 h 490687"/>
                  <a:gd name="connsiteX50" fmla="*/ 291471 w 541226"/>
                  <a:gd name="connsiteY50" fmla="*/ 153980 h 490687"/>
                  <a:gd name="connsiteX51" fmla="*/ 291471 w 541226"/>
                  <a:gd name="connsiteY51" fmla="*/ 151919 h 490687"/>
                  <a:gd name="connsiteX52" fmla="*/ 388224 w 541226"/>
                  <a:gd name="connsiteY52" fmla="*/ 157618 h 490687"/>
                  <a:gd name="connsiteX53" fmla="*/ 413928 w 541226"/>
                  <a:gd name="connsiteY53" fmla="*/ 202114 h 490687"/>
                  <a:gd name="connsiteX54" fmla="*/ 383011 w 541226"/>
                  <a:gd name="connsiteY54" fmla="*/ 229879 h 490687"/>
                  <a:gd name="connsiteX55" fmla="*/ 336574 w 541226"/>
                  <a:gd name="connsiteY55" fmla="*/ 208176 h 490687"/>
                  <a:gd name="connsiteX56" fmla="*/ 318024 w 541226"/>
                  <a:gd name="connsiteY56" fmla="*/ 211814 h 490687"/>
                  <a:gd name="connsiteX57" fmla="*/ 321661 w 541226"/>
                  <a:gd name="connsiteY57" fmla="*/ 230364 h 490687"/>
                  <a:gd name="connsiteX58" fmla="*/ 378767 w 541226"/>
                  <a:gd name="connsiteY58" fmla="*/ 256310 h 490687"/>
                  <a:gd name="connsiteX59" fmla="*/ 386769 w 541226"/>
                  <a:gd name="connsiteY59" fmla="*/ 256917 h 490687"/>
                  <a:gd name="connsiteX60" fmla="*/ 423142 w 541226"/>
                  <a:gd name="connsiteY60" fmla="*/ 240549 h 490687"/>
                  <a:gd name="connsiteX61" fmla="*/ 449452 w 541226"/>
                  <a:gd name="connsiteY61" fmla="*/ 253037 h 490687"/>
                  <a:gd name="connsiteX62" fmla="*/ 515046 w 541226"/>
                  <a:gd name="connsiteY62" fmla="*/ 288319 h 490687"/>
                  <a:gd name="connsiteX63" fmla="*/ 535536 w 541226"/>
                  <a:gd name="connsiteY63" fmla="*/ 351366 h 490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Lst>
                <a:rect l="l" t="t" r="r" b="b"/>
                <a:pathLst>
                  <a:path w="541226" h="490687">
                    <a:moveTo>
                      <a:pt x="80142" y="238003"/>
                    </a:moveTo>
                    <a:cubicBezTo>
                      <a:pt x="77596" y="235335"/>
                      <a:pt x="74080" y="233880"/>
                      <a:pt x="70443" y="233880"/>
                    </a:cubicBezTo>
                    <a:cubicBezTo>
                      <a:pt x="68139" y="233880"/>
                      <a:pt x="65714" y="234486"/>
                      <a:pt x="63653" y="235699"/>
                    </a:cubicBezTo>
                    <a:cubicBezTo>
                      <a:pt x="47043" y="245520"/>
                      <a:pt x="25946" y="242973"/>
                      <a:pt x="12367" y="229394"/>
                    </a:cubicBezTo>
                    <a:cubicBezTo>
                      <a:pt x="4365" y="221392"/>
                      <a:pt x="0" y="210844"/>
                      <a:pt x="0" y="199568"/>
                    </a:cubicBezTo>
                    <a:cubicBezTo>
                      <a:pt x="0" y="188292"/>
                      <a:pt x="4365" y="177744"/>
                      <a:pt x="12367" y="169742"/>
                    </a:cubicBezTo>
                    <a:cubicBezTo>
                      <a:pt x="20854" y="161255"/>
                      <a:pt x="32493" y="157011"/>
                      <a:pt x="44739" y="157618"/>
                    </a:cubicBezTo>
                    <a:cubicBezTo>
                      <a:pt x="51286" y="158102"/>
                      <a:pt x="56864" y="153738"/>
                      <a:pt x="58440" y="147554"/>
                    </a:cubicBezTo>
                    <a:cubicBezTo>
                      <a:pt x="63775" y="126579"/>
                      <a:pt x="74929" y="107059"/>
                      <a:pt x="90812" y="91054"/>
                    </a:cubicBezTo>
                    <a:lnTo>
                      <a:pt x="90933" y="91054"/>
                    </a:lnTo>
                    <a:cubicBezTo>
                      <a:pt x="106816" y="74929"/>
                      <a:pt x="126336" y="63774"/>
                      <a:pt x="147312" y="58440"/>
                    </a:cubicBezTo>
                    <a:cubicBezTo>
                      <a:pt x="153495" y="56864"/>
                      <a:pt x="157739" y="51165"/>
                      <a:pt x="157375" y="44739"/>
                    </a:cubicBezTo>
                    <a:cubicBezTo>
                      <a:pt x="156648" y="32372"/>
                      <a:pt x="160891" y="20854"/>
                      <a:pt x="169500" y="12367"/>
                    </a:cubicBezTo>
                    <a:cubicBezTo>
                      <a:pt x="185989" y="-4122"/>
                      <a:pt x="212784" y="-4122"/>
                      <a:pt x="229152" y="12367"/>
                    </a:cubicBezTo>
                    <a:cubicBezTo>
                      <a:pt x="242731" y="25946"/>
                      <a:pt x="245277" y="47043"/>
                      <a:pt x="235456" y="63653"/>
                    </a:cubicBezTo>
                    <a:cubicBezTo>
                      <a:pt x="232304" y="68988"/>
                      <a:pt x="233274" y="75656"/>
                      <a:pt x="237639" y="80021"/>
                    </a:cubicBezTo>
                    <a:lnTo>
                      <a:pt x="238972" y="81234"/>
                    </a:lnTo>
                    <a:cubicBezTo>
                      <a:pt x="257280" y="99420"/>
                      <a:pt x="266374" y="124760"/>
                      <a:pt x="264798" y="152404"/>
                    </a:cubicBezTo>
                    <a:cubicBezTo>
                      <a:pt x="263100" y="180654"/>
                      <a:pt x="250491" y="207934"/>
                      <a:pt x="229030" y="229394"/>
                    </a:cubicBezTo>
                    <a:cubicBezTo>
                      <a:pt x="185504" y="272921"/>
                      <a:pt x="119062" y="277286"/>
                      <a:pt x="80991" y="239215"/>
                    </a:cubicBezTo>
                    <a:cubicBezTo>
                      <a:pt x="80870" y="238972"/>
                      <a:pt x="80021" y="238245"/>
                      <a:pt x="79900" y="238003"/>
                    </a:cubicBezTo>
                    <a:close/>
                    <a:moveTo>
                      <a:pt x="535778" y="351366"/>
                    </a:moveTo>
                    <a:cubicBezTo>
                      <a:pt x="519653" y="375251"/>
                      <a:pt x="486675" y="368461"/>
                      <a:pt x="463517" y="356094"/>
                    </a:cubicBezTo>
                    <a:cubicBezTo>
                      <a:pt x="467154" y="346274"/>
                      <a:pt x="469337" y="336574"/>
                      <a:pt x="470428" y="327723"/>
                    </a:cubicBezTo>
                    <a:cubicBezTo>
                      <a:pt x="471276" y="320448"/>
                      <a:pt x="466184" y="313780"/>
                      <a:pt x="458788" y="312810"/>
                    </a:cubicBezTo>
                    <a:cubicBezTo>
                      <a:pt x="451514" y="311840"/>
                      <a:pt x="444845" y="317054"/>
                      <a:pt x="443875" y="324450"/>
                    </a:cubicBezTo>
                    <a:cubicBezTo>
                      <a:pt x="439389" y="360459"/>
                      <a:pt x="418414" y="386284"/>
                      <a:pt x="381313" y="401197"/>
                    </a:cubicBezTo>
                    <a:cubicBezTo>
                      <a:pt x="374524" y="403986"/>
                      <a:pt x="371129" y="411746"/>
                      <a:pt x="373917" y="418535"/>
                    </a:cubicBezTo>
                    <a:cubicBezTo>
                      <a:pt x="375978" y="423749"/>
                      <a:pt x="380950" y="426901"/>
                      <a:pt x="386284" y="426901"/>
                    </a:cubicBezTo>
                    <a:cubicBezTo>
                      <a:pt x="387982" y="426901"/>
                      <a:pt x="389679" y="426537"/>
                      <a:pt x="391255" y="425931"/>
                    </a:cubicBezTo>
                    <a:cubicBezTo>
                      <a:pt x="401561" y="421809"/>
                      <a:pt x="410412" y="416959"/>
                      <a:pt x="418293" y="411867"/>
                    </a:cubicBezTo>
                    <a:cubicBezTo>
                      <a:pt x="432357" y="425204"/>
                      <a:pt x="440117" y="439632"/>
                      <a:pt x="440238" y="452969"/>
                    </a:cubicBezTo>
                    <a:cubicBezTo>
                      <a:pt x="440359" y="463880"/>
                      <a:pt x="435509" y="473823"/>
                      <a:pt x="426295" y="481703"/>
                    </a:cubicBezTo>
                    <a:cubicBezTo>
                      <a:pt x="414170" y="492009"/>
                      <a:pt x="397317" y="498920"/>
                      <a:pt x="363854" y="470670"/>
                    </a:cubicBezTo>
                    <a:cubicBezTo>
                      <a:pt x="355452" y="463553"/>
                      <a:pt x="347328" y="455721"/>
                      <a:pt x="339484" y="447149"/>
                    </a:cubicBezTo>
                    <a:cubicBezTo>
                      <a:pt x="336695" y="444118"/>
                      <a:pt x="333179" y="440238"/>
                      <a:pt x="328814" y="435509"/>
                    </a:cubicBezTo>
                    <a:cubicBezTo>
                      <a:pt x="329542" y="431387"/>
                      <a:pt x="329906" y="427143"/>
                      <a:pt x="330027" y="422536"/>
                    </a:cubicBezTo>
                    <a:lnTo>
                      <a:pt x="330512" y="401803"/>
                    </a:lnTo>
                    <a:lnTo>
                      <a:pt x="353306" y="379979"/>
                    </a:lnTo>
                    <a:cubicBezTo>
                      <a:pt x="379737" y="354761"/>
                      <a:pt x="371977" y="314265"/>
                      <a:pt x="354882" y="296321"/>
                    </a:cubicBezTo>
                    <a:cubicBezTo>
                      <a:pt x="341424" y="282378"/>
                      <a:pt x="323480" y="281529"/>
                      <a:pt x="310022" y="294381"/>
                    </a:cubicBezTo>
                    <a:cubicBezTo>
                      <a:pt x="294502" y="309173"/>
                      <a:pt x="260069" y="341303"/>
                      <a:pt x="236911" y="363005"/>
                    </a:cubicBezTo>
                    <a:cubicBezTo>
                      <a:pt x="235699" y="351002"/>
                      <a:pt x="233274" y="338635"/>
                      <a:pt x="230607" y="326632"/>
                    </a:cubicBezTo>
                    <a:cubicBezTo>
                      <a:pt x="229030" y="319479"/>
                      <a:pt x="221877" y="314871"/>
                      <a:pt x="214724" y="316448"/>
                    </a:cubicBezTo>
                    <a:cubicBezTo>
                      <a:pt x="207570" y="318024"/>
                      <a:pt x="202963" y="325177"/>
                      <a:pt x="204539" y="332331"/>
                    </a:cubicBezTo>
                    <a:cubicBezTo>
                      <a:pt x="209874" y="356337"/>
                      <a:pt x="214481" y="381313"/>
                      <a:pt x="207691" y="398651"/>
                    </a:cubicBezTo>
                    <a:cubicBezTo>
                      <a:pt x="199811" y="418656"/>
                      <a:pt x="186837" y="427992"/>
                      <a:pt x="169015" y="426416"/>
                    </a:cubicBezTo>
                    <a:cubicBezTo>
                      <a:pt x="148645" y="424597"/>
                      <a:pt x="138097" y="403622"/>
                      <a:pt x="137006" y="385072"/>
                    </a:cubicBezTo>
                    <a:cubicBezTo>
                      <a:pt x="134824" y="350275"/>
                      <a:pt x="143553" y="318509"/>
                      <a:pt x="162710" y="290501"/>
                    </a:cubicBezTo>
                    <a:cubicBezTo>
                      <a:pt x="193142" y="286621"/>
                      <a:pt x="223574" y="272436"/>
                      <a:pt x="248066" y="248066"/>
                    </a:cubicBezTo>
                    <a:cubicBezTo>
                      <a:pt x="274012" y="222119"/>
                      <a:pt x="289410" y="188656"/>
                      <a:pt x="291471" y="153980"/>
                    </a:cubicBezTo>
                    <a:cubicBezTo>
                      <a:pt x="291471" y="153253"/>
                      <a:pt x="291471" y="152646"/>
                      <a:pt x="291471" y="151919"/>
                    </a:cubicBezTo>
                    <a:cubicBezTo>
                      <a:pt x="322752" y="143553"/>
                      <a:pt x="361914" y="145614"/>
                      <a:pt x="388224" y="157618"/>
                    </a:cubicBezTo>
                    <a:cubicBezTo>
                      <a:pt x="403743" y="164771"/>
                      <a:pt x="418414" y="181745"/>
                      <a:pt x="413928" y="202114"/>
                    </a:cubicBezTo>
                    <a:cubicBezTo>
                      <a:pt x="409806" y="221028"/>
                      <a:pt x="397439" y="232304"/>
                      <a:pt x="383011" y="229879"/>
                    </a:cubicBezTo>
                    <a:cubicBezTo>
                      <a:pt x="366036" y="227090"/>
                      <a:pt x="355367" y="220786"/>
                      <a:pt x="336574" y="208176"/>
                    </a:cubicBezTo>
                    <a:cubicBezTo>
                      <a:pt x="330512" y="204054"/>
                      <a:pt x="322146" y="205630"/>
                      <a:pt x="318024" y="211814"/>
                    </a:cubicBezTo>
                    <a:cubicBezTo>
                      <a:pt x="313901" y="217876"/>
                      <a:pt x="315478" y="226242"/>
                      <a:pt x="321661" y="230364"/>
                    </a:cubicBezTo>
                    <a:cubicBezTo>
                      <a:pt x="341303" y="243580"/>
                      <a:pt x="355852" y="252552"/>
                      <a:pt x="378767" y="256310"/>
                    </a:cubicBezTo>
                    <a:cubicBezTo>
                      <a:pt x="381434" y="256795"/>
                      <a:pt x="384102" y="256917"/>
                      <a:pt x="386769" y="256917"/>
                    </a:cubicBezTo>
                    <a:cubicBezTo>
                      <a:pt x="400591" y="256917"/>
                      <a:pt x="413322" y="250854"/>
                      <a:pt x="423142" y="240549"/>
                    </a:cubicBezTo>
                    <a:cubicBezTo>
                      <a:pt x="431266" y="244671"/>
                      <a:pt x="440238" y="248793"/>
                      <a:pt x="449452" y="253037"/>
                    </a:cubicBezTo>
                    <a:cubicBezTo>
                      <a:pt x="471883" y="263464"/>
                      <a:pt x="497344" y="275224"/>
                      <a:pt x="515046" y="288319"/>
                    </a:cubicBezTo>
                    <a:cubicBezTo>
                      <a:pt x="539416" y="306263"/>
                      <a:pt x="548024" y="332815"/>
                      <a:pt x="535536" y="351366"/>
                    </a:cubicBezTo>
                    <a:close/>
                  </a:path>
                </a:pathLst>
              </a:custGeom>
              <a:solidFill>
                <a:srgbClr val="C7E4F1"/>
              </a:solidFill>
              <a:ln w="12102" cap="flat">
                <a:noFill/>
                <a:prstDash val="solid"/>
                <a:miter/>
              </a:ln>
            </p:spPr>
            <p:txBody>
              <a:bodyPr rtlCol="0" anchor="ctr"/>
              <a:lstStyle/>
              <a:p>
                <a:endParaRPr lang="en-AU"/>
              </a:p>
            </p:txBody>
          </p:sp>
          <p:grpSp>
            <p:nvGrpSpPr>
              <p:cNvPr id="1102" name="Graphic 2">
                <a:extLst>
                  <a:ext uri="{FF2B5EF4-FFF2-40B4-BE49-F238E27FC236}">
                    <a16:creationId xmlns:a16="http://schemas.microsoft.com/office/drawing/2014/main" id="{B6DA0E4A-A0F5-E017-C0BC-D0F89052E080}"/>
                  </a:ext>
                </a:extLst>
              </p:cNvPr>
              <p:cNvGrpSpPr/>
              <p:nvPr/>
            </p:nvGrpSpPr>
            <p:grpSpPr>
              <a:xfrm>
                <a:off x="8178247" y="2830055"/>
                <a:ext cx="502551" cy="528967"/>
                <a:chOff x="1747653" y="1844065"/>
                <a:chExt cx="594469" cy="658841"/>
              </a:xfrm>
              <a:solidFill>
                <a:srgbClr val="265A9A"/>
              </a:solidFill>
            </p:grpSpPr>
            <p:sp>
              <p:nvSpPr>
                <p:cNvPr id="1103" name="Freeform: Shape 1102">
                  <a:extLst>
                    <a:ext uri="{FF2B5EF4-FFF2-40B4-BE49-F238E27FC236}">
                      <a16:creationId xmlns:a16="http://schemas.microsoft.com/office/drawing/2014/main" id="{3C80DA0C-5D3B-8359-B40E-3C92066A07A2}"/>
                    </a:ext>
                  </a:extLst>
                </p:cNvPr>
                <p:cNvSpPr/>
                <p:nvPr/>
              </p:nvSpPr>
              <p:spPr>
                <a:xfrm>
                  <a:off x="2097442" y="2359354"/>
                  <a:ext cx="57469" cy="88508"/>
                </a:xfrm>
                <a:custGeom>
                  <a:avLst/>
                  <a:gdLst>
                    <a:gd name="connsiteX0" fmla="*/ 26674 w 57469"/>
                    <a:gd name="connsiteY0" fmla="*/ 88508 h 88508"/>
                    <a:gd name="connsiteX1" fmla="*/ 0 w 57469"/>
                    <a:gd name="connsiteY1" fmla="*/ 88508 h 88508"/>
                    <a:gd name="connsiteX2" fmla="*/ 0 w 57469"/>
                    <a:gd name="connsiteY2" fmla="*/ 29099 h 88508"/>
                    <a:gd name="connsiteX3" fmla="*/ 8002 w 57469"/>
                    <a:gd name="connsiteY3" fmla="*/ 25583 h 88508"/>
                    <a:gd name="connsiteX4" fmla="*/ 31039 w 57469"/>
                    <a:gd name="connsiteY4" fmla="*/ 0 h 88508"/>
                    <a:gd name="connsiteX5" fmla="*/ 57470 w 57469"/>
                    <a:gd name="connsiteY5" fmla="*/ 3516 h 88508"/>
                    <a:gd name="connsiteX6" fmla="*/ 26553 w 57469"/>
                    <a:gd name="connsiteY6" fmla="*/ 45709 h 88508"/>
                    <a:gd name="connsiteX7" fmla="*/ 26553 w 57469"/>
                    <a:gd name="connsiteY7" fmla="*/ 88508 h 88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469" h="88508">
                      <a:moveTo>
                        <a:pt x="26674" y="88508"/>
                      </a:moveTo>
                      <a:lnTo>
                        <a:pt x="0" y="88508"/>
                      </a:lnTo>
                      <a:lnTo>
                        <a:pt x="0" y="29099"/>
                      </a:lnTo>
                      <a:lnTo>
                        <a:pt x="8002" y="25583"/>
                      </a:lnTo>
                      <a:cubicBezTo>
                        <a:pt x="8002" y="25583"/>
                        <a:pt x="28977" y="15883"/>
                        <a:pt x="31039" y="0"/>
                      </a:cubicBezTo>
                      <a:lnTo>
                        <a:pt x="57470" y="3516"/>
                      </a:lnTo>
                      <a:cubicBezTo>
                        <a:pt x="54560" y="25461"/>
                        <a:pt x="37101" y="39283"/>
                        <a:pt x="26553" y="45709"/>
                      </a:cubicBezTo>
                      <a:lnTo>
                        <a:pt x="26553" y="88508"/>
                      </a:lnTo>
                      <a:close/>
                    </a:path>
                  </a:pathLst>
                </a:custGeom>
                <a:solidFill>
                  <a:srgbClr val="265A9A"/>
                </a:solidFill>
                <a:ln w="12102" cap="flat">
                  <a:noFill/>
                  <a:prstDash val="solid"/>
                  <a:miter/>
                </a:ln>
              </p:spPr>
              <p:txBody>
                <a:bodyPr rtlCol="0" anchor="ctr"/>
                <a:lstStyle/>
                <a:p>
                  <a:endParaRPr lang="en-AU"/>
                </a:p>
              </p:txBody>
            </p:sp>
            <p:sp>
              <p:nvSpPr>
                <p:cNvPr id="1104" name="Freeform: Shape 1103">
                  <a:extLst>
                    <a:ext uri="{FF2B5EF4-FFF2-40B4-BE49-F238E27FC236}">
                      <a16:creationId xmlns:a16="http://schemas.microsoft.com/office/drawing/2014/main" id="{D75EF2A6-823B-4AAE-0004-D7A2FDE1E28E}"/>
                    </a:ext>
                  </a:extLst>
                </p:cNvPr>
                <p:cNvSpPr/>
                <p:nvPr/>
              </p:nvSpPr>
              <p:spPr>
                <a:xfrm>
                  <a:off x="1988201" y="2156093"/>
                  <a:ext cx="156695" cy="214778"/>
                </a:xfrm>
                <a:custGeom>
                  <a:avLst/>
                  <a:gdLst>
                    <a:gd name="connsiteX0" fmla="*/ 47043 w 156695"/>
                    <a:gd name="connsiteY0" fmla="*/ 214779 h 214778"/>
                    <a:gd name="connsiteX1" fmla="*/ 46679 w 156695"/>
                    <a:gd name="connsiteY1" fmla="*/ 214779 h 214778"/>
                    <a:gd name="connsiteX2" fmla="*/ 47285 w 156695"/>
                    <a:gd name="connsiteY2" fmla="*/ 188105 h 214778"/>
                    <a:gd name="connsiteX3" fmla="*/ 89600 w 156695"/>
                    <a:gd name="connsiteY3" fmla="*/ 136697 h 214778"/>
                    <a:gd name="connsiteX4" fmla="*/ 90327 w 156695"/>
                    <a:gd name="connsiteY4" fmla="*/ 104931 h 214778"/>
                    <a:gd name="connsiteX5" fmla="*/ 121123 w 156695"/>
                    <a:gd name="connsiteY5" fmla="*/ 75469 h 214778"/>
                    <a:gd name="connsiteX6" fmla="*/ 121851 w 156695"/>
                    <a:gd name="connsiteY6" fmla="*/ 29518 h 214778"/>
                    <a:gd name="connsiteX7" fmla="*/ 114697 w 156695"/>
                    <a:gd name="connsiteY7" fmla="*/ 28426 h 214778"/>
                    <a:gd name="connsiteX8" fmla="*/ 18187 w 156695"/>
                    <a:gd name="connsiteY8" fmla="*/ 118753 h 214778"/>
                    <a:gd name="connsiteX9" fmla="*/ 0 w 156695"/>
                    <a:gd name="connsiteY9" fmla="*/ 99233 h 214778"/>
                    <a:gd name="connsiteX10" fmla="*/ 96268 w 156695"/>
                    <a:gd name="connsiteY10" fmla="*/ 9148 h 214778"/>
                    <a:gd name="connsiteX11" fmla="*/ 141128 w 156695"/>
                    <a:gd name="connsiteY11" fmla="*/ 11088 h 214778"/>
                    <a:gd name="connsiteX12" fmla="*/ 139552 w 156695"/>
                    <a:gd name="connsiteY12" fmla="*/ 94747 h 214778"/>
                    <a:gd name="connsiteX13" fmla="*/ 116758 w 156695"/>
                    <a:gd name="connsiteY13" fmla="*/ 116571 h 214778"/>
                    <a:gd name="connsiteX14" fmla="*/ 116273 w 156695"/>
                    <a:gd name="connsiteY14" fmla="*/ 137304 h 214778"/>
                    <a:gd name="connsiteX15" fmla="*/ 85477 w 156695"/>
                    <a:gd name="connsiteY15" fmla="*/ 199260 h 214778"/>
                    <a:gd name="connsiteX16" fmla="*/ 47043 w 156695"/>
                    <a:gd name="connsiteY16" fmla="*/ 214779 h 2147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6695" h="214778">
                      <a:moveTo>
                        <a:pt x="47043" y="214779"/>
                      </a:moveTo>
                      <a:lnTo>
                        <a:pt x="46679" y="214779"/>
                      </a:lnTo>
                      <a:lnTo>
                        <a:pt x="47285" y="188105"/>
                      </a:lnTo>
                      <a:cubicBezTo>
                        <a:pt x="47285" y="188105"/>
                        <a:pt x="88630" y="180830"/>
                        <a:pt x="89600" y="136697"/>
                      </a:cubicBezTo>
                      <a:lnTo>
                        <a:pt x="90327" y="104931"/>
                      </a:lnTo>
                      <a:lnTo>
                        <a:pt x="121123" y="75469"/>
                      </a:lnTo>
                      <a:cubicBezTo>
                        <a:pt x="135187" y="62011"/>
                        <a:pt x="130944" y="38975"/>
                        <a:pt x="121851" y="29518"/>
                      </a:cubicBezTo>
                      <a:cubicBezTo>
                        <a:pt x="117849" y="25395"/>
                        <a:pt x="116637" y="26608"/>
                        <a:pt x="114697" y="28426"/>
                      </a:cubicBezTo>
                      <a:cubicBezTo>
                        <a:pt x="90206" y="51948"/>
                        <a:pt x="18914" y="118147"/>
                        <a:pt x="18187" y="118753"/>
                      </a:cubicBezTo>
                      <a:lnTo>
                        <a:pt x="0" y="99233"/>
                      </a:lnTo>
                      <a:cubicBezTo>
                        <a:pt x="727" y="98627"/>
                        <a:pt x="71898" y="32549"/>
                        <a:pt x="96268" y="9148"/>
                      </a:cubicBezTo>
                      <a:cubicBezTo>
                        <a:pt x="109726" y="-3703"/>
                        <a:pt x="127791" y="-2976"/>
                        <a:pt x="141128" y="11088"/>
                      </a:cubicBezTo>
                      <a:cubicBezTo>
                        <a:pt x="158224" y="28911"/>
                        <a:pt x="165862" y="69407"/>
                        <a:pt x="139552" y="94747"/>
                      </a:cubicBezTo>
                      <a:lnTo>
                        <a:pt x="116758" y="116571"/>
                      </a:lnTo>
                      <a:lnTo>
                        <a:pt x="116273" y="137304"/>
                      </a:lnTo>
                      <a:cubicBezTo>
                        <a:pt x="115546" y="169918"/>
                        <a:pt x="99178" y="188954"/>
                        <a:pt x="85477" y="199260"/>
                      </a:cubicBezTo>
                      <a:cubicBezTo>
                        <a:pt x="70322" y="210657"/>
                        <a:pt x="54075" y="214779"/>
                        <a:pt x="47043" y="214779"/>
                      </a:cubicBezTo>
                      <a:close/>
                    </a:path>
                  </a:pathLst>
                </a:custGeom>
                <a:solidFill>
                  <a:srgbClr val="265A9A"/>
                </a:solidFill>
                <a:ln w="12102" cap="flat">
                  <a:noFill/>
                  <a:prstDash val="solid"/>
                  <a:miter/>
                </a:ln>
              </p:spPr>
              <p:txBody>
                <a:bodyPr rtlCol="0" anchor="ctr"/>
                <a:lstStyle/>
                <a:p>
                  <a:endParaRPr lang="en-AU"/>
                </a:p>
              </p:txBody>
            </p:sp>
            <p:sp>
              <p:nvSpPr>
                <p:cNvPr id="1105" name="Freeform: Shape 1104">
                  <a:extLst>
                    <a:ext uri="{FF2B5EF4-FFF2-40B4-BE49-F238E27FC236}">
                      <a16:creationId xmlns:a16="http://schemas.microsoft.com/office/drawing/2014/main" id="{6C9E96CD-C5DE-F595-ADF3-C1D774C7FDFA}"/>
                    </a:ext>
                  </a:extLst>
                </p:cNvPr>
                <p:cNvSpPr/>
                <p:nvPr/>
              </p:nvSpPr>
              <p:spPr>
                <a:xfrm>
                  <a:off x="1916910" y="2307704"/>
                  <a:ext cx="26673" cy="140158"/>
                </a:xfrm>
                <a:custGeom>
                  <a:avLst/>
                  <a:gdLst>
                    <a:gd name="connsiteX0" fmla="*/ 0 w 26673"/>
                    <a:gd name="connsiteY0" fmla="*/ 0 h 140158"/>
                    <a:gd name="connsiteX1" fmla="*/ 26674 w 26673"/>
                    <a:gd name="connsiteY1" fmla="*/ 0 h 140158"/>
                    <a:gd name="connsiteX2" fmla="*/ 26674 w 26673"/>
                    <a:gd name="connsiteY2" fmla="*/ 140158 h 140158"/>
                    <a:gd name="connsiteX3" fmla="*/ 0 w 26673"/>
                    <a:gd name="connsiteY3" fmla="*/ 140158 h 140158"/>
                  </a:gdLst>
                  <a:ahLst/>
                  <a:cxnLst>
                    <a:cxn ang="0">
                      <a:pos x="connsiteX0" y="connsiteY0"/>
                    </a:cxn>
                    <a:cxn ang="0">
                      <a:pos x="connsiteX1" y="connsiteY1"/>
                    </a:cxn>
                    <a:cxn ang="0">
                      <a:pos x="connsiteX2" y="connsiteY2"/>
                    </a:cxn>
                    <a:cxn ang="0">
                      <a:pos x="connsiteX3" y="connsiteY3"/>
                    </a:cxn>
                  </a:cxnLst>
                  <a:rect l="l" t="t" r="r" b="b"/>
                  <a:pathLst>
                    <a:path w="26673" h="140158">
                      <a:moveTo>
                        <a:pt x="0" y="0"/>
                      </a:moveTo>
                      <a:lnTo>
                        <a:pt x="26674" y="0"/>
                      </a:lnTo>
                      <a:lnTo>
                        <a:pt x="26674" y="140158"/>
                      </a:lnTo>
                      <a:lnTo>
                        <a:pt x="0" y="140158"/>
                      </a:lnTo>
                      <a:close/>
                    </a:path>
                  </a:pathLst>
                </a:custGeom>
                <a:solidFill>
                  <a:srgbClr val="265A9A"/>
                </a:solidFill>
                <a:ln w="12102" cap="flat">
                  <a:noFill/>
                  <a:prstDash val="solid"/>
                  <a:miter/>
                </a:ln>
              </p:spPr>
              <p:txBody>
                <a:bodyPr rtlCol="0" anchor="ctr"/>
                <a:lstStyle/>
                <a:p>
                  <a:endParaRPr lang="en-AU"/>
                </a:p>
              </p:txBody>
            </p:sp>
            <p:sp>
              <p:nvSpPr>
                <p:cNvPr id="1106" name="Freeform: Shape 1105">
                  <a:extLst>
                    <a:ext uri="{FF2B5EF4-FFF2-40B4-BE49-F238E27FC236}">
                      <a16:creationId xmlns:a16="http://schemas.microsoft.com/office/drawing/2014/main" id="{FF47399E-B332-413A-29F4-39B88DB070D8}"/>
                    </a:ext>
                  </a:extLst>
                </p:cNvPr>
                <p:cNvSpPr/>
                <p:nvPr/>
              </p:nvSpPr>
              <p:spPr>
                <a:xfrm>
                  <a:off x="1889145" y="2434525"/>
                  <a:ext cx="262736" cy="68381"/>
                </a:xfrm>
                <a:custGeom>
                  <a:avLst/>
                  <a:gdLst>
                    <a:gd name="connsiteX0" fmla="*/ 249399 w 262736"/>
                    <a:gd name="connsiteY0" fmla="*/ 68382 h 68381"/>
                    <a:gd name="connsiteX1" fmla="*/ 236063 w 262736"/>
                    <a:gd name="connsiteY1" fmla="*/ 55045 h 68381"/>
                    <a:gd name="connsiteX2" fmla="*/ 236063 w 262736"/>
                    <a:gd name="connsiteY2" fmla="*/ 26674 h 68381"/>
                    <a:gd name="connsiteX3" fmla="*/ 26674 w 262736"/>
                    <a:gd name="connsiteY3" fmla="*/ 26674 h 68381"/>
                    <a:gd name="connsiteX4" fmla="*/ 26674 w 262736"/>
                    <a:gd name="connsiteY4" fmla="*/ 55045 h 68381"/>
                    <a:gd name="connsiteX5" fmla="*/ 13337 w 262736"/>
                    <a:gd name="connsiteY5" fmla="*/ 68382 h 68381"/>
                    <a:gd name="connsiteX6" fmla="*/ 0 w 262736"/>
                    <a:gd name="connsiteY6" fmla="*/ 55045 h 68381"/>
                    <a:gd name="connsiteX7" fmla="*/ 0 w 262736"/>
                    <a:gd name="connsiteY7" fmla="*/ 13337 h 68381"/>
                    <a:gd name="connsiteX8" fmla="*/ 13337 w 262736"/>
                    <a:gd name="connsiteY8" fmla="*/ 0 h 68381"/>
                    <a:gd name="connsiteX9" fmla="*/ 249399 w 262736"/>
                    <a:gd name="connsiteY9" fmla="*/ 0 h 68381"/>
                    <a:gd name="connsiteX10" fmla="*/ 262736 w 262736"/>
                    <a:gd name="connsiteY10" fmla="*/ 13337 h 68381"/>
                    <a:gd name="connsiteX11" fmla="*/ 262736 w 262736"/>
                    <a:gd name="connsiteY11" fmla="*/ 55045 h 68381"/>
                    <a:gd name="connsiteX12" fmla="*/ 249399 w 262736"/>
                    <a:gd name="connsiteY12" fmla="*/ 68382 h 68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62736" h="68381">
                      <a:moveTo>
                        <a:pt x="249399" y="68382"/>
                      </a:moveTo>
                      <a:cubicBezTo>
                        <a:pt x="242003" y="68382"/>
                        <a:pt x="236063" y="62441"/>
                        <a:pt x="236063" y="55045"/>
                      </a:cubicBezTo>
                      <a:lnTo>
                        <a:pt x="236063" y="26674"/>
                      </a:lnTo>
                      <a:lnTo>
                        <a:pt x="26674" y="26674"/>
                      </a:lnTo>
                      <a:lnTo>
                        <a:pt x="26674" y="55045"/>
                      </a:lnTo>
                      <a:cubicBezTo>
                        <a:pt x="26674" y="62441"/>
                        <a:pt x="20733" y="68382"/>
                        <a:pt x="13337" y="68382"/>
                      </a:cubicBezTo>
                      <a:cubicBezTo>
                        <a:pt x="5941" y="68382"/>
                        <a:pt x="0" y="62441"/>
                        <a:pt x="0" y="55045"/>
                      </a:cubicBezTo>
                      <a:lnTo>
                        <a:pt x="0" y="13337"/>
                      </a:lnTo>
                      <a:cubicBezTo>
                        <a:pt x="0" y="5941"/>
                        <a:pt x="5941" y="0"/>
                        <a:pt x="13337" y="0"/>
                      </a:cubicBezTo>
                      <a:lnTo>
                        <a:pt x="249399" y="0"/>
                      </a:lnTo>
                      <a:cubicBezTo>
                        <a:pt x="256795" y="0"/>
                        <a:pt x="262736" y="5941"/>
                        <a:pt x="262736" y="13337"/>
                      </a:cubicBezTo>
                      <a:lnTo>
                        <a:pt x="262736" y="55045"/>
                      </a:lnTo>
                      <a:cubicBezTo>
                        <a:pt x="262736" y="62441"/>
                        <a:pt x="256795" y="68382"/>
                        <a:pt x="249399" y="68382"/>
                      </a:cubicBezTo>
                      <a:close/>
                    </a:path>
                  </a:pathLst>
                </a:custGeom>
                <a:solidFill>
                  <a:srgbClr val="265A9A"/>
                </a:solidFill>
                <a:ln w="12102" cap="flat">
                  <a:noFill/>
                  <a:prstDash val="solid"/>
                  <a:miter/>
                </a:ln>
              </p:spPr>
              <p:txBody>
                <a:bodyPr rtlCol="0" anchor="ctr"/>
                <a:lstStyle/>
                <a:p>
                  <a:endParaRPr lang="en-AU"/>
                </a:p>
              </p:txBody>
            </p:sp>
            <p:sp>
              <p:nvSpPr>
                <p:cNvPr id="1107" name="Freeform: Shape 1106">
                  <a:extLst>
                    <a:ext uri="{FF2B5EF4-FFF2-40B4-BE49-F238E27FC236}">
                      <a16:creationId xmlns:a16="http://schemas.microsoft.com/office/drawing/2014/main" id="{D83CC4AA-C3C3-16D0-4E68-E831014A70FA}"/>
                    </a:ext>
                  </a:extLst>
                </p:cNvPr>
                <p:cNvSpPr/>
                <p:nvPr/>
              </p:nvSpPr>
              <p:spPr>
                <a:xfrm>
                  <a:off x="2075502" y="2252409"/>
                  <a:ext cx="165741" cy="136043"/>
                </a:xfrm>
                <a:custGeom>
                  <a:avLst/>
                  <a:gdLst>
                    <a:gd name="connsiteX0" fmla="*/ 103538 w 165741"/>
                    <a:gd name="connsiteY0" fmla="*/ 135922 h 136043"/>
                    <a:gd name="connsiteX1" fmla="*/ 46432 w 165741"/>
                    <a:gd name="connsiteY1" fmla="*/ 110218 h 136043"/>
                    <a:gd name="connsiteX2" fmla="*/ 18667 w 165741"/>
                    <a:gd name="connsiteY2" fmla="*/ 83545 h 136043"/>
                    <a:gd name="connsiteX3" fmla="*/ 3512 w 165741"/>
                    <a:gd name="connsiteY3" fmla="*/ 67056 h 136043"/>
                    <a:gd name="connsiteX4" fmla="*/ 4239 w 165741"/>
                    <a:gd name="connsiteY4" fmla="*/ 48263 h 136043"/>
                    <a:gd name="connsiteX5" fmla="*/ 23032 w 165741"/>
                    <a:gd name="connsiteY5" fmla="*/ 48990 h 136043"/>
                    <a:gd name="connsiteX6" fmla="*/ 38309 w 165741"/>
                    <a:gd name="connsiteY6" fmla="*/ 65601 h 136043"/>
                    <a:gd name="connsiteX7" fmla="*/ 62679 w 165741"/>
                    <a:gd name="connsiteY7" fmla="*/ 89122 h 136043"/>
                    <a:gd name="connsiteX8" fmla="*/ 125120 w 165741"/>
                    <a:gd name="connsiteY8" fmla="*/ 100155 h 136043"/>
                    <a:gd name="connsiteX9" fmla="*/ 139063 w 165741"/>
                    <a:gd name="connsiteY9" fmla="*/ 71420 h 136043"/>
                    <a:gd name="connsiteX10" fmla="*/ 109601 w 165741"/>
                    <a:gd name="connsiteY10" fmla="*/ 23771 h 136043"/>
                    <a:gd name="connsiteX11" fmla="*/ 107539 w 165741"/>
                    <a:gd name="connsiteY11" fmla="*/ 4978 h 136043"/>
                    <a:gd name="connsiteX12" fmla="*/ 126332 w 165741"/>
                    <a:gd name="connsiteY12" fmla="*/ 2917 h 136043"/>
                    <a:gd name="connsiteX13" fmla="*/ 165736 w 165741"/>
                    <a:gd name="connsiteY13" fmla="*/ 71057 h 136043"/>
                    <a:gd name="connsiteX14" fmla="*/ 142336 w 165741"/>
                    <a:gd name="connsiteY14" fmla="*/ 120524 h 136043"/>
                    <a:gd name="connsiteX15" fmla="*/ 103417 w 165741"/>
                    <a:gd name="connsiteY15" fmla="*/ 136044 h 1360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5741" h="136043">
                      <a:moveTo>
                        <a:pt x="103538" y="135922"/>
                      </a:moveTo>
                      <a:cubicBezTo>
                        <a:pt x="85837" y="135922"/>
                        <a:pt x="66680" y="127314"/>
                        <a:pt x="46432" y="110218"/>
                      </a:cubicBezTo>
                      <a:cubicBezTo>
                        <a:pt x="31883" y="97973"/>
                        <a:pt x="31398" y="97488"/>
                        <a:pt x="18667" y="83545"/>
                      </a:cubicBezTo>
                      <a:cubicBezTo>
                        <a:pt x="14909" y="79544"/>
                        <a:pt x="10180" y="74209"/>
                        <a:pt x="3512" y="67056"/>
                      </a:cubicBezTo>
                      <a:cubicBezTo>
                        <a:pt x="-1459" y="61600"/>
                        <a:pt x="-1096" y="53234"/>
                        <a:pt x="4239" y="48263"/>
                      </a:cubicBezTo>
                      <a:cubicBezTo>
                        <a:pt x="9695" y="43292"/>
                        <a:pt x="18061" y="43534"/>
                        <a:pt x="23032" y="48990"/>
                      </a:cubicBezTo>
                      <a:cubicBezTo>
                        <a:pt x="29700" y="56265"/>
                        <a:pt x="34550" y="61600"/>
                        <a:pt x="38309" y="65601"/>
                      </a:cubicBezTo>
                      <a:cubicBezTo>
                        <a:pt x="46153" y="74173"/>
                        <a:pt x="54277" y="82005"/>
                        <a:pt x="62679" y="89122"/>
                      </a:cubicBezTo>
                      <a:cubicBezTo>
                        <a:pt x="96142" y="117372"/>
                        <a:pt x="112995" y="110461"/>
                        <a:pt x="125120" y="100155"/>
                      </a:cubicBezTo>
                      <a:cubicBezTo>
                        <a:pt x="134455" y="92274"/>
                        <a:pt x="139305" y="82332"/>
                        <a:pt x="139063" y="71420"/>
                      </a:cubicBezTo>
                      <a:cubicBezTo>
                        <a:pt x="138820" y="55780"/>
                        <a:pt x="128393" y="38806"/>
                        <a:pt x="109601" y="23771"/>
                      </a:cubicBezTo>
                      <a:cubicBezTo>
                        <a:pt x="103902" y="19164"/>
                        <a:pt x="102932" y="10798"/>
                        <a:pt x="107539" y="4978"/>
                      </a:cubicBezTo>
                      <a:cubicBezTo>
                        <a:pt x="112147" y="-720"/>
                        <a:pt x="120512" y="-1690"/>
                        <a:pt x="126332" y="2917"/>
                      </a:cubicBezTo>
                      <a:cubicBezTo>
                        <a:pt x="158462" y="28742"/>
                        <a:pt x="165494" y="54204"/>
                        <a:pt x="165736" y="71057"/>
                      </a:cubicBezTo>
                      <a:cubicBezTo>
                        <a:pt x="165979" y="89849"/>
                        <a:pt x="157735" y="107430"/>
                        <a:pt x="142336" y="120524"/>
                      </a:cubicBezTo>
                      <a:cubicBezTo>
                        <a:pt x="130212" y="130830"/>
                        <a:pt x="117239" y="136044"/>
                        <a:pt x="103417" y="136044"/>
                      </a:cubicBezTo>
                      <a:close/>
                    </a:path>
                  </a:pathLst>
                </a:custGeom>
                <a:solidFill>
                  <a:srgbClr val="265A9A"/>
                </a:solidFill>
                <a:ln w="12102" cap="flat">
                  <a:noFill/>
                  <a:prstDash val="solid"/>
                  <a:miter/>
                </a:ln>
              </p:spPr>
              <p:txBody>
                <a:bodyPr rtlCol="0" anchor="ctr"/>
                <a:lstStyle/>
                <a:p>
                  <a:endParaRPr lang="en-AU"/>
                </a:p>
              </p:txBody>
            </p:sp>
            <p:sp>
              <p:nvSpPr>
                <p:cNvPr id="1108" name="Freeform: Shape 1107">
                  <a:extLst>
                    <a:ext uri="{FF2B5EF4-FFF2-40B4-BE49-F238E27FC236}">
                      <a16:creationId xmlns:a16="http://schemas.microsoft.com/office/drawing/2014/main" id="{0F93F743-9DC0-3FEE-DDFB-64CBD97108EA}"/>
                    </a:ext>
                  </a:extLst>
                </p:cNvPr>
                <p:cNvSpPr/>
                <p:nvPr/>
              </p:nvSpPr>
              <p:spPr>
                <a:xfrm>
                  <a:off x="2180820" y="2081059"/>
                  <a:ext cx="161302" cy="183602"/>
                </a:xfrm>
                <a:custGeom>
                  <a:avLst/>
                  <a:gdLst>
                    <a:gd name="connsiteX0" fmla="*/ 96549 w 161302"/>
                    <a:gd name="connsiteY0" fmla="*/ 183603 h 183602"/>
                    <a:gd name="connsiteX1" fmla="*/ 32532 w 161302"/>
                    <a:gd name="connsiteY1" fmla="*/ 162264 h 183602"/>
                    <a:gd name="connsiteX2" fmla="*/ 29016 w 161302"/>
                    <a:gd name="connsiteY2" fmla="*/ 143713 h 183602"/>
                    <a:gd name="connsiteX3" fmla="*/ 47567 w 161302"/>
                    <a:gd name="connsiteY3" fmla="*/ 140197 h 183602"/>
                    <a:gd name="connsiteX4" fmla="*/ 129164 w 161302"/>
                    <a:gd name="connsiteY4" fmla="*/ 141046 h 183602"/>
                    <a:gd name="connsiteX5" fmla="*/ 108674 w 161302"/>
                    <a:gd name="connsiteY5" fmla="*/ 77999 h 183602"/>
                    <a:gd name="connsiteX6" fmla="*/ 43081 w 161302"/>
                    <a:gd name="connsiteY6" fmla="*/ 42717 h 183602"/>
                    <a:gd name="connsiteX7" fmla="*/ 6950 w 161302"/>
                    <a:gd name="connsiteY7" fmla="*/ 25015 h 183602"/>
                    <a:gd name="connsiteX8" fmla="*/ 1615 w 161302"/>
                    <a:gd name="connsiteY8" fmla="*/ 6950 h 183602"/>
                    <a:gd name="connsiteX9" fmla="*/ 19680 w 161302"/>
                    <a:gd name="connsiteY9" fmla="*/ 1615 h 183602"/>
                    <a:gd name="connsiteX10" fmla="*/ 54235 w 161302"/>
                    <a:gd name="connsiteY10" fmla="*/ 18468 h 183602"/>
                    <a:gd name="connsiteX11" fmla="*/ 124435 w 161302"/>
                    <a:gd name="connsiteY11" fmla="*/ 56417 h 183602"/>
                    <a:gd name="connsiteX12" fmla="*/ 151109 w 161302"/>
                    <a:gd name="connsiteY12" fmla="*/ 155838 h 183602"/>
                    <a:gd name="connsiteX13" fmla="*/ 96549 w 161302"/>
                    <a:gd name="connsiteY13" fmla="*/ 183481 h 1836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61302" h="183602">
                      <a:moveTo>
                        <a:pt x="96549" y="183603"/>
                      </a:moveTo>
                      <a:cubicBezTo>
                        <a:pt x="75089" y="183603"/>
                        <a:pt x="52053" y="175479"/>
                        <a:pt x="32532" y="162264"/>
                      </a:cubicBezTo>
                      <a:cubicBezTo>
                        <a:pt x="26470" y="158141"/>
                        <a:pt x="24773" y="149897"/>
                        <a:pt x="29016" y="143713"/>
                      </a:cubicBezTo>
                      <a:cubicBezTo>
                        <a:pt x="33138" y="137651"/>
                        <a:pt x="41383" y="135954"/>
                        <a:pt x="47567" y="140197"/>
                      </a:cubicBezTo>
                      <a:cubicBezTo>
                        <a:pt x="70239" y="155474"/>
                        <a:pt x="110614" y="168447"/>
                        <a:pt x="129164" y="141046"/>
                      </a:cubicBezTo>
                      <a:cubicBezTo>
                        <a:pt x="141773" y="122496"/>
                        <a:pt x="133165" y="95943"/>
                        <a:pt x="108674" y="77999"/>
                      </a:cubicBezTo>
                      <a:cubicBezTo>
                        <a:pt x="90972" y="64904"/>
                        <a:pt x="65511" y="53144"/>
                        <a:pt x="43081" y="42717"/>
                      </a:cubicBezTo>
                      <a:cubicBezTo>
                        <a:pt x="29865" y="36655"/>
                        <a:pt x="17498" y="30835"/>
                        <a:pt x="6950" y="25015"/>
                      </a:cubicBezTo>
                      <a:cubicBezTo>
                        <a:pt x="524" y="21499"/>
                        <a:pt x="-1901" y="13376"/>
                        <a:pt x="1615" y="6950"/>
                      </a:cubicBezTo>
                      <a:cubicBezTo>
                        <a:pt x="5131" y="524"/>
                        <a:pt x="13254" y="-1901"/>
                        <a:pt x="19680" y="1615"/>
                      </a:cubicBezTo>
                      <a:cubicBezTo>
                        <a:pt x="29501" y="6950"/>
                        <a:pt x="41504" y="12527"/>
                        <a:pt x="54235" y="18468"/>
                      </a:cubicBezTo>
                      <a:cubicBezTo>
                        <a:pt x="77878" y="29380"/>
                        <a:pt x="104551" y="41747"/>
                        <a:pt x="124435" y="56417"/>
                      </a:cubicBezTo>
                      <a:cubicBezTo>
                        <a:pt x="160203" y="82727"/>
                        <a:pt x="171721" y="125527"/>
                        <a:pt x="151109" y="155838"/>
                      </a:cubicBezTo>
                      <a:cubicBezTo>
                        <a:pt x="137894" y="175358"/>
                        <a:pt x="118009" y="183481"/>
                        <a:pt x="96549" y="183481"/>
                      </a:cubicBezTo>
                      <a:close/>
                    </a:path>
                  </a:pathLst>
                </a:custGeom>
                <a:solidFill>
                  <a:srgbClr val="265A9A"/>
                </a:solidFill>
                <a:ln w="12102" cap="flat">
                  <a:noFill/>
                  <a:prstDash val="solid"/>
                  <a:miter/>
                </a:ln>
              </p:spPr>
              <p:txBody>
                <a:bodyPr rtlCol="0" anchor="ctr"/>
                <a:lstStyle/>
                <a:p>
                  <a:endParaRPr lang="en-AU"/>
                </a:p>
              </p:txBody>
            </p:sp>
            <p:sp>
              <p:nvSpPr>
                <p:cNvPr id="1109" name="Freeform: Shape 1108">
                  <a:extLst>
                    <a:ext uri="{FF2B5EF4-FFF2-40B4-BE49-F238E27FC236}">
                      <a16:creationId xmlns:a16="http://schemas.microsoft.com/office/drawing/2014/main" id="{83997171-AABF-6C04-9E8A-C3A5D76607BB}"/>
                    </a:ext>
                  </a:extLst>
                </p:cNvPr>
                <p:cNvSpPr/>
                <p:nvPr/>
              </p:nvSpPr>
              <p:spPr>
                <a:xfrm>
                  <a:off x="2039342" y="1990967"/>
                  <a:ext cx="176343" cy="136688"/>
                </a:xfrm>
                <a:custGeom>
                  <a:avLst/>
                  <a:gdLst>
                    <a:gd name="connsiteX0" fmla="*/ 121753 w 176343"/>
                    <a:gd name="connsiteY0" fmla="*/ 136689 h 136688"/>
                    <a:gd name="connsiteX1" fmla="*/ 113751 w 176343"/>
                    <a:gd name="connsiteY1" fmla="*/ 136083 h 136688"/>
                    <a:gd name="connsiteX2" fmla="*/ 56645 w 176343"/>
                    <a:gd name="connsiteY2" fmla="*/ 110136 h 136688"/>
                    <a:gd name="connsiteX3" fmla="*/ 53008 w 176343"/>
                    <a:gd name="connsiteY3" fmla="*/ 91586 h 136688"/>
                    <a:gd name="connsiteX4" fmla="*/ 71558 w 176343"/>
                    <a:gd name="connsiteY4" fmla="*/ 87949 h 136688"/>
                    <a:gd name="connsiteX5" fmla="*/ 117995 w 176343"/>
                    <a:gd name="connsiteY5" fmla="*/ 109651 h 136688"/>
                    <a:gd name="connsiteX6" fmla="*/ 148912 w 176343"/>
                    <a:gd name="connsiteY6" fmla="*/ 81886 h 136688"/>
                    <a:gd name="connsiteX7" fmla="*/ 123208 w 176343"/>
                    <a:gd name="connsiteY7" fmla="*/ 37390 h 136688"/>
                    <a:gd name="connsiteX8" fmla="*/ 17726 w 176343"/>
                    <a:gd name="connsiteY8" fmla="*/ 34238 h 136688"/>
                    <a:gd name="connsiteX9" fmla="*/ 751 w 176343"/>
                    <a:gd name="connsiteY9" fmla="*/ 26114 h 136688"/>
                    <a:gd name="connsiteX10" fmla="*/ 8875 w 176343"/>
                    <a:gd name="connsiteY10" fmla="*/ 9140 h 136688"/>
                    <a:gd name="connsiteX11" fmla="*/ 134241 w 176343"/>
                    <a:gd name="connsiteY11" fmla="*/ 13262 h 136688"/>
                    <a:gd name="connsiteX12" fmla="*/ 174979 w 176343"/>
                    <a:gd name="connsiteY12" fmla="*/ 87706 h 136688"/>
                    <a:gd name="connsiteX13" fmla="*/ 121753 w 176343"/>
                    <a:gd name="connsiteY13" fmla="*/ 136689 h 136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6343" h="136688">
                      <a:moveTo>
                        <a:pt x="121753" y="136689"/>
                      </a:moveTo>
                      <a:cubicBezTo>
                        <a:pt x="119086" y="136689"/>
                        <a:pt x="116419" y="136446"/>
                        <a:pt x="113751" y="136083"/>
                      </a:cubicBezTo>
                      <a:cubicBezTo>
                        <a:pt x="90836" y="132324"/>
                        <a:pt x="76287" y="123352"/>
                        <a:pt x="56645" y="110136"/>
                      </a:cubicBezTo>
                      <a:cubicBezTo>
                        <a:pt x="50583" y="106014"/>
                        <a:pt x="48885" y="97769"/>
                        <a:pt x="53008" y="91586"/>
                      </a:cubicBezTo>
                      <a:cubicBezTo>
                        <a:pt x="57130" y="85524"/>
                        <a:pt x="65375" y="83948"/>
                        <a:pt x="71558" y="87949"/>
                      </a:cubicBezTo>
                      <a:cubicBezTo>
                        <a:pt x="90351" y="100679"/>
                        <a:pt x="101142" y="106984"/>
                        <a:pt x="117995" y="109651"/>
                      </a:cubicBezTo>
                      <a:cubicBezTo>
                        <a:pt x="132423" y="112076"/>
                        <a:pt x="144790" y="100801"/>
                        <a:pt x="148912" y="81886"/>
                      </a:cubicBezTo>
                      <a:cubicBezTo>
                        <a:pt x="153398" y="61396"/>
                        <a:pt x="138727" y="44422"/>
                        <a:pt x="123208" y="37390"/>
                      </a:cubicBezTo>
                      <a:cubicBezTo>
                        <a:pt x="94473" y="24174"/>
                        <a:pt x="50098" y="22841"/>
                        <a:pt x="17726" y="34238"/>
                      </a:cubicBezTo>
                      <a:cubicBezTo>
                        <a:pt x="10815" y="36662"/>
                        <a:pt x="3176" y="33025"/>
                        <a:pt x="751" y="26114"/>
                      </a:cubicBezTo>
                      <a:cubicBezTo>
                        <a:pt x="-1673" y="19203"/>
                        <a:pt x="1964" y="11565"/>
                        <a:pt x="8875" y="9140"/>
                      </a:cubicBezTo>
                      <a:cubicBezTo>
                        <a:pt x="47673" y="-4439"/>
                        <a:pt x="99323" y="-2742"/>
                        <a:pt x="134241" y="13262"/>
                      </a:cubicBezTo>
                      <a:cubicBezTo>
                        <a:pt x="164674" y="27205"/>
                        <a:pt x="181405" y="57880"/>
                        <a:pt x="174979" y="87706"/>
                      </a:cubicBezTo>
                      <a:cubicBezTo>
                        <a:pt x="168553" y="117290"/>
                        <a:pt x="146851" y="136689"/>
                        <a:pt x="121753" y="136689"/>
                      </a:cubicBezTo>
                      <a:close/>
                    </a:path>
                  </a:pathLst>
                </a:custGeom>
                <a:solidFill>
                  <a:srgbClr val="265A9A"/>
                </a:solidFill>
                <a:ln w="12102" cap="flat">
                  <a:noFill/>
                  <a:prstDash val="solid"/>
                  <a:miter/>
                </a:ln>
              </p:spPr>
              <p:txBody>
                <a:bodyPr rtlCol="0" anchor="ctr"/>
                <a:lstStyle/>
                <a:p>
                  <a:endParaRPr lang="en-AU"/>
                </a:p>
              </p:txBody>
            </p:sp>
            <p:sp>
              <p:nvSpPr>
                <p:cNvPr id="1110" name="Freeform: Shape 1109">
                  <a:extLst>
                    <a:ext uri="{FF2B5EF4-FFF2-40B4-BE49-F238E27FC236}">
                      <a16:creationId xmlns:a16="http://schemas.microsoft.com/office/drawing/2014/main" id="{868A6A4E-7142-E4BB-30E2-2A5BA9E70A15}"/>
                    </a:ext>
                  </a:extLst>
                </p:cNvPr>
                <p:cNvSpPr/>
                <p:nvPr/>
              </p:nvSpPr>
              <p:spPr>
                <a:xfrm>
                  <a:off x="1884397" y="2135510"/>
                  <a:ext cx="127833" cy="188682"/>
                </a:xfrm>
                <a:custGeom>
                  <a:avLst/>
                  <a:gdLst>
                    <a:gd name="connsiteX0" fmla="*/ 62945 w 127833"/>
                    <a:gd name="connsiteY0" fmla="*/ 188682 h 188682"/>
                    <a:gd name="connsiteX1" fmla="*/ 56640 w 127833"/>
                    <a:gd name="connsiteY1" fmla="*/ 188440 h 188682"/>
                    <a:gd name="connsiteX2" fmla="*/ 383 w 127833"/>
                    <a:gd name="connsiteY2" fmla="*/ 122119 h 188682"/>
                    <a:gd name="connsiteX3" fmla="*/ 34210 w 127833"/>
                    <a:gd name="connsiteY3" fmla="*/ 5482 h 188682"/>
                    <a:gd name="connsiteX4" fmla="*/ 52882 w 127833"/>
                    <a:gd name="connsiteY4" fmla="*/ 2572 h 188682"/>
                    <a:gd name="connsiteX5" fmla="*/ 55791 w 127833"/>
                    <a:gd name="connsiteY5" fmla="*/ 21244 h 188682"/>
                    <a:gd name="connsiteX6" fmla="*/ 27056 w 127833"/>
                    <a:gd name="connsiteY6" fmla="*/ 120422 h 188682"/>
                    <a:gd name="connsiteX7" fmla="*/ 59065 w 127833"/>
                    <a:gd name="connsiteY7" fmla="*/ 161766 h 188682"/>
                    <a:gd name="connsiteX8" fmla="*/ 97742 w 127833"/>
                    <a:gd name="connsiteY8" fmla="*/ 134001 h 188682"/>
                    <a:gd name="connsiteX9" fmla="*/ 94589 w 127833"/>
                    <a:gd name="connsiteY9" fmla="*/ 67680 h 188682"/>
                    <a:gd name="connsiteX10" fmla="*/ 104774 w 127833"/>
                    <a:gd name="connsiteY10" fmla="*/ 51798 h 188682"/>
                    <a:gd name="connsiteX11" fmla="*/ 120657 w 127833"/>
                    <a:gd name="connsiteY11" fmla="*/ 61982 h 188682"/>
                    <a:gd name="connsiteX12" fmla="*/ 122597 w 127833"/>
                    <a:gd name="connsiteY12" fmla="*/ 143822 h 188682"/>
                    <a:gd name="connsiteX13" fmla="*/ 63066 w 127833"/>
                    <a:gd name="connsiteY13" fmla="*/ 188682 h 1886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7833" h="188682">
                      <a:moveTo>
                        <a:pt x="62945" y="188682"/>
                      </a:moveTo>
                      <a:cubicBezTo>
                        <a:pt x="60884" y="188682"/>
                        <a:pt x="58822" y="188682"/>
                        <a:pt x="56640" y="188440"/>
                      </a:cubicBezTo>
                      <a:cubicBezTo>
                        <a:pt x="25844" y="185651"/>
                        <a:pt x="2686" y="158371"/>
                        <a:pt x="383" y="122119"/>
                      </a:cubicBezTo>
                      <a:cubicBezTo>
                        <a:pt x="-2285" y="79077"/>
                        <a:pt x="8991" y="39794"/>
                        <a:pt x="34210" y="5482"/>
                      </a:cubicBezTo>
                      <a:cubicBezTo>
                        <a:pt x="38575" y="-459"/>
                        <a:pt x="46940" y="-1792"/>
                        <a:pt x="52882" y="2572"/>
                      </a:cubicBezTo>
                      <a:cubicBezTo>
                        <a:pt x="58822" y="6937"/>
                        <a:pt x="60156" y="15303"/>
                        <a:pt x="55791" y="21244"/>
                      </a:cubicBezTo>
                      <a:cubicBezTo>
                        <a:pt x="34452" y="50464"/>
                        <a:pt x="24753" y="83806"/>
                        <a:pt x="27056" y="120422"/>
                      </a:cubicBezTo>
                      <a:cubicBezTo>
                        <a:pt x="28269" y="139093"/>
                        <a:pt x="38817" y="159947"/>
                        <a:pt x="59065" y="161766"/>
                      </a:cubicBezTo>
                      <a:cubicBezTo>
                        <a:pt x="76888" y="163342"/>
                        <a:pt x="89861" y="154006"/>
                        <a:pt x="97742" y="134001"/>
                      </a:cubicBezTo>
                      <a:cubicBezTo>
                        <a:pt x="104531" y="116663"/>
                        <a:pt x="99924" y="91687"/>
                        <a:pt x="94589" y="67680"/>
                      </a:cubicBezTo>
                      <a:cubicBezTo>
                        <a:pt x="93013" y="60527"/>
                        <a:pt x="97499" y="53374"/>
                        <a:pt x="104774" y="51798"/>
                      </a:cubicBezTo>
                      <a:cubicBezTo>
                        <a:pt x="111927" y="50221"/>
                        <a:pt x="119081" y="54707"/>
                        <a:pt x="120657" y="61982"/>
                      </a:cubicBezTo>
                      <a:cubicBezTo>
                        <a:pt x="126840" y="89989"/>
                        <a:pt x="132175" y="119452"/>
                        <a:pt x="122597" y="143822"/>
                      </a:cubicBezTo>
                      <a:cubicBezTo>
                        <a:pt x="111321" y="172678"/>
                        <a:pt x="89861" y="188682"/>
                        <a:pt x="63066" y="188682"/>
                      </a:cubicBezTo>
                      <a:close/>
                    </a:path>
                  </a:pathLst>
                </a:custGeom>
                <a:solidFill>
                  <a:srgbClr val="265A9A"/>
                </a:solidFill>
                <a:ln w="12102" cap="flat">
                  <a:noFill/>
                  <a:prstDash val="solid"/>
                  <a:miter/>
                </a:ln>
              </p:spPr>
              <p:txBody>
                <a:bodyPr rtlCol="0" anchor="ctr"/>
                <a:lstStyle/>
                <a:p>
                  <a:endParaRPr lang="en-AU"/>
                </a:p>
              </p:txBody>
            </p:sp>
            <p:sp>
              <p:nvSpPr>
                <p:cNvPr id="1111" name="Freeform: Shape 1110">
                  <a:extLst>
                    <a:ext uri="{FF2B5EF4-FFF2-40B4-BE49-F238E27FC236}">
                      <a16:creationId xmlns:a16="http://schemas.microsoft.com/office/drawing/2014/main" id="{8CFA67B5-C575-7272-9D10-0F415E08F9C0}"/>
                    </a:ext>
                  </a:extLst>
                </p:cNvPr>
                <p:cNvSpPr/>
                <p:nvPr/>
              </p:nvSpPr>
              <p:spPr>
                <a:xfrm rot="-2701201">
                  <a:off x="1876182" y="2042182"/>
                  <a:ext cx="27764" cy="26673"/>
                </a:xfrm>
                <a:custGeom>
                  <a:avLst/>
                  <a:gdLst>
                    <a:gd name="connsiteX0" fmla="*/ 0 w 27764"/>
                    <a:gd name="connsiteY0" fmla="*/ 0 h 26673"/>
                    <a:gd name="connsiteX1" fmla="*/ 27765 w 27764"/>
                    <a:gd name="connsiteY1" fmla="*/ 0 h 26673"/>
                    <a:gd name="connsiteX2" fmla="*/ 27765 w 27764"/>
                    <a:gd name="connsiteY2" fmla="*/ 26674 h 26673"/>
                    <a:gd name="connsiteX3" fmla="*/ 0 w 27764"/>
                    <a:gd name="connsiteY3" fmla="*/ 26674 h 26673"/>
                  </a:gdLst>
                  <a:ahLst/>
                  <a:cxnLst>
                    <a:cxn ang="0">
                      <a:pos x="connsiteX0" y="connsiteY0"/>
                    </a:cxn>
                    <a:cxn ang="0">
                      <a:pos x="connsiteX1" y="connsiteY1"/>
                    </a:cxn>
                    <a:cxn ang="0">
                      <a:pos x="connsiteX2" y="connsiteY2"/>
                    </a:cxn>
                    <a:cxn ang="0">
                      <a:pos x="connsiteX3" y="connsiteY3"/>
                    </a:cxn>
                  </a:cxnLst>
                  <a:rect l="l" t="t" r="r" b="b"/>
                  <a:pathLst>
                    <a:path w="27764" h="26673">
                      <a:moveTo>
                        <a:pt x="0" y="0"/>
                      </a:moveTo>
                      <a:lnTo>
                        <a:pt x="27765" y="0"/>
                      </a:lnTo>
                      <a:lnTo>
                        <a:pt x="27765" y="26674"/>
                      </a:lnTo>
                      <a:lnTo>
                        <a:pt x="0" y="26674"/>
                      </a:lnTo>
                      <a:close/>
                    </a:path>
                  </a:pathLst>
                </a:custGeom>
                <a:solidFill>
                  <a:srgbClr val="265A9A"/>
                </a:solidFill>
                <a:ln w="12102" cap="flat">
                  <a:noFill/>
                  <a:prstDash val="solid"/>
                  <a:miter/>
                </a:ln>
              </p:spPr>
              <p:txBody>
                <a:bodyPr rtlCol="0" anchor="ctr"/>
                <a:lstStyle/>
                <a:p>
                  <a:endParaRPr lang="en-AU"/>
                </a:p>
              </p:txBody>
            </p:sp>
            <p:sp>
              <p:nvSpPr>
                <p:cNvPr id="1112" name="Freeform: Shape 1111">
                  <a:extLst>
                    <a:ext uri="{FF2B5EF4-FFF2-40B4-BE49-F238E27FC236}">
                      <a16:creationId xmlns:a16="http://schemas.microsoft.com/office/drawing/2014/main" id="{CB6828FA-57E9-6C3B-445A-5880D70AD345}"/>
                    </a:ext>
                  </a:extLst>
                </p:cNvPr>
                <p:cNvSpPr/>
                <p:nvPr/>
              </p:nvSpPr>
              <p:spPr>
                <a:xfrm rot="-2698799">
                  <a:off x="1944914" y="1973492"/>
                  <a:ext cx="27764" cy="26673"/>
                </a:xfrm>
                <a:custGeom>
                  <a:avLst/>
                  <a:gdLst>
                    <a:gd name="connsiteX0" fmla="*/ 0 w 27764"/>
                    <a:gd name="connsiteY0" fmla="*/ 0 h 26673"/>
                    <a:gd name="connsiteX1" fmla="*/ 27765 w 27764"/>
                    <a:gd name="connsiteY1" fmla="*/ 0 h 26673"/>
                    <a:gd name="connsiteX2" fmla="*/ 27765 w 27764"/>
                    <a:gd name="connsiteY2" fmla="*/ 26674 h 26673"/>
                    <a:gd name="connsiteX3" fmla="*/ 0 w 27764"/>
                    <a:gd name="connsiteY3" fmla="*/ 26674 h 26673"/>
                  </a:gdLst>
                  <a:ahLst/>
                  <a:cxnLst>
                    <a:cxn ang="0">
                      <a:pos x="connsiteX0" y="connsiteY0"/>
                    </a:cxn>
                    <a:cxn ang="0">
                      <a:pos x="connsiteX1" y="connsiteY1"/>
                    </a:cxn>
                    <a:cxn ang="0">
                      <a:pos x="connsiteX2" y="connsiteY2"/>
                    </a:cxn>
                    <a:cxn ang="0">
                      <a:pos x="connsiteX3" y="connsiteY3"/>
                    </a:cxn>
                  </a:cxnLst>
                  <a:rect l="l" t="t" r="r" b="b"/>
                  <a:pathLst>
                    <a:path w="27764" h="26673">
                      <a:moveTo>
                        <a:pt x="0" y="0"/>
                      </a:moveTo>
                      <a:lnTo>
                        <a:pt x="27765" y="0"/>
                      </a:lnTo>
                      <a:lnTo>
                        <a:pt x="27765" y="26674"/>
                      </a:lnTo>
                      <a:lnTo>
                        <a:pt x="0" y="26674"/>
                      </a:lnTo>
                      <a:close/>
                    </a:path>
                  </a:pathLst>
                </a:custGeom>
                <a:solidFill>
                  <a:srgbClr val="265A9A"/>
                </a:solidFill>
                <a:ln w="12102" cap="flat">
                  <a:noFill/>
                  <a:prstDash val="solid"/>
                  <a:miter/>
                </a:ln>
              </p:spPr>
              <p:txBody>
                <a:bodyPr rtlCol="0" anchor="ctr"/>
                <a:lstStyle/>
                <a:p>
                  <a:endParaRPr lang="en-AU"/>
                </a:p>
              </p:txBody>
            </p:sp>
            <p:sp>
              <p:nvSpPr>
                <p:cNvPr id="1113" name="Freeform: Shape 1112">
                  <a:extLst>
                    <a:ext uri="{FF2B5EF4-FFF2-40B4-BE49-F238E27FC236}">
                      <a16:creationId xmlns:a16="http://schemas.microsoft.com/office/drawing/2014/main" id="{82B6B4D8-1C44-9725-96AB-1D60F8A81E88}"/>
                    </a:ext>
                  </a:extLst>
                </p:cNvPr>
                <p:cNvSpPr/>
                <p:nvPr/>
              </p:nvSpPr>
              <p:spPr>
                <a:xfrm rot="-2701201">
                  <a:off x="1926179" y="2037248"/>
                  <a:ext cx="55529" cy="26673"/>
                </a:xfrm>
                <a:custGeom>
                  <a:avLst/>
                  <a:gdLst>
                    <a:gd name="connsiteX0" fmla="*/ 0 w 55529"/>
                    <a:gd name="connsiteY0" fmla="*/ 0 h 26673"/>
                    <a:gd name="connsiteX1" fmla="*/ 55530 w 55529"/>
                    <a:gd name="connsiteY1" fmla="*/ 0 h 26673"/>
                    <a:gd name="connsiteX2" fmla="*/ 55530 w 55529"/>
                    <a:gd name="connsiteY2" fmla="*/ 26674 h 26673"/>
                    <a:gd name="connsiteX3" fmla="*/ 0 w 55529"/>
                    <a:gd name="connsiteY3" fmla="*/ 26674 h 26673"/>
                  </a:gdLst>
                  <a:ahLst/>
                  <a:cxnLst>
                    <a:cxn ang="0">
                      <a:pos x="connsiteX0" y="connsiteY0"/>
                    </a:cxn>
                    <a:cxn ang="0">
                      <a:pos x="connsiteX1" y="connsiteY1"/>
                    </a:cxn>
                    <a:cxn ang="0">
                      <a:pos x="connsiteX2" y="connsiteY2"/>
                    </a:cxn>
                    <a:cxn ang="0">
                      <a:pos x="connsiteX3" y="connsiteY3"/>
                    </a:cxn>
                  </a:cxnLst>
                  <a:rect l="l" t="t" r="r" b="b"/>
                  <a:pathLst>
                    <a:path w="55529" h="26673">
                      <a:moveTo>
                        <a:pt x="0" y="0"/>
                      </a:moveTo>
                      <a:lnTo>
                        <a:pt x="55530" y="0"/>
                      </a:lnTo>
                      <a:lnTo>
                        <a:pt x="55530" y="26674"/>
                      </a:lnTo>
                      <a:lnTo>
                        <a:pt x="0" y="26674"/>
                      </a:lnTo>
                      <a:close/>
                    </a:path>
                  </a:pathLst>
                </a:custGeom>
                <a:solidFill>
                  <a:srgbClr val="265A9A"/>
                </a:solidFill>
                <a:ln w="12102" cap="flat">
                  <a:noFill/>
                  <a:prstDash val="solid"/>
                  <a:miter/>
                </a:ln>
              </p:spPr>
              <p:txBody>
                <a:bodyPr rtlCol="0" anchor="ctr"/>
                <a:lstStyle/>
                <a:p>
                  <a:endParaRPr lang="en-AU"/>
                </a:p>
              </p:txBody>
            </p:sp>
            <p:sp>
              <p:nvSpPr>
                <p:cNvPr id="1114" name="Freeform: Shape 1113">
                  <a:extLst>
                    <a:ext uri="{FF2B5EF4-FFF2-40B4-BE49-F238E27FC236}">
                      <a16:creationId xmlns:a16="http://schemas.microsoft.com/office/drawing/2014/main" id="{2A1815E3-42B0-F6AB-ABE5-7792562BF9C2}"/>
                    </a:ext>
                  </a:extLst>
                </p:cNvPr>
                <p:cNvSpPr/>
                <p:nvPr/>
              </p:nvSpPr>
              <p:spPr>
                <a:xfrm rot="-2700000">
                  <a:off x="1955310" y="2044531"/>
                  <a:ext cx="26673" cy="41708"/>
                </a:xfrm>
                <a:custGeom>
                  <a:avLst/>
                  <a:gdLst>
                    <a:gd name="connsiteX0" fmla="*/ 0 w 26673"/>
                    <a:gd name="connsiteY0" fmla="*/ 0 h 41708"/>
                    <a:gd name="connsiteX1" fmla="*/ 26674 w 26673"/>
                    <a:gd name="connsiteY1" fmla="*/ 0 h 41708"/>
                    <a:gd name="connsiteX2" fmla="*/ 26674 w 26673"/>
                    <a:gd name="connsiteY2" fmla="*/ 41708 h 41708"/>
                    <a:gd name="connsiteX3" fmla="*/ 0 w 26673"/>
                    <a:gd name="connsiteY3" fmla="*/ 41708 h 41708"/>
                  </a:gdLst>
                  <a:ahLst/>
                  <a:cxnLst>
                    <a:cxn ang="0">
                      <a:pos x="connsiteX0" y="connsiteY0"/>
                    </a:cxn>
                    <a:cxn ang="0">
                      <a:pos x="connsiteX1" y="connsiteY1"/>
                    </a:cxn>
                    <a:cxn ang="0">
                      <a:pos x="connsiteX2" y="connsiteY2"/>
                    </a:cxn>
                    <a:cxn ang="0">
                      <a:pos x="connsiteX3" y="connsiteY3"/>
                    </a:cxn>
                  </a:cxnLst>
                  <a:rect l="l" t="t" r="r" b="b"/>
                  <a:pathLst>
                    <a:path w="26673" h="41708">
                      <a:moveTo>
                        <a:pt x="0" y="0"/>
                      </a:moveTo>
                      <a:lnTo>
                        <a:pt x="26674" y="0"/>
                      </a:lnTo>
                      <a:lnTo>
                        <a:pt x="26674" y="41708"/>
                      </a:lnTo>
                      <a:lnTo>
                        <a:pt x="0" y="41708"/>
                      </a:lnTo>
                      <a:close/>
                    </a:path>
                  </a:pathLst>
                </a:custGeom>
                <a:solidFill>
                  <a:srgbClr val="265A9A"/>
                </a:solidFill>
                <a:ln w="12102" cap="flat">
                  <a:noFill/>
                  <a:prstDash val="solid"/>
                  <a:miter/>
                </a:ln>
              </p:spPr>
              <p:txBody>
                <a:bodyPr rtlCol="0" anchor="ctr"/>
                <a:lstStyle/>
                <a:p>
                  <a:endParaRPr lang="en-AU"/>
                </a:p>
              </p:txBody>
            </p:sp>
            <p:sp>
              <p:nvSpPr>
                <p:cNvPr id="1115" name="Freeform: Shape 1114">
                  <a:extLst>
                    <a:ext uri="{FF2B5EF4-FFF2-40B4-BE49-F238E27FC236}">
                      <a16:creationId xmlns:a16="http://schemas.microsoft.com/office/drawing/2014/main" id="{551D5DCB-EBD6-0BDB-5BAB-90835F3C3D53}"/>
                    </a:ext>
                  </a:extLst>
                </p:cNvPr>
                <p:cNvSpPr/>
                <p:nvPr/>
              </p:nvSpPr>
              <p:spPr>
                <a:xfrm>
                  <a:off x="1747653" y="1844065"/>
                  <a:ext cx="318477" cy="318387"/>
                </a:xfrm>
                <a:custGeom>
                  <a:avLst/>
                  <a:gdLst>
                    <a:gd name="connsiteX0" fmla="*/ 172652 w 318477"/>
                    <a:gd name="connsiteY0" fmla="*/ 318387 h 318387"/>
                    <a:gd name="connsiteX1" fmla="*/ 94449 w 318477"/>
                    <a:gd name="connsiteY1" fmla="*/ 289895 h 318387"/>
                    <a:gd name="connsiteX2" fmla="*/ 20126 w 318477"/>
                    <a:gd name="connsiteY2" fmla="*/ 274861 h 318387"/>
                    <a:gd name="connsiteX3" fmla="*/ 0 w 318477"/>
                    <a:gd name="connsiteY3" fmla="*/ 226120 h 318387"/>
                    <a:gd name="connsiteX4" fmla="*/ 20126 w 318477"/>
                    <a:gd name="connsiteY4" fmla="*/ 177380 h 318387"/>
                    <a:gd name="connsiteX5" fmla="*/ 62077 w 318477"/>
                    <a:gd name="connsiteY5" fmla="*/ 157739 h 318387"/>
                    <a:gd name="connsiteX6" fmla="*/ 98693 w 318477"/>
                    <a:gd name="connsiteY6" fmla="*/ 98814 h 318387"/>
                    <a:gd name="connsiteX7" fmla="*/ 98814 w 318477"/>
                    <a:gd name="connsiteY7" fmla="*/ 98814 h 318387"/>
                    <a:gd name="connsiteX8" fmla="*/ 157739 w 318477"/>
                    <a:gd name="connsiteY8" fmla="*/ 62077 h 318387"/>
                    <a:gd name="connsiteX9" fmla="*/ 177380 w 318477"/>
                    <a:gd name="connsiteY9" fmla="*/ 20127 h 318387"/>
                    <a:gd name="connsiteX10" fmla="*/ 226120 w 318477"/>
                    <a:gd name="connsiteY10" fmla="*/ 0 h 318387"/>
                    <a:gd name="connsiteX11" fmla="*/ 274861 w 318477"/>
                    <a:gd name="connsiteY11" fmla="*/ 20127 h 318387"/>
                    <a:gd name="connsiteX12" fmla="*/ 289895 w 318477"/>
                    <a:gd name="connsiteY12" fmla="*/ 94449 h 318387"/>
                    <a:gd name="connsiteX13" fmla="*/ 318266 w 318477"/>
                    <a:gd name="connsiteY13" fmla="*/ 180533 h 318387"/>
                    <a:gd name="connsiteX14" fmla="*/ 274861 w 318477"/>
                    <a:gd name="connsiteY14" fmla="*/ 274618 h 318387"/>
                    <a:gd name="connsiteX15" fmla="*/ 172773 w 318477"/>
                    <a:gd name="connsiteY15" fmla="*/ 318266 h 318387"/>
                    <a:gd name="connsiteX16" fmla="*/ 96995 w 318477"/>
                    <a:gd name="connsiteY16" fmla="*/ 260554 h 318387"/>
                    <a:gd name="connsiteX17" fmla="*/ 106695 w 318477"/>
                    <a:gd name="connsiteY17" fmla="*/ 264676 h 318387"/>
                    <a:gd name="connsiteX18" fmla="*/ 107786 w 318477"/>
                    <a:gd name="connsiteY18" fmla="*/ 265889 h 318387"/>
                    <a:gd name="connsiteX19" fmla="*/ 255825 w 318477"/>
                    <a:gd name="connsiteY19" fmla="*/ 256068 h 318387"/>
                    <a:gd name="connsiteX20" fmla="*/ 291592 w 318477"/>
                    <a:gd name="connsiteY20" fmla="*/ 179078 h 318387"/>
                    <a:gd name="connsiteX21" fmla="*/ 265767 w 318477"/>
                    <a:gd name="connsiteY21" fmla="*/ 107907 h 318387"/>
                    <a:gd name="connsiteX22" fmla="*/ 264434 w 318477"/>
                    <a:gd name="connsiteY22" fmla="*/ 106695 h 318387"/>
                    <a:gd name="connsiteX23" fmla="*/ 262251 w 318477"/>
                    <a:gd name="connsiteY23" fmla="*/ 90327 h 318387"/>
                    <a:gd name="connsiteX24" fmla="*/ 255947 w 318477"/>
                    <a:gd name="connsiteY24" fmla="*/ 39041 h 318387"/>
                    <a:gd name="connsiteX25" fmla="*/ 196294 w 318477"/>
                    <a:gd name="connsiteY25" fmla="*/ 39041 h 318387"/>
                    <a:gd name="connsiteX26" fmla="*/ 184170 w 318477"/>
                    <a:gd name="connsiteY26" fmla="*/ 71413 h 318387"/>
                    <a:gd name="connsiteX27" fmla="*/ 174107 w 318477"/>
                    <a:gd name="connsiteY27" fmla="*/ 85113 h 318387"/>
                    <a:gd name="connsiteX28" fmla="*/ 117728 w 318477"/>
                    <a:gd name="connsiteY28" fmla="*/ 117486 h 318387"/>
                    <a:gd name="connsiteX29" fmla="*/ 117607 w 318477"/>
                    <a:gd name="connsiteY29" fmla="*/ 117486 h 318387"/>
                    <a:gd name="connsiteX30" fmla="*/ 85235 w 318477"/>
                    <a:gd name="connsiteY30" fmla="*/ 174107 h 318387"/>
                    <a:gd name="connsiteX31" fmla="*/ 71534 w 318477"/>
                    <a:gd name="connsiteY31" fmla="*/ 184170 h 318387"/>
                    <a:gd name="connsiteX32" fmla="*/ 39162 w 318477"/>
                    <a:gd name="connsiteY32" fmla="*/ 196295 h 318387"/>
                    <a:gd name="connsiteX33" fmla="*/ 26795 w 318477"/>
                    <a:gd name="connsiteY33" fmla="*/ 226120 h 318387"/>
                    <a:gd name="connsiteX34" fmla="*/ 39162 w 318477"/>
                    <a:gd name="connsiteY34" fmla="*/ 255947 h 318387"/>
                    <a:gd name="connsiteX35" fmla="*/ 90448 w 318477"/>
                    <a:gd name="connsiteY35" fmla="*/ 262251 h 318387"/>
                    <a:gd name="connsiteX36" fmla="*/ 97238 w 318477"/>
                    <a:gd name="connsiteY36" fmla="*/ 260433 h 3183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318477" h="318387">
                      <a:moveTo>
                        <a:pt x="172652" y="318387"/>
                      </a:moveTo>
                      <a:cubicBezTo>
                        <a:pt x="144038" y="318387"/>
                        <a:pt x="116273" y="308930"/>
                        <a:pt x="94449" y="289895"/>
                      </a:cubicBezTo>
                      <a:cubicBezTo>
                        <a:pt x="69109" y="300080"/>
                        <a:pt x="39768" y="294502"/>
                        <a:pt x="20126" y="274861"/>
                      </a:cubicBezTo>
                      <a:cubicBezTo>
                        <a:pt x="7153" y="261888"/>
                        <a:pt x="0" y="244550"/>
                        <a:pt x="0" y="226120"/>
                      </a:cubicBezTo>
                      <a:cubicBezTo>
                        <a:pt x="0" y="207691"/>
                        <a:pt x="7153" y="190353"/>
                        <a:pt x="20126" y="177380"/>
                      </a:cubicBezTo>
                      <a:cubicBezTo>
                        <a:pt x="31402" y="166105"/>
                        <a:pt x="46315" y="159194"/>
                        <a:pt x="62077" y="157739"/>
                      </a:cubicBezTo>
                      <a:cubicBezTo>
                        <a:pt x="69352" y="135915"/>
                        <a:pt x="81840" y="115667"/>
                        <a:pt x="98693" y="98814"/>
                      </a:cubicBezTo>
                      <a:lnTo>
                        <a:pt x="98814" y="98814"/>
                      </a:lnTo>
                      <a:cubicBezTo>
                        <a:pt x="115667" y="81840"/>
                        <a:pt x="135915" y="69352"/>
                        <a:pt x="157739" y="62077"/>
                      </a:cubicBezTo>
                      <a:cubicBezTo>
                        <a:pt x="159194" y="46194"/>
                        <a:pt x="166105" y="31281"/>
                        <a:pt x="177380" y="20127"/>
                      </a:cubicBezTo>
                      <a:cubicBezTo>
                        <a:pt x="190353" y="7153"/>
                        <a:pt x="207691" y="0"/>
                        <a:pt x="226120" y="0"/>
                      </a:cubicBezTo>
                      <a:cubicBezTo>
                        <a:pt x="244550" y="0"/>
                        <a:pt x="261766" y="7153"/>
                        <a:pt x="274861" y="20127"/>
                      </a:cubicBezTo>
                      <a:cubicBezTo>
                        <a:pt x="294502" y="39768"/>
                        <a:pt x="300080" y="69109"/>
                        <a:pt x="289895" y="94449"/>
                      </a:cubicBezTo>
                      <a:cubicBezTo>
                        <a:pt x="310143" y="117607"/>
                        <a:pt x="320085" y="147797"/>
                        <a:pt x="318266" y="180533"/>
                      </a:cubicBezTo>
                      <a:cubicBezTo>
                        <a:pt x="316205" y="215330"/>
                        <a:pt x="300807" y="248793"/>
                        <a:pt x="274861" y="274618"/>
                      </a:cubicBezTo>
                      <a:cubicBezTo>
                        <a:pt x="245883" y="303596"/>
                        <a:pt x="208661" y="318266"/>
                        <a:pt x="172773" y="318266"/>
                      </a:cubicBezTo>
                      <a:close/>
                      <a:moveTo>
                        <a:pt x="96995" y="260554"/>
                      </a:moveTo>
                      <a:cubicBezTo>
                        <a:pt x="100511" y="260554"/>
                        <a:pt x="104028" y="262009"/>
                        <a:pt x="106695" y="264676"/>
                      </a:cubicBezTo>
                      <a:cubicBezTo>
                        <a:pt x="106816" y="264919"/>
                        <a:pt x="107665" y="265646"/>
                        <a:pt x="107786" y="265889"/>
                      </a:cubicBezTo>
                      <a:cubicBezTo>
                        <a:pt x="145857" y="303959"/>
                        <a:pt x="212299" y="299595"/>
                        <a:pt x="255825" y="256068"/>
                      </a:cubicBezTo>
                      <a:cubicBezTo>
                        <a:pt x="277286" y="234608"/>
                        <a:pt x="289895" y="207328"/>
                        <a:pt x="291592" y="179078"/>
                      </a:cubicBezTo>
                      <a:cubicBezTo>
                        <a:pt x="293169" y="151434"/>
                        <a:pt x="284075" y="126094"/>
                        <a:pt x="265767" y="107907"/>
                      </a:cubicBezTo>
                      <a:lnTo>
                        <a:pt x="264434" y="106695"/>
                      </a:lnTo>
                      <a:cubicBezTo>
                        <a:pt x="260069" y="102451"/>
                        <a:pt x="259099" y="95662"/>
                        <a:pt x="262251" y="90327"/>
                      </a:cubicBezTo>
                      <a:cubicBezTo>
                        <a:pt x="272072" y="73717"/>
                        <a:pt x="269526" y="52620"/>
                        <a:pt x="255947" y="39041"/>
                      </a:cubicBezTo>
                      <a:cubicBezTo>
                        <a:pt x="239457" y="22551"/>
                        <a:pt x="212662" y="22551"/>
                        <a:pt x="196294" y="39041"/>
                      </a:cubicBezTo>
                      <a:cubicBezTo>
                        <a:pt x="187807" y="47528"/>
                        <a:pt x="183443" y="59046"/>
                        <a:pt x="184170" y="71413"/>
                      </a:cubicBezTo>
                      <a:cubicBezTo>
                        <a:pt x="184534" y="77839"/>
                        <a:pt x="180290" y="83537"/>
                        <a:pt x="174107" y="85113"/>
                      </a:cubicBezTo>
                      <a:cubicBezTo>
                        <a:pt x="153131" y="90448"/>
                        <a:pt x="133611" y="101603"/>
                        <a:pt x="117728" y="117486"/>
                      </a:cubicBezTo>
                      <a:lnTo>
                        <a:pt x="117607" y="117486"/>
                      </a:lnTo>
                      <a:cubicBezTo>
                        <a:pt x="101724" y="133611"/>
                        <a:pt x="90448" y="153010"/>
                        <a:pt x="85235" y="174107"/>
                      </a:cubicBezTo>
                      <a:cubicBezTo>
                        <a:pt x="83658" y="180290"/>
                        <a:pt x="78081" y="184655"/>
                        <a:pt x="71534" y="184170"/>
                      </a:cubicBezTo>
                      <a:cubicBezTo>
                        <a:pt x="59288" y="183442"/>
                        <a:pt x="47649" y="187686"/>
                        <a:pt x="39162" y="196295"/>
                      </a:cubicBezTo>
                      <a:cubicBezTo>
                        <a:pt x="31160" y="204296"/>
                        <a:pt x="26795" y="214845"/>
                        <a:pt x="26795" y="226120"/>
                      </a:cubicBezTo>
                      <a:cubicBezTo>
                        <a:pt x="26795" y="237396"/>
                        <a:pt x="31160" y="247945"/>
                        <a:pt x="39162" y="255947"/>
                      </a:cubicBezTo>
                      <a:cubicBezTo>
                        <a:pt x="52741" y="269526"/>
                        <a:pt x="73838" y="272072"/>
                        <a:pt x="90448" y="262251"/>
                      </a:cubicBezTo>
                      <a:cubicBezTo>
                        <a:pt x="92509" y="261039"/>
                        <a:pt x="94934" y="260433"/>
                        <a:pt x="97238" y="260433"/>
                      </a:cubicBezTo>
                      <a:close/>
                    </a:path>
                  </a:pathLst>
                </a:custGeom>
                <a:solidFill>
                  <a:srgbClr val="265A9A"/>
                </a:solidFill>
                <a:ln w="12102" cap="flat">
                  <a:noFill/>
                  <a:prstDash val="solid"/>
                  <a:miter/>
                </a:ln>
              </p:spPr>
              <p:txBody>
                <a:bodyPr rtlCol="0" anchor="ctr"/>
                <a:lstStyle/>
                <a:p>
                  <a:endParaRPr lang="en-AU"/>
                </a:p>
              </p:txBody>
            </p:sp>
            <p:sp>
              <p:nvSpPr>
                <p:cNvPr id="1116" name="Freeform: Shape 1115">
                  <a:extLst>
                    <a:ext uri="{FF2B5EF4-FFF2-40B4-BE49-F238E27FC236}">
                      <a16:creationId xmlns:a16="http://schemas.microsoft.com/office/drawing/2014/main" id="{FD578935-C911-E5DD-0989-3AC9C435D20A}"/>
                    </a:ext>
                  </a:extLst>
                </p:cNvPr>
                <p:cNvSpPr/>
                <p:nvPr/>
              </p:nvSpPr>
              <p:spPr>
                <a:xfrm>
                  <a:off x="2147145" y="2183435"/>
                  <a:ext cx="97578" cy="114204"/>
                </a:xfrm>
                <a:custGeom>
                  <a:avLst/>
                  <a:gdLst>
                    <a:gd name="connsiteX0" fmla="*/ 13345 w 97578"/>
                    <a:gd name="connsiteY0" fmla="*/ 114205 h 114204"/>
                    <a:gd name="connsiteX1" fmla="*/ 978 w 97578"/>
                    <a:gd name="connsiteY1" fmla="*/ 105839 h 114204"/>
                    <a:gd name="connsiteX2" fmla="*/ 8374 w 97578"/>
                    <a:gd name="connsiteY2" fmla="*/ 88501 h 114204"/>
                    <a:gd name="connsiteX3" fmla="*/ 70936 w 97578"/>
                    <a:gd name="connsiteY3" fmla="*/ 11753 h 114204"/>
                    <a:gd name="connsiteX4" fmla="*/ 85849 w 97578"/>
                    <a:gd name="connsiteY4" fmla="*/ 114 h 114204"/>
                    <a:gd name="connsiteX5" fmla="*/ 97488 w 97578"/>
                    <a:gd name="connsiteY5" fmla="*/ 15027 h 114204"/>
                    <a:gd name="connsiteX6" fmla="*/ 18437 w 97578"/>
                    <a:gd name="connsiteY6" fmla="*/ 113235 h 114204"/>
                    <a:gd name="connsiteX7" fmla="*/ 13466 w 97578"/>
                    <a:gd name="connsiteY7" fmla="*/ 114205 h 1142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7578" h="114204">
                      <a:moveTo>
                        <a:pt x="13345" y="114205"/>
                      </a:moveTo>
                      <a:cubicBezTo>
                        <a:pt x="8010" y="114205"/>
                        <a:pt x="3039" y="111052"/>
                        <a:pt x="978" y="105839"/>
                      </a:cubicBezTo>
                      <a:cubicBezTo>
                        <a:pt x="-1811" y="99049"/>
                        <a:pt x="1584" y="91290"/>
                        <a:pt x="8374" y="88501"/>
                      </a:cubicBezTo>
                      <a:cubicBezTo>
                        <a:pt x="45474" y="73588"/>
                        <a:pt x="66450" y="47763"/>
                        <a:pt x="70936" y="11753"/>
                      </a:cubicBezTo>
                      <a:cubicBezTo>
                        <a:pt x="71784" y="4479"/>
                        <a:pt x="78453" y="-856"/>
                        <a:pt x="85849" y="114"/>
                      </a:cubicBezTo>
                      <a:cubicBezTo>
                        <a:pt x="93123" y="963"/>
                        <a:pt x="98337" y="7631"/>
                        <a:pt x="97488" y="15027"/>
                      </a:cubicBezTo>
                      <a:cubicBezTo>
                        <a:pt x="93608" y="46914"/>
                        <a:pt x="76634" y="89835"/>
                        <a:pt x="18437" y="113235"/>
                      </a:cubicBezTo>
                      <a:cubicBezTo>
                        <a:pt x="16861" y="113841"/>
                        <a:pt x="15163" y="114205"/>
                        <a:pt x="13466" y="114205"/>
                      </a:cubicBezTo>
                      <a:close/>
                    </a:path>
                  </a:pathLst>
                </a:custGeom>
                <a:solidFill>
                  <a:srgbClr val="265A9A"/>
                </a:solidFill>
                <a:ln w="12102" cap="flat">
                  <a:noFill/>
                  <a:prstDash val="solid"/>
                  <a:miter/>
                </a:ln>
              </p:spPr>
              <p:txBody>
                <a:bodyPr rtlCol="0" anchor="ctr"/>
                <a:lstStyle/>
                <a:p>
                  <a:endParaRPr lang="en-AU"/>
                </a:p>
              </p:txBody>
            </p:sp>
          </p:grpSp>
          <p:grpSp>
            <p:nvGrpSpPr>
              <p:cNvPr id="3" name="Group 2">
                <a:extLst>
                  <a:ext uri="{FF2B5EF4-FFF2-40B4-BE49-F238E27FC236}">
                    <a16:creationId xmlns:a16="http://schemas.microsoft.com/office/drawing/2014/main" id="{6799EFF4-4FE1-753C-0D61-5FDCDB7C17C3}"/>
                  </a:ext>
                </a:extLst>
              </p:cNvPr>
              <p:cNvGrpSpPr/>
              <p:nvPr/>
            </p:nvGrpSpPr>
            <p:grpSpPr>
              <a:xfrm>
                <a:off x="5026729" y="2829000"/>
                <a:ext cx="475422" cy="440182"/>
                <a:chOff x="4928374" y="2878525"/>
                <a:chExt cx="475422" cy="440182"/>
              </a:xfrm>
            </p:grpSpPr>
            <p:sp>
              <p:nvSpPr>
                <p:cNvPr id="1118" name="Graphic 2">
                  <a:extLst>
                    <a:ext uri="{FF2B5EF4-FFF2-40B4-BE49-F238E27FC236}">
                      <a16:creationId xmlns:a16="http://schemas.microsoft.com/office/drawing/2014/main" id="{39F369FA-E546-170A-2422-417C824ED6DA}"/>
                    </a:ext>
                  </a:extLst>
                </p:cNvPr>
                <p:cNvSpPr/>
                <p:nvPr/>
              </p:nvSpPr>
              <p:spPr>
                <a:xfrm>
                  <a:off x="5123444" y="2882831"/>
                  <a:ext cx="267181" cy="253693"/>
                </a:xfrm>
                <a:custGeom>
                  <a:avLst/>
                  <a:gdLst>
                    <a:gd name="connsiteX0" fmla="*/ 117634 w 235743"/>
                    <a:gd name="connsiteY0" fmla="*/ 241268 h 241268"/>
                    <a:gd name="connsiteX1" fmla="*/ 169069 w 235743"/>
                    <a:gd name="connsiteY1" fmla="*/ 204692 h 241268"/>
                    <a:gd name="connsiteX2" fmla="*/ 228600 w 235743"/>
                    <a:gd name="connsiteY2" fmla="*/ 134112 h 241268"/>
                    <a:gd name="connsiteX3" fmla="*/ 235744 w 235743"/>
                    <a:gd name="connsiteY3" fmla="*/ 61913 h 241268"/>
                    <a:gd name="connsiteX4" fmla="*/ 215170 w 235743"/>
                    <a:gd name="connsiteY4" fmla="*/ 21907 h 241268"/>
                    <a:gd name="connsiteX5" fmla="*/ 180213 w 235743"/>
                    <a:gd name="connsiteY5" fmla="*/ 0 h 241268"/>
                    <a:gd name="connsiteX6" fmla="*/ 142113 w 235743"/>
                    <a:gd name="connsiteY6" fmla="*/ 13145 h 241268"/>
                    <a:gd name="connsiteX7" fmla="*/ 117634 w 235743"/>
                    <a:gd name="connsiteY7" fmla="*/ 32575 h 241268"/>
                    <a:gd name="connsiteX8" fmla="*/ 69056 w 235743"/>
                    <a:gd name="connsiteY8" fmla="*/ 4000 h 241268"/>
                    <a:gd name="connsiteX9" fmla="*/ 25432 w 235743"/>
                    <a:gd name="connsiteY9" fmla="*/ 13145 h 241268"/>
                    <a:gd name="connsiteX10" fmla="*/ 0 w 235743"/>
                    <a:gd name="connsiteY10" fmla="*/ 57150 h 241268"/>
                    <a:gd name="connsiteX11" fmla="*/ 0 w 235743"/>
                    <a:gd name="connsiteY11" fmla="*/ 108775 h 241268"/>
                    <a:gd name="connsiteX12" fmla="*/ 22289 w 235743"/>
                    <a:gd name="connsiteY12" fmla="*/ 160306 h 241268"/>
                    <a:gd name="connsiteX13" fmla="*/ 55626 w 235743"/>
                    <a:gd name="connsiteY13" fmla="*/ 192881 h 241268"/>
                    <a:gd name="connsiteX14" fmla="*/ 117634 w 235743"/>
                    <a:gd name="connsiteY14" fmla="*/ 241268 h 2412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35743" h="241268">
                      <a:moveTo>
                        <a:pt x="117634" y="241268"/>
                      </a:moveTo>
                      <a:lnTo>
                        <a:pt x="169069" y="204692"/>
                      </a:lnTo>
                      <a:lnTo>
                        <a:pt x="228600" y="134112"/>
                      </a:lnTo>
                      <a:lnTo>
                        <a:pt x="235744" y="61913"/>
                      </a:lnTo>
                      <a:lnTo>
                        <a:pt x="215170" y="21907"/>
                      </a:lnTo>
                      <a:lnTo>
                        <a:pt x="180213" y="0"/>
                      </a:lnTo>
                      <a:lnTo>
                        <a:pt x="142113" y="13145"/>
                      </a:lnTo>
                      <a:lnTo>
                        <a:pt x="117634" y="32575"/>
                      </a:lnTo>
                      <a:lnTo>
                        <a:pt x="69056" y="4000"/>
                      </a:lnTo>
                      <a:lnTo>
                        <a:pt x="25432" y="13145"/>
                      </a:lnTo>
                      <a:lnTo>
                        <a:pt x="0" y="57150"/>
                      </a:lnTo>
                      <a:lnTo>
                        <a:pt x="0" y="108775"/>
                      </a:lnTo>
                      <a:lnTo>
                        <a:pt x="22289" y="160306"/>
                      </a:lnTo>
                      <a:lnTo>
                        <a:pt x="55626" y="192881"/>
                      </a:lnTo>
                      <a:lnTo>
                        <a:pt x="117634" y="241268"/>
                      </a:lnTo>
                      <a:close/>
                    </a:path>
                  </a:pathLst>
                </a:custGeom>
                <a:solidFill>
                  <a:srgbClr val="66B9DA"/>
                </a:solidFill>
                <a:ln w="9525" cap="flat">
                  <a:noFill/>
                  <a:prstDash val="solid"/>
                  <a:miter/>
                </a:ln>
              </p:spPr>
              <p:txBody>
                <a:bodyPr rtlCol="0" anchor="ctr"/>
                <a:lstStyle/>
                <a:p>
                  <a:endParaRPr lang="en-AU" sz="153"/>
                </a:p>
              </p:txBody>
            </p:sp>
            <p:sp>
              <p:nvSpPr>
                <p:cNvPr id="1119" name="Graphic 2">
                  <a:extLst>
                    <a:ext uri="{FF2B5EF4-FFF2-40B4-BE49-F238E27FC236}">
                      <a16:creationId xmlns:a16="http://schemas.microsoft.com/office/drawing/2014/main" id="{5F3102C9-6C14-A02A-8A55-3D5B26F0E510}"/>
                    </a:ext>
                  </a:extLst>
                </p:cNvPr>
                <p:cNvSpPr/>
                <p:nvPr/>
              </p:nvSpPr>
              <p:spPr>
                <a:xfrm>
                  <a:off x="4937227" y="3113188"/>
                  <a:ext cx="64771" cy="195302"/>
                </a:xfrm>
                <a:custGeom>
                  <a:avLst/>
                  <a:gdLst>
                    <a:gd name="connsiteX0" fmla="*/ 0 w 57150"/>
                    <a:gd name="connsiteY0" fmla="*/ 0 h 185737"/>
                    <a:gd name="connsiteX1" fmla="*/ 57150 w 57150"/>
                    <a:gd name="connsiteY1" fmla="*/ 0 h 185737"/>
                    <a:gd name="connsiteX2" fmla="*/ 57150 w 57150"/>
                    <a:gd name="connsiteY2" fmla="*/ 185738 h 185737"/>
                    <a:gd name="connsiteX3" fmla="*/ 0 w 57150"/>
                    <a:gd name="connsiteY3" fmla="*/ 185738 h 185737"/>
                  </a:gdLst>
                  <a:ahLst/>
                  <a:cxnLst>
                    <a:cxn ang="0">
                      <a:pos x="connsiteX0" y="connsiteY0"/>
                    </a:cxn>
                    <a:cxn ang="0">
                      <a:pos x="connsiteX1" y="connsiteY1"/>
                    </a:cxn>
                    <a:cxn ang="0">
                      <a:pos x="connsiteX2" y="connsiteY2"/>
                    </a:cxn>
                    <a:cxn ang="0">
                      <a:pos x="connsiteX3" y="connsiteY3"/>
                    </a:cxn>
                  </a:cxnLst>
                  <a:rect l="l" t="t" r="r" b="b"/>
                  <a:pathLst>
                    <a:path w="57150" h="185737">
                      <a:moveTo>
                        <a:pt x="0" y="0"/>
                      </a:moveTo>
                      <a:lnTo>
                        <a:pt x="57150" y="0"/>
                      </a:lnTo>
                      <a:lnTo>
                        <a:pt x="57150" y="185738"/>
                      </a:lnTo>
                      <a:lnTo>
                        <a:pt x="0" y="185738"/>
                      </a:lnTo>
                      <a:close/>
                    </a:path>
                  </a:pathLst>
                </a:custGeom>
                <a:solidFill>
                  <a:srgbClr val="C7E4F1"/>
                </a:solidFill>
                <a:ln w="9525" cap="flat">
                  <a:noFill/>
                  <a:prstDash val="solid"/>
                  <a:miter/>
                </a:ln>
              </p:spPr>
              <p:txBody>
                <a:bodyPr rtlCol="0" anchor="ctr"/>
                <a:lstStyle/>
                <a:p>
                  <a:endParaRPr lang="en-AU" sz="153"/>
                </a:p>
              </p:txBody>
            </p:sp>
            <p:sp>
              <p:nvSpPr>
                <p:cNvPr id="1120" name="Graphic 2">
                  <a:extLst>
                    <a:ext uri="{FF2B5EF4-FFF2-40B4-BE49-F238E27FC236}">
                      <a16:creationId xmlns:a16="http://schemas.microsoft.com/office/drawing/2014/main" id="{2907CD37-46FF-5C0C-0F08-F6FABCF16F95}"/>
                    </a:ext>
                  </a:extLst>
                </p:cNvPr>
                <p:cNvSpPr/>
                <p:nvPr/>
              </p:nvSpPr>
              <p:spPr>
                <a:xfrm>
                  <a:off x="4996924" y="3154753"/>
                  <a:ext cx="400071" cy="156542"/>
                </a:xfrm>
                <a:custGeom>
                  <a:avLst/>
                  <a:gdLst>
                    <a:gd name="connsiteX0" fmla="*/ 82582 w 352996"/>
                    <a:gd name="connsiteY0" fmla="*/ 73057 h 148875"/>
                    <a:gd name="connsiteX1" fmla="*/ 169831 w 352996"/>
                    <a:gd name="connsiteY1" fmla="*/ 93250 h 148875"/>
                    <a:gd name="connsiteX2" fmla="*/ 269843 w 352996"/>
                    <a:gd name="connsiteY2" fmla="*/ 60484 h 148875"/>
                    <a:gd name="connsiteX3" fmla="*/ 330708 w 352996"/>
                    <a:gd name="connsiteY3" fmla="*/ 48863 h 148875"/>
                    <a:gd name="connsiteX4" fmla="*/ 352996 w 352996"/>
                    <a:gd name="connsiteY4" fmla="*/ 78677 h 148875"/>
                    <a:gd name="connsiteX5" fmla="*/ 345567 w 352996"/>
                    <a:gd name="connsiteY5" fmla="*/ 86963 h 148875"/>
                    <a:gd name="connsiteX6" fmla="*/ 179356 w 352996"/>
                    <a:gd name="connsiteY6" fmla="*/ 148876 h 148875"/>
                    <a:gd name="connsiteX7" fmla="*/ 0 w 352996"/>
                    <a:gd name="connsiteY7" fmla="*/ 102775 h 148875"/>
                    <a:gd name="connsiteX8" fmla="*/ 0 w 352996"/>
                    <a:gd name="connsiteY8" fmla="*/ 16573 h 148875"/>
                    <a:gd name="connsiteX9" fmla="*/ 86773 w 352996"/>
                    <a:gd name="connsiteY9" fmla="*/ 0 h 148875"/>
                    <a:gd name="connsiteX10" fmla="*/ 120110 w 352996"/>
                    <a:gd name="connsiteY10" fmla="*/ 29813 h 148875"/>
                    <a:gd name="connsiteX11" fmla="*/ 195263 w 352996"/>
                    <a:gd name="connsiteY11" fmla="*/ 37719 h 148875"/>
                    <a:gd name="connsiteX12" fmla="*/ 216979 w 352996"/>
                    <a:gd name="connsiteY12" fmla="*/ 69437 h 148875"/>
                    <a:gd name="connsiteX13" fmla="*/ 172498 w 352996"/>
                    <a:gd name="connsiteY13" fmla="*/ 88011 h 148875"/>
                    <a:gd name="connsiteX14" fmla="*/ 82582 w 352996"/>
                    <a:gd name="connsiteY14" fmla="*/ 73057 h 148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52996" h="148875">
                      <a:moveTo>
                        <a:pt x="82582" y="73057"/>
                      </a:moveTo>
                      <a:lnTo>
                        <a:pt x="169831" y="93250"/>
                      </a:lnTo>
                      <a:lnTo>
                        <a:pt x="269843" y="60484"/>
                      </a:lnTo>
                      <a:lnTo>
                        <a:pt x="330708" y="48863"/>
                      </a:lnTo>
                      <a:lnTo>
                        <a:pt x="352996" y="78677"/>
                      </a:lnTo>
                      <a:lnTo>
                        <a:pt x="345567" y="86963"/>
                      </a:lnTo>
                      <a:lnTo>
                        <a:pt x="179356" y="148876"/>
                      </a:lnTo>
                      <a:lnTo>
                        <a:pt x="0" y="102775"/>
                      </a:lnTo>
                      <a:lnTo>
                        <a:pt x="0" y="16573"/>
                      </a:lnTo>
                      <a:lnTo>
                        <a:pt x="86773" y="0"/>
                      </a:lnTo>
                      <a:lnTo>
                        <a:pt x="120110" y="29813"/>
                      </a:lnTo>
                      <a:lnTo>
                        <a:pt x="195263" y="37719"/>
                      </a:lnTo>
                      <a:lnTo>
                        <a:pt x="216979" y="69437"/>
                      </a:lnTo>
                      <a:lnTo>
                        <a:pt x="172498" y="88011"/>
                      </a:lnTo>
                      <a:lnTo>
                        <a:pt x="82582" y="73057"/>
                      </a:lnTo>
                      <a:close/>
                    </a:path>
                  </a:pathLst>
                </a:custGeom>
                <a:solidFill>
                  <a:srgbClr val="C7E4F1"/>
                </a:solidFill>
                <a:ln w="9525" cap="flat">
                  <a:noFill/>
                  <a:prstDash val="solid"/>
                  <a:miter/>
                </a:ln>
              </p:spPr>
              <p:txBody>
                <a:bodyPr rtlCol="0" anchor="ctr"/>
                <a:lstStyle/>
                <a:p>
                  <a:endParaRPr lang="en-AU" sz="153"/>
                </a:p>
              </p:txBody>
            </p:sp>
            <p:sp>
              <p:nvSpPr>
                <p:cNvPr id="1121" name="Graphic 2">
                  <a:extLst>
                    <a:ext uri="{FF2B5EF4-FFF2-40B4-BE49-F238E27FC236}">
                      <a16:creationId xmlns:a16="http://schemas.microsoft.com/office/drawing/2014/main" id="{E0F1283A-7542-6B3C-3584-45C937358787}"/>
                    </a:ext>
                  </a:extLst>
                </p:cNvPr>
                <p:cNvSpPr/>
                <p:nvPr/>
              </p:nvSpPr>
              <p:spPr>
                <a:xfrm>
                  <a:off x="5110599" y="2878525"/>
                  <a:ext cx="293197" cy="271120"/>
                </a:xfrm>
                <a:custGeom>
                  <a:avLst/>
                  <a:gdLst>
                    <a:gd name="connsiteX0" fmla="*/ 128588 w 258698"/>
                    <a:gd name="connsiteY0" fmla="*/ 257842 h 257841"/>
                    <a:gd name="connsiteX1" fmla="*/ 126778 w 258698"/>
                    <a:gd name="connsiteY1" fmla="*/ 257842 h 257841"/>
                    <a:gd name="connsiteX2" fmla="*/ 125921 w 258698"/>
                    <a:gd name="connsiteY2" fmla="*/ 257842 h 257841"/>
                    <a:gd name="connsiteX3" fmla="*/ 124492 w 258698"/>
                    <a:gd name="connsiteY3" fmla="*/ 257270 h 257841"/>
                    <a:gd name="connsiteX4" fmla="*/ 124492 w 258698"/>
                    <a:gd name="connsiteY4" fmla="*/ 257270 h 257841"/>
                    <a:gd name="connsiteX5" fmla="*/ 0 w 258698"/>
                    <a:gd name="connsiteY5" fmla="*/ 89249 h 257841"/>
                    <a:gd name="connsiteX6" fmla="*/ 73152 w 258698"/>
                    <a:gd name="connsiteY6" fmla="*/ 0 h 257841"/>
                    <a:gd name="connsiteX7" fmla="*/ 126492 w 258698"/>
                    <a:gd name="connsiteY7" fmla="*/ 26860 h 257841"/>
                    <a:gd name="connsiteX8" fmla="*/ 132207 w 258698"/>
                    <a:gd name="connsiteY8" fmla="*/ 26860 h 257841"/>
                    <a:gd name="connsiteX9" fmla="*/ 185547 w 258698"/>
                    <a:gd name="connsiteY9" fmla="*/ 0 h 257841"/>
                    <a:gd name="connsiteX10" fmla="*/ 258699 w 258698"/>
                    <a:gd name="connsiteY10" fmla="*/ 89249 h 257841"/>
                    <a:gd name="connsiteX11" fmla="*/ 134207 w 258698"/>
                    <a:gd name="connsiteY11" fmla="*/ 257270 h 257841"/>
                    <a:gd name="connsiteX12" fmla="*/ 134207 w 258698"/>
                    <a:gd name="connsiteY12" fmla="*/ 257270 h 257841"/>
                    <a:gd name="connsiteX13" fmla="*/ 132874 w 258698"/>
                    <a:gd name="connsiteY13" fmla="*/ 257746 h 257841"/>
                    <a:gd name="connsiteX14" fmla="*/ 131921 w 258698"/>
                    <a:gd name="connsiteY14" fmla="*/ 257746 h 257841"/>
                    <a:gd name="connsiteX15" fmla="*/ 131921 w 258698"/>
                    <a:gd name="connsiteY15" fmla="*/ 257746 h 257841"/>
                    <a:gd name="connsiteX16" fmla="*/ 129921 w 258698"/>
                    <a:gd name="connsiteY16" fmla="*/ 257746 h 257841"/>
                    <a:gd name="connsiteX17" fmla="*/ 129159 w 258698"/>
                    <a:gd name="connsiteY17" fmla="*/ 257746 h 257841"/>
                    <a:gd name="connsiteX18" fmla="*/ 72771 w 258698"/>
                    <a:gd name="connsiteY18" fmla="*/ 17240 h 257841"/>
                    <a:gd name="connsiteX19" fmla="*/ 17621 w 258698"/>
                    <a:gd name="connsiteY19" fmla="*/ 88487 h 257841"/>
                    <a:gd name="connsiteX20" fmla="*/ 126492 w 258698"/>
                    <a:gd name="connsiteY20" fmla="*/ 236696 h 257841"/>
                    <a:gd name="connsiteX21" fmla="*/ 128969 w 258698"/>
                    <a:gd name="connsiteY21" fmla="*/ 237363 h 257841"/>
                    <a:gd name="connsiteX22" fmla="*/ 131350 w 258698"/>
                    <a:gd name="connsiteY22" fmla="*/ 236696 h 257841"/>
                    <a:gd name="connsiteX23" fmla="*/ 240316 w 258698"/>
                    <a:gd name="connsiteY23" fmla="*/ 88487 h 257841"/>
                    <a:gd name="connsiteX24" fmla="*/ 185166 w 258698"/>
                    <a:gd name="connsiteY24" fmla="*/ 17240 h 257841"/>
                    <a:gd name="connsiteX25" fmla="*/ 143065 w 258698"/>
                    <a:gd name="connsiteY25" fmla="*/ 40196 h 257841"/>
                    <a:gd name="connsiteX26" fmla="*/ 143065 w 258698"/>
                    <a:gd name="connsiteY26" fmla="*/ 40196 h 257841"/>
                    <a:gd name="connsiteX27" fmla="*/ 135160 w 258698"/>
                    <a:gd name="connsiteY27" fmla="*/ 46863 h 257841"/>
                    <a:gd name="connsiteX28" fmla="*/ 134207 w 258698"/>
                    <a:gd name="connsiteY28" fmla="*/ 47434 h 257841"/>
                    <a:gd name="connsiteX29" fmla="*/ 132588 w 258698"/>
                    <a:gd name="connsiteY29" fmla="*/ 48196 h 257841"/>
                    <a:gd name="connsiteX30" fmla="*/ 132588 w 258698"/>
                    <a:gd name="connsiteY30" fmla="*/ 48196 h 257841"/>
                    <a:gd name="connsiteX31" fmla="*/ 131350 w 258698"/>
                    <a:gd name="connsiteY31" fmla="*/ 48673 h 257841"/>
                    <a:gd name="connsiteX32" fmla="*/ 128016 w 258698"/>
                    <a:gd name="connsiteY32" fmla="*/ 48673 h 257841"/>
                    <a:gd name="connsiteX33" fmla="*/ 126397 w 258698"/>
                    <a:gd name="connsiteY33" fmla="*/ 48101 h 257841"/>
                    <a:gd name="connsiteX34" fmla="*/ 124777 w 258698"/>
                    <a:gd name="connsiteY34" fmla="*/ 47244 h 257841"/>
                    <a:gd name="connsiteX35" fmla="*/ 123825 w 258698"/>
                    <a:gd name="connsiteY35" fmla="*/ 46768 h 257841"/>
                    <a:gd name="connsiteX36" fmla="*/ 116015 w 258698"/>
                    <a:gd name="connsiteY36" fmla="*/ 40196 h 257841"/>
                    <a:gd name="connsiteX37" fmla="*/ 116015 w 258698"/>
                    <a:gd name="connsiteY37" fmla="*/ 39719 h 257841"/>
                    <a:gd name="connsiteX38" fmla="*/ 72771 w 258698"/>
                    <a:gd name="connsiteY38" fmla="*/ 17240 h 2578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58698" h="257841">
                      <a:moveTo>
                        <a:pt x="128588" y="257842"/>
                      </a:moveTo>
                      <a:lnTo>
                        <a:pt x="126778" y="257842"/>
                      </a:lnTo>
                      <a:lnTo>
                        <a:pt x="125921" y="257842"/>
                      </a:lnTo>
                      <a:lnTo>
                        <a:pt x="124492" y="257270"/>
                      </a:lnTo>
                      <a:lnTo>
                        <a:pt x="124492" y="257270"/>
                      </a:lnTo>
                      <a:cubicBezTo>
                        <a:pt x="117919" y="253270"/>
                        <a:pt x="0" y="181070"/>
                        <a:pt x="0" y="89249"/>
                      </a:cubicBezTo>
                      <a:cubicBezTo>
                        <a:pt x="0" y="44863"/>
                        <a:pt x="25146" y="0"/>
                        <a:pt x="73152" y="0"/>
                      </a:cubicBezTo>
                      <a:cubicBezTo>
                        <a:pt x="95821" y="0"/>
                        <a:pt x="114300" y="16192"/>
                        <a:pt x="126492" y="26860"/>
                      </a:cubicBezTo>
                      <a:cubicBezTo>
                        <a:pt x="128130" y="28270"/>
                        <a:pt x="130569" y="28270"/>
                        <a:pt x="132207" y="26860"/>
                      </a:cubicBezTo>
                      <a:cubicBezTo>
                        <a:pt x="144399" y="16192"/>
                        <a:pt x="162782" y="0"/>
                        <a:pt x="185547" y="0"/>
                      </a:cubicBezTo>
                      <a:cubicBezTo>
                        <a:pt x="233172" y="0"/>
                        <a:pt x="258699" y="44863"/>
                        <a:pt x="258699" y="89249"/>
                      </a:cubicBezTo>
                      <a:cubicBezTo>
                        <a:pt x="258699" y="180784"/>
                        <a:pt x="141922" y="252603"/>
                        <a:pt x="134207" y="257270"/>
                      </a:cubicBezTo>
                      <a:lnTo>
                        <a:pt x="134207" y="257270"/>
                      </a:lnTo>
                      <a:lnTo>
                        <a:pt x="132874" y="257746"/>
                      </a:lnTo>
                      <a:lnTo>
                        <a:pt x="131921" y="257746"/>
                      </a:lnTo>
                      <a:lnTo>
                        <a:pt x="131921" y="257746"/>
                      </a:lnTo>
                      <a:cubicBezTo>
                        <a:pt x="131254" y="257813"/>
                        <a:pt x="130588" y="257813"/>
                        <a:pt x="129921" y="257746"/>
                      </a:cubicBezTo>
                      <a:lnTo>
                        <a:pt x="129159" y="257746"/>
                      </a:lnTo>
                      <a:close/>
                      <a:moveTo>
                        <a:pt x="72771" y="17240"/>
                      </a:moveTo>
                      <a:cubicBezTo>
                        <a:pt x="36576" y="17240"/>
                        <a:pt x="17621" y="53054"/>
                        <a:pt x="17621" y="88487"/>
                      </a:cubicBezTo>
                      <a:cubicBezTo>
                        <a:pt x="17621" y="158877"/>
                        <a:pt x="100965" y="219742"/>
                        <a:pt x="126492" y="236696"/>
                      </a:cubicBezTo>
                      <a:cubicBezTo>
                        <a:pt x="127235" y="237153"/>
                        <a:pt x="128092" y="237382"/>
                        <a:pt x="128969" y="237363"/>
                      </a:cubicBezTo>
                      <a:cubicBezTo>
                        <a:pt x="129816" y="237392"/>
                        <a:pt x="130645" y="237163"/>
                        <a:pt x="131350" y="236696"/>
                      </a:cubicBezTo>
                      <a:cubicBezTo>
                        <a:pt x="156972" y="219742"/>
                        <a:pt x="240316" y="158877"/>
                        <a:pt x="240316" y="88487"/>
                      </a:cubicBezTo>
                      <a:cubicBezTo>
                        <a:pt x="240316" y="53054"/>
                        <a:pt x="221266" y="17240"/>
                        <a:pt x="185166" y="17240"/>
                      </a:cubicBezTo>
                      <a:cubicBezTo>
                        <a:pt x="169164" y="17240"/>
                        <a:pt x="154686" y="29908"/>
                        <a:pt x="143065" y="40196"/>
                      </a:cubicBezTo>
                      <a:lnTo>
                        <a:pt x="143065" y="40196"/>
                      </a:lnTo>
                      <a:cubicBezTo>
                        <a:pt x="140208" y="42672"/>
                        <a:pt x="137541" y="45053"/>
                        <a:pt x="135160" y="46863"/>
                      </a:cubicBezTo>
                      <a:lnTo>
                        <a:pt x="134207" y="47434"/>
                      </a:lnTo>
                      <a:lnTo>
                        <a:pt x="132588" y="48196"/>
                      </a:lnTo>
                      <a:lnTo>
                        <a:pt x="132588" y="48196"/>
                      </a:lnTo>
                      <a:lnTo>
                        <a:pt x="131350" y="48673"/>
                      </a:lnTo>
                      <a:lnTo>
                        <a:pt x="128016" y="48673"/>
                      </a:lnTo>
                      <a:lnTo>
                        <a:pt x="126397" y="48101"/>
                      </a:lnTo>
                      <a:cubicBezTo>
                        <a:pt x="125806" y="47911"/>
                        <a:pt x="125263" y="47625"/>
                        <a:pt x="124777" y="47244"/>
                      </a:cubicBezTo>
                      <a:lnTo>
                        <a:pt x="123825" y="46768"/>
                      </a:lnTo>
                      <a:cubicBezTo>
                        <a:pt x="121444" y="44958"/>
                        <a:pt x="118777" y="42672"/>
                        <a:pt x="116015" y="40196"/>
                      </a:cubicBezTo>
                      <a:lnTo>
                        <a:pt x="116015" y="39719"/>
                      </a:lnTo>
                      <a:cubicBezTo>
                        <a:pt x="103251" y="29908"/>
                        <a:pt x="88773" y="17240"/>
                        <a:pt x="72771" y="17240"/>
                      </a:cubicBezTo>
                      <a:close/>
                    </a:path>
                  </a:pathLst>
                </a:custGeom>
                <a:solidFill>
                  <a:srgbClr val="265998"/>
                </a:solidFill>
                <a:ln w="9525" cap="flat">
                  <a:noFill/>
                  <a:prstDash val="solid"/>
                  <a:miter/>
                </a:ln>
              </p:spPr>
              <p:txBody>
                <a:bodyPr rtlCol="0" anchor="ctr"/>
                <a:lstStyle/>
                <a:p>
                  <a:endParaRPr lang="en-AU" sz="153"/>
                </a:p>
              </p:txBody>
            </p:sp>
            <p:sp>
              <p:nvSpPr>
                <p:cNvPr id="1122" name="Graphic 2">
                  <a:extLst>
                    <a:ext uri="{FF2B5EF4-FFF2-40B4-BE49-F238E27FC236}">
                      <a16:creationId xmlns:a16="http://schemas.microsoft.com/office/drawing/2014/main" id="{1DF3898E-4A1C-CDD1-4FA2-2BFE71E7DCD5}"/>
                    </a:ext>
                  </a:extLst>
                </p:cNvPr>
                <p:cNvSpPr/>
                <p:nvPr/>
              </p:nvSpPr>
              <p:spPr>
                <a:xfrm>
                  <a:off x="4928374" y="3102672"/>
                  <a:ext cx="474973" cy="216035"/>
                </a:xfrm>
                <a:custGeom>
                  <a:avLst/>
                  <a:gdLst>
                    <a:gd name="connsiteX0" fmla="*/ 232791 w 419085"/>
                    <a:gd name="connsiteY0" fmla="*/ 205169 h 205454"/>
                    <a:gd name="connsiteX1" fmla="*/ 77343 w 419085"/>
                    <a:gd name="connsiteY1" fmla="*/ 165926 h 205454"/>
                    <a:gd name="connsiteX2" fmla="*/ 76010 w 419085"/>
                    <a:gd name="connsiteY2" fmla="*/ 165926 h 205454"/>
                    <a:gd name="connsiteX3" fmla="*/ 73438 w 419085"/>
                    <a:gd name="connsiteY3" fmla="*/ 166783 h 205454"/>
                    <a:gd name="connsiteX4" fmla="*/ 71628 w 419085"/>
                    <a:gd name="connsiteY4" fmla="*/ 170402 h 205454"/>
                    <a:gd name="connsiteX5" fmla="*/ 71628 w 419085"/>
                    <a:gd name="connsiteY5" fmla="*/ 196501 h 205454"/>
                    <a:gd name="connsiteX6" fmla="*/ 62675 w 419085"/>
                    <a:gd name="connsiteY6" fmla="*/ 205454 h 205454"/>
                    <a:gd name="connsiteX7" fmla="*/ 8954 w 419085"/>
                    <a:gd name="connsiteY7" fmla="*/ 205454 h 205454"/>
                    <a:gd name="connsiteX8" fmla="*/ 0 w 419085"/>
                    <a:gd name="connsiteY8" fmla="*/ 196501 h 205454"/>
                    <a:gd name="connsiteX9" fmla="*/ 0 w 419085"/>
                    <a:gd name="connsiteY9" fmla="*/ 8954 h 205454"/>
                    <a:gd name="connsiteX10" fmla="*/ 8954 w 419085"/>
                    <a:gd name="connsiteY10" fmla="*/ 0 h 205454"/>
                    <a:gd name="connsiteX11" fmla="*/ 62484 w 419085"/>
                    <a:gd name="connsiteY11" fmla="*/ 0 h 205454"/>
                    <a:gd name="connsiteX12" fmla="*/ 71438 w 419085"/>
                    <a:gd name="connsiteY12" fmla="*/ 8954 h 205454"/>
                    <a:gd name="connsiteX13" fmla="*/ 71438 w 419085"/>
                    <a:gd name="connsiteY13" fmla="*/ 51816 h 205454"/>
                    <a:gd name="connsiteX14" fmla="*/ 73533 w 419085"/>
                    <a:gd name="connsiteY14" fmla="*/ 55531 h 205454"/>
                    <a:gd name="connsiteX15" fmla="*/ 75819 w 419085"/>
                    <a:gd name="connsiteY15" fmla="*/ 56198 h 205454"/>
                    <a:gd name="connsiteX16" fmla="*/ 77819 w 419085"/>
                    <a:gd name="connsiteY16" fmla="*/ 55721 h 205454"/>
                    <a:gd name="connsiteX17" fmla="*/ 134969 w 419085"/>
                    <a:gd name="connsiteY17" fmla="*/ 40100 h 205454"/>
                    <a:gd name="connsiteX18" fmla="*/ 159353 w 419085"/>
                    <a:gd name="connsiteY18" fmla="*/ 45434 h 205454"/>
                    <a:gd name="connsiteX19" fmla="*/ 172498 w 419085"/>
                    <a:gd name="connsiteY19" fmla="*/ 58484 h 205454"/>
                    <a:gd name="connsiteX20" fmla="*/ 204311 w 419085"/>
                    <a:gd name="connsiteY20" fmla="*/ 75152 h 205454"/>
                    <a:gd name="connsiteX21" fmla="*/ 216599 w 419085"/>
                    <a:gd name="connsiteY21" fmla="*/ 74200 h 205454"/>
                    <a:gd name="connsiteX22" fmla="*/ 230696 w 419085"/>
                    <a:gd name="connsiteY22" fmla="*/ 73152 h 205454"/>
                    <a:gd name="connsiteX23" fmla="*/ 283274 w 419085"/>
                    <a:gd name="connsiteY23" fmla="*/ 107823 h 205454"/>
                    <a:gd name="connsiteX24" fmla="*/ 287465 w 419085"/>
                    <a:gd name="connsiteY24" fmla="*/ 111062 h 205454"/>
                    <a:gd name="connsiteX25" fmla="*/ 288131 w 419085"/>
                    <a:gd name="connsiteY25" fmla="*/ 111062 h 205454"/>
                    <a:gd name="connsiteX26" fmla="*/ 342329 w 419085"/>
                    <a:gd name="connsiteY26" fmla="*/ 98298 h 205454"/>
                    <a:gd name="connsiteX27" fmla="*/ 342995 w 419085"/>
                    <a:gd name="connsiteY27" fmla="*/ 98298 h 205454"/>
                    <a:gd name="connsiteX28" fmla="*/ 366141 w 419085"/>
                    <a:gd name="connsiteY28" fmla="*/ 92012 h 205454"/>
                    <a:gd name="connsiteX29" fmla="*/ 383000 w 419085"/>
                    <a:gd name="connsiteY29" fmla="*/ 89630 h 205454"/>
                    <a:gd name="connsiteX30" fmla="*/ 414242 w 419085"/>
                    <a:gd name="connsiteY30" fmla="*/ 109728 h 205454"/>
                    <a:gd name="connsiteX31" fmla="*/ 411861 w 419085"/>
                    <a:gd name="connsiteY31" fmla="*/ 143256 h 205454"/>
                    <a:gd name="connsiteX32" fmla="*/ 232791 w 419085"/>
                    <a:gd name="connsiteY32" fmla="*/ 205169 h 205454"/>
                    <a:gd name="connsiteX33" fmla="*/ 22289 w 419085"/>
                    <a:gd name="connsiteY33" fmla="*/ 18002 h 205454"/>
                    <a:gd name="connsiteX34" fmla="*/ 17907 w 419085"/>
                    <a:gd name="connsiteY34" fmla="*/ 22384 h 205454"/>
                    <a:gd name="connsiteX35" fmla="*/ 17907 w 419085"/>
                    <a:gd name="connsiteY35" fmla="*/ 182785 h 205454"/>
                    <a:gd name="connsiteX36" fmla="*/ 22289 w 419085"/>
                    <a:gd name="connsiteY36" fmla="*/ 187166 h 205454"/>
                    <a:gd name="connsiteX37" fmla="*/ 49054 w 419085"/>
                    <a:gd name="connsiteY37" fmla="*/ 187166 h 205454"/>
                    <a:gd name="connsiteX38" fmla="*/ 53435 w 419085"/>
                    <a:gd name="connsiteY38" fmla="*/ 182975 h 205454"/>
                    <a:gd name="connsiteX39" fmla="*/ 53435 w 419085"/>
                    <a:gd name="connsiteY39" fmla="*/ 182785 h 205454"/>
                    <a:gd name="connsiteX40" fmla="*/ 53435 w 419085"/>
                    <a:gd name="connsiteY40" fmla="*/ 22384 h 205454"/>
                    <a:gd name="connsiteX41" fmla="*/ 49246 w 419085"/>
                    <a:gd name="connsiteY41" fmla="*/ 18002 h 205454"/>
                    <a:gd name="connsiteX42" fmla="*/ 49054 w 419085"/>
                    <a:gd name="connsiteY42" fmla="*/ 18002 h 205454"/>
                    <a:gd name="connsiteX43" fmla="*/ 134493 w 419085"/>
                    <a:gd name="connsiteY43" fmla="*/ 58484 h 205454"/>
                    <a:gd name="connsiteX44" fmla="*/ 78867 w 419085"/>
                    <a:gd name="connsiteY44" fmla="*/ 76200 h 205454"/>
                    <a:gd name="connsiteX45" fmla="*/ 75248 w 419085"/>
                    <a:gd name="connsiteY45" fmla="*/ 77438 h 205454"/>
                    <a:gd name="connsiteX46" fmla="*/ 71438 w 419085"/>
                    <a:gd name="connsiteY46" fmla="*/ 81820 h 205454"/>
                    <a:gd name="connsiteX47" fmla="*/ 71438 w 419085"/>
                    <a:gd name="connsiteY47" fmla="*/ 142399 h 205454"/>
                    <a:gd name="connsiteX48" fmla="*/ 74486 w 419085"/>
                    <a:gd name="connsiteY48" fmla="*/ 146590 h 205454"/>
                    <a:gd name="connsiteX49" fmla="*/ 232601 w 419085"/>
                    <a:gd name="connsiteY49" fmla="*/ 187643 h 205454"/>
                    <a:gd name="connsiteX50" fmla="*/ 398526 w 419085"/>
                    <a:gd name="connsiteY50" fmla="*/ 130493 h 205454"/>
                    <a:gd name="connsiteX51" fmla="*/ 400622 w 419085"/>
                    <a:gd name="connsiteY51" fmla="*/ 125635 h 205454"/>
                    <a:gd name="connsiteX52" fmla="*/ 397574 w 419085"/>
                    <a:gd name="connsiteY52" fmla="*/ 116967 h 205454"/>
                    <a:gd name="connsiteX53" fmla="*/ 383096 w 419085"/>
                    <a:gd name="connsiteY53" fmla="*/ 107442 h 205454"/>
                    <a:gd name="connsiteX54" fmla="*/ 370618 w 419085"/>
                    <a:gd name="connsiteY54" fmla="*/ 109252 h 205454"/>
                    <a:gd name="connsiteX55" fmla="*/ 347377 w 419085"/>
                    <a:gd name="connsiteY55" fmla="*/ 115634 h 205454"/>
                    <a:gd name="connsiteX56" fmla="*/ 284417 w 419085"/>
                    <a:gd name="connsiteY56" fmla="*/ 129635 h 205454"/>
                    <a:gd name="connsiteX57" fmla="*/ 281273 w 419085"/>
                    <a:gd name="connsiteY57" fmla="*/ 131541 h 205454"/>
                    <a:gd name="connsiteX58" fmla="*/ 274701 w 419085"/>
                    <a:gd name="connsiteY58" fmla="*/ 137065 h 205454"/>
                    <a:gd name="connsiteX59" fmla="*/ 265176 w 419085"/>
                    <a:gd name="connsiteY59" fmla="*/ 140780 h 205454"/>
                    <a:gd name="connsiteX60" fmla="*/ 227076 w 419085"/>
                    <a:gd name="connsiteY60" fmla="*/ 151829 h 205454"/>
                    <a:gd name="connsiteX61" fmla="*/ 219647 w 419085"/>
                    <a:gd name="connsiteY61" fmla="*/ 150971 h 205454"/>
                    <a:gd name="connsiteX62" fmla="*/ 160592 w 419085"/>
                    <a:gd name="connsiteY62" fmla="*/ 134684 h 205454"/>
                    <a:gd name="connsiteX63" fmla="*/ 135922 w 419085"/>
                    <a:gd name="connsiteY63" fmla="*/ 127730 h 205454"/>
                    <a:gd name="connsiteX64" fmla="*/ 130588 w 419085"/>
                    <a:gd name="connsiteY64" fmla="*/ 123539 h 205454"/>
                    <a:gd name="connsiteX65" fmla="*/ 135314 w 419085"/>
                    <a:gd name="connsiteY65" fmla="*/ 110928 h 205454"/>
                    <a:gd name="connsiteX66" fmla="*/ 138398 w 419085"/>
                    <a:gd name="connsiteY66" fmla="*/ 110109 h 205454"/>
                    <a:gd name="connsiteX67" fmla="*/ 140875 w 419085"/>
                    <a:gd name="connsiteY67" fmla="*/ 110109 h 205454"/>
                    <a:gd name="connsiteX68" fmla="*/ 162401 w 419085"/>
                    <a:gd name="connsiteY68" fmla="*/ 116110 h 205454"/>
                    <a:gd name="connsiteX69" fmla="*/ 224314 w 419085"/>
                    <a:gd name="connsiteY69" fmla="*/ 133350 h 205454"/>
                    <a:gd name="connsiteX70" fmla="*/ 227362 w 419085"/>
                    <a:gd name="connsiteY70" fmla="*/ 133350 h 205454"/>
                    <a:gd name="connsiteX71" fmla="*/ 258032 w 419085"/>
                    <a:gd name="connsiteY71" fmla="*/ 123825 h 205454"/>
                    <a:gd name="connsiteX72" fmla="*/ 258032 w 419085"/>
                    <a:gd name="connsiteY72" fmla="*/ 123825 h 205454"/>
                    <a:gd name="connsiteX73" fmla="*/ 263652 w 419085"/>
                    <a:gd name="connsiteY73" fmla="*/ 121444 h 205454"/>
                    <a:gd name="connsiteX74" fmla="*/ 266319 w 419085"/>
                    <a:gd name="connsiteY74" fmla="*/ 117253 h 205454"/>
                    <a:gd name="connsiteX75" fmla="*/ 260318 w 419085"/>
                    <a:gd name="connsiteY75" fmla="*/ 102013 h 205454"/>
                    <a:gd name="connsiteX76" fmla="*/ 230410 w 419085"/>
                    <a:gd name="connsiteY76" fmla="*/ 90678 h 205454"/>
                    <a:gd name="connsiteX77" fmla="*/ 218789 w 419085"/>
                    <a:gd name="connsiteY77" fmla="*/ 91535 h 205454"/>
                    <a:gd name="connsiteX78" fmla="*/ 204121 w 419085"/>
                    <a:gd name="connsiteY78" fmla="*/ 92583 h 205454"/>
                    <a:gd name="connsiteX79" fmla="*/ 157925 w 419085"/>
                    <a:gd name="connsiteY79" fmla="*/ 69056 h 205454"/>
                    <a:gd name="connsiteX80" fmla="*/ 150209 w 419085"/>
                    <a:gd name="connsiteY80" fmla="*/ 61055 h 205454"/>
                    <a:gd name="connsiteX81" fmla="*/ 134493 w 419085"/>
                    <a:gd name="connsiteY81" fmla="*/ 58484 h 2054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Lst>
                  <a:rect l="l" t="t" r="r" b="b"/>
                  <a:pathLst>
                    <a:path w="419085" h="205454">
                      <a:moveTo>
                        <a:pt x="232791" y="205169"/>
                      </a:moveTo>
                      <a:cubicBezTo>
                        <a:pt x="202787" y="205169"/>
                        <a:pt x="114110" y="177737"/>
                        <a:pt x="77343" y="165926"/>
                      </a:cubicBezTo>
                      <a:cubicBezTo>
                        <a:pt x="76903" y="165840"/>
                        <a:pt x="76450" y="165840"/>
                        <a:pt x="76010" y="165926"/>
                      </a:cubicBezTo>
                      <a:cubicBezTo>
                        <a:pt x="75088" y="165964"/>
                        <a:pt x="74196" y="166259"/>
                        <a:pt x="73438" y="166783"/>
                      </a:cubicBezTo>
                      <a:cubicBezTo>
                        <a:pt x="72293" y="167631"/>
                        <a:pt x="71620" y="168974"/>
                        <a:pt x="71628" y="170402"/>
                      </a:cubicBezTo>
                      <a:lnTo>
                        <a:pt x="71628" y="196501"/>
                      </a:lnTo>
                      <a:cubicBezTo>
                        <a:pt x="71628" y="201444"/>
                        <a:pt x="67619" y="205454"/>
                        <a:pt x="62675" y="205454"/>
                      </a:cubicBezTo>
                      <a:lnTo>
                        <a:pt x="8954" y="205454"/>
                      </a:lnTo>
                      <a:cubicBezTo>
                        <a:pt x="4009" y="205454"/>
                        <a:pt x="0" y="201444"/>
                        <a:pt x="0" y="196501"/>
                      </a:cubicBezTo>
                      <a:lnTo>
                        <a:pt x="0" y="8954"/>
                      </a:lnTo>
                      <a:cubicBezTo>
                        <a:pt x="0" y="4010"/>
                        <a:pt x="4009" y="0"/>
                        <a:pt x="8954" y="0"/>
                      </a:cubicBezTo>
                      <a:lnTo>
                        <a:pt x="62484" y="0"/>
                      </a:lnTo>
                      <a:cubicBezTo>
                        <a:pt x="67429" y="0"/>
                        <a:pt x="71438" y="4010"/>
                        <a:pt x="71438" y="8954"/>
                      </a:cubicBezTo>
                      <a:lnTo>
                        <a:pt x="71438" y="51816"/>
                      </a:lnTo>
                      <a:cubicBezTo>
                        <a:pt x="71407" y="53340"/>
                        <a:pt x="72210" y="54769"/>
                        <a:pt x="73533" y="55531"/>
                      </a:cubicBezTo>
                      <a:cubicBezTo>
                        <a:pt x="74209" y="55979"/>
                        <a:pt x="75007" y="56217"/>
                        <a:pt x="75819" y="56198"/>
                      </a:cubicBezTo>
                      <a:cubicBezTo>
                        <a:pt x="76511" y="56179"/>
                        <a:pt x="77192" y="56017"/>
                        <a:pt x="77819" y="55721"/>
                      </a:cubicBezTo>
                      <a:cubicBezTo>
                        <a:pt x="95422" y="46206"/>
                        <a:pt x="114974" y="40862"/>
                        <a:pt x="134969" y="40100"/>
                      </a:cubicBezTo>
                      <a:cubicBezTo>
                        <a:pt x="143408" y="39891"/>
                        <a:pt x="151773" y="41720"/>
                        <a:pt x="159353" y="45434"/>
                      </a:cubicBezTo>
                      <a:cubicBezTo>
                        <a:pt x="164657" y="48749"/>
                        <a:pt x="169150" y="53207"/>
                        <a:pt x="172498" y="58484"/>
                      </a:cubicBezTo>
                      <a:cubicBezTo>
                        <a:pt x="179142" y="69561"/>
                        <a:pt x="191422" y="75991"/>
                        <a:pt x="204311" y="75152"/>
                      </a:cubicBezTo>
                      <a:cubicBezTo>
                        <a:pt x="208426" y="75143"/>
                        <a:pt x="212531" y="74819"/>
                        <a:pt x="216599" y="74200"/>
                      </a:cubicBezTo>
                      <a:cubicBezTo>
                        <a:pt x="221266" y="73533"/>
                        <a:pt x="225981" y="73181"/>
                        <a:pt x="230696" y="73152"/>
                      </a:cubicBezTo>
                      <a:cubicBezTo>
                        <a:pt x="257842" y="73152"/>
                        <a:pt x="277463" y="86106"/>
                        <a:pt x="283274" y="107823"/>
                      </a:cubicBezTo>
                      <a:cubicBezTo>
                        <a:pt x="283788" y="109719"/>
                        <a:pt x="285502" y="111043"/>
                        <a:pt x="287465" y="111062"/>
                      </a:cubicBezTo>
                      <a:lnTo>
                        <a:pt x="288131" y="111062"/>
                      </a:lnTo>
                      <a:cubicBezTo>
                        <a:pt x="306448" y="107937"/>
                        <a:pt x="324545" y="103680"/>
                        <a:pt x="342329" y="98298"/>
                      </a:cubicBezTo>
                      <a:lnTo>
                        <a:pt x="342995" y="98298"/>
                      </a:lnTo>
                      <a:cubicBezTo>
                        <a:pt x="350615" y="96108"/>
                        <a:pt x="358521" y="93917"/>
                        <a:pt x="366141" y="92012"/>
                      </a:cubicBezTo>
                      <a:cubicBezTo>
                        <a:pt x="371637" y="90488"/>
                        <a:pt x="377304" y="89688"/>
                        <a:pt x="383000" y="89630"/>
                      </a:cubicBezTo>
                      <a:cubicBezTo>
                        <a:pt x="396697" y="88735"/>
                        <a:pt x="409375" y="96889"/>
                        <a:pt x="414242" y="109728"/>
                      </a:cubicBezTo>
                      <a:cubicBezTo>
                        <a:pt x="424910" y="134874"/>
                        <a:pt x="415100" y="141161"/>
                        <a:pt x="411861" y="143256"/>
                      </a:cubicBezTo>
                      <a:cubicBezTo>
                        <a:pt x="379095" y="163830"/>
                        <a:pt x="264605" y="205169"/>
                        <a:pt x="232791" y="205169"/>
                      </a:cubicBezTo>
                      <a:close/>
                      <a:moveTo>
                        <a:pt x="22289" y="18002"/>
                      </a:moveTo>
                      <a:cubicBezTo>
                        <a:pt x="19869" y="18002"/>
                        <a:pt x="17907" y="19964"/>
                        <a:pt x="17907" y="22384"/>
                      </a:cubicBezTo>
                      <a:lnTo>
                        <a:pt x="17907" y="182785"/>
                      </a:lnTo>
                      <a:cubicBezTo>
                        <a:pt x="17907" y="185204"/>
                        <a:pt x="19869" y="187166"/>
                        <a:pt x="22289" y="187166"/>
                      </a:cubicBezTo>
                      <a:lnTo>
                        <a:pt x="49054" y="187166"/>
                      </a:lnTo>
                      <a:cubicBezTo>
                        <a:pt x="51421" y="187223"/>
                        <a:pt x="53382" y="185347"/>
                        <a:pt x="53435" y="182975"/>
                      </a:cubicBezTo>
                      <a:cubicBezTo>
                        <a:pt x="53437" y="182918"/>
                        <a:pt x="53437" y="182852"/>
                        <a:pt x="53435" y="182785"/>
                      </a:cubicBezTo>
                      <a:lnTo>
                        <a:pt x="53435" y="22384"/>
                      </a:lnTo>
                      <a:cubicBezTo>
                        <a:pt x="53489" y="20022"/>
                        <a:pt x="51613" y="18060"/>
                        <a:pt x="49246" y="18002"/>
                      </a:cubicBezTo>
                      <a:cubicBezTo>
                        <a:pt x="49182" y="18002"/>
                        <a:pt x="49118" y="18002"/>
                        <a:pt x="49054" y="18002"/>
                      </a:cubicBezTo>
                      <a:close/>
                      <a:moveTo>
                        <a:pt x="134493" y="58484"/>
                      </a:moveTo>
                      <a:cubicBezTo>
                        <a:pt x="114752" y="59589"/>
                        <a:pt x="95614" y="65685"/>
                        <a:pt x="78867" y="76200"/>
                      </a:cubicBezTo>
                      <a:cubicBezTo>
                        <a:pt x="77769" y="76876"/>
                        <a:pt x="76532" y="77305"/>
                        <a:pt x="75248" y="77438"/>
                      </a:cubicBezTo>
                      <a:cubicBezTo>
                        <a:pt x="73053" y="77724"/>
                        <a:pt x="71418" y="79610"/>
                        <a:pt x="71438" y="81820"/>
                      </a:cubicBezTo>
                      <a:lnTo>
                        <a:pt x="71438" y="142399"/>
                      </a:lnTo>
                      <a:cubicBezTo>
                        <a:pt x="71430" y="144313"/>
                        <a:pt x="72663" y="146009"/>
                        <a:pt x="74486" y="146590"/>
                      </a:cubicBezTo>
                      <a:cubicBezTo>
                        <a:pt x="87344" y="150781"/>
                        <a:pt x="201740" y="187643"/>
                        <a:pt x="232601" y="187643"/>
                      </a:cubicBezTo>
                      <a:cubicBezTo>
                        <a:pt x="257080" y="187643"/>
                        <a:pt x="362522" y="151352"/>
                        <a:pt x="398526" y="130493"/>
                      </a:cubicBezTo>
                      <a:cubicBezTo>
                        <a:pt x="400164" y="129464"/>
                        <a:pt x="400993" y="127530"/>
                        <a:pt x="400622" y="125635"/>
                      </a:cubicBezTo>
                      <a:cubicBezTo>
                        <a:pt x="399821" y="122673"/>
                        <a:pt x="398802" y="119777"/>
                        <a:pt x="397574" y="116967"/>
                      </a:cubicBezTo>
                      <a:cubicBezTo>
                        <a:pt x="395678" y="110709"/>
                        <a:pt x="389592" y="106699"/>
                        <a:pt x="383096" y="107442"/>
                      </a:cubicBezTo>
                      <a:cubicBezTo>
                        <a:pt x="378876" y="107537"/>
                        <a:pt x="374685" y="108147"/>
                        <a:pt x="370618" y="109252"/>
                      </a:cubicBezTo>
                      <a:cubicBezTo>
                        <a:pt x="362903" y="111252"/>
                        <a:pt x="354997" y="113443"/>
                        <a:pt x="347377" y="115634"/>
                      </a:cubicBezTo>
                      <a:cubicBezTo>
                        <a:pt x="326765" y="121834"/>
                        <a:pt x="305714" y="126511"/>
                        <a:pt x="284417" y="129635"/>
                      </a:cubicBezTo>
                      <a:cubicBezTo>
                        <a:pt x="283140" y="129778"/>
                        <a:pt x="281988" y="130474"/>
                        <a:pt x="281273" y="131541"/>
                      </a:cubicBezTo>
                      <a:cubicBezTo>
                        <a:pt x="279749" y="134055"/>
                        <a:pt x="277435" y="135989"/>
                        <a:pt x="274701" y="137065"/>
                      </a:cubicBezTo>
                      <a:cubicBezTo>
                        <a:pt x="271939" y="138017"/>
                        <a:pt x="268796" y="139351"/>
                        <a:pt x="265176" y="140780"/>
                      </a:cubicBezTo>
                      <a:cubicBezTo>
                        <a:pt x="253251" y="146733"/>
                        <a:pt x="240344" y="150476"/>
                        <a:pt x="227076" y="151829"/>
                      </a:cubicBezTo>
                      <a:cubicBezTo>
                        <a:pt x="224571" y="151848"/>
                        <a:pt x="222075" y="151562"/>
                        <a:pt x="219647" y="150971"/>
                      </a:cubicBezTo>
                      <a:lnTo>
                        <a:pt x="160592" y="134684"/>
                      </a:lnTo>
                      <a:lnTo>
                        <a:pt x="135922" y="127730"/>
                      </a:lnTo>
                      <a:cubicBezTo>
                        <a:pt x="133633" y="127150"/>
                        <a:pt x="131696" y="125625"/>
                        <a:pt x="130588" y="123539"/>
                      </a:cubicBezTo>
                      <a:cubicBezTo>
                        <a:pt x="128409" y="118748"/>
                        <a:pt x="130526" y="113100"/>
                        <a:pt x="135314" y="110928"/>
                      </a:cubicBezTo>
                      <a:cubicBezTo>
                        <a:pt x="136288" y="110481"/>
                        <a:pt x="137331" y="110204"/>
                        <a:pt x="138398" y="110109"/>
                      </a:cubicBezTo>
                      <a:cubicBezTo>
                        <a:pt x="139217" y="109966"/>
                        <a:pt x="140056" y="109966"/>
                        <a:pt x="140875" y="110109"/>
                      </a:cubicBezTo>
                      <a:lnTo>
                        <a:pt x="162401" y="116110"/>
                      </a:lnTo>
                      <a:cubicBezTo>
                        <a:pt x="186595" y="122968"/>
                        <a:pt x="216694" y="131350"/>
                        <a:pt x="224314" y="133350"/>
                      </a:cubicBezTo>
                      <a:cubicBezTo>
                        <a:pt x="225323" y="133512"/>
                        <a:pt x="226352" y="133512"/>
                        <a:pt x="227362" y="133350"/>
                      </a:cubicBezTo>
                      <a:cubicBezTo>
                        <a:pt x="238020" y="131788"/>
                        <a:pt x="248364" y="128578"/>
                        <a:pt x="258032" y="123825"/>
                      </a:cubicBezTo>
                      <a:lnTo>
                        <a:pt x="258032" y="123825"/>
                      </a:lnTo>
                      <a:lnTo>
                        <a:pt x="263652" y="121444"/>
                      </a:lnTo>
                      <a:cubicBezTo>
                        <a:pt x="265319" y="120739"/>
                        <a:pt x="266386" y="119072"/>
                        <a:pt x="266319" y="117253"/>
                      </a:cubicBezTo>
                      <a:cubicBezTo>
                        <a:pt x="266100" y="111643"/>
                        <a:pt x="263985" y="106271"/>
                        <a:pt x="260318" y="102013"/>
                      </a:cubicBezTo>
                      <a:cubicBezTo>
                        <a:pt x="252555" y="93936"/>
                        <a:pt x="241573" y="89783"/>
                        <a:pt x="230410" y="90678"/>
                      </a:cubicBezTo>
                      <a:cubicBezTo>
                        <a:pt x="226524" y="90697"/>
                        <a:pt x="222637" y="90983"/>
                        <a:pt x="218789" y="91535"/>
                      </a:cubicBezTo>
                      <a:cubicBezTo>
                        <a:pt x="213931" y="92193"/>
                        <a:pt x="209026" y="92545"/>
                        <a:pt x="204121" y="92583"/>
                      </a:cubicBezTo>
                      <a:cubicBezTo>
                        <a:pt x="185607" y="93641"/>
                        <a:pt x="167956" y="84649"/>
                        <a:pt x="157925" y="69056"/>
                      </a:cubicBezTo>
                      <a:cubicBezTo>
                        <a:pt x="155901" y="65913"/>
                        <a:pt x="153280" y="63189"/>
                        <a:pt x="150209" y="61055"/>
                      </a:cubicBezTo>
                      <a:cubicBezTo>
                        <a:pt x="145247" y="58969"/>
                        <a:pt x="139861" y="58084"/>
                        <a:pt x="134493" y="58484"/>
                      </a:cubicBezTo>
                      <a:close/>
                    </a:path>
                  </a:pathLst>
                </a:custGeom>
                <a:solidFill>
                  <a:srgbClr val="265998"/>
                </a:solidFill>
                <a:ln w="9525" cap="flat">
                  <a:noFill/>
                  <a:prstDash val="solid"/>
                  <a:miter/>
                </a:ln>
              </p:spPr>
              <p:txBody>
                <a:bodyPr rtlCol="0" anchor="ctr"/>
                <a:lstStyle/>
                <a:p>
                  <a:endParaRPr lang="en-AU" sz="153"/>
                </a:p>
              </p:txBody>
            </p:sp>
          </p:grpSp>
        </p:grpSp>
      </p:grpSp>
    </p:spTree>
    <p:custDataLst>
      <p:custData r:id="rId1"/>
      <p:custData r:id="rId2"/>
    </p:custDataLst>
    <p:extLst>
      <p:ext uri="{BB962C8B-B14F-4D97-AF65-F5344CB8AC3E}">
        <p14:creationId xmlns:p14="http://schemas.microsoft.com/office/powerpoint/2010/main" val="20942275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13F15BC-01F6-435B-BC63-14277A56E868}"/>
              </a:ext>
            </a:extLst>
          </p:cNvPr>
          <p:cNvGrpSpPr/>
          <p:nvPr/>
        </p:nvGrpSpPr>
        <p:grpSpPr>
          <a:xfrm>
            <a:off x="5195245" y="2328629"/>
            <a:ext cx="1801523" cy="2200754"/>
            <a:chOff x="1094422" y="1427067"/>
            <a:chExt cx="378237" cy="462057"/>
          </a:xfrm>
        </p:grpSpPr>
        <p:sp>
          <p:nvSpPr>
            <p:cNvPr id="3" name="Freeform: Shape 2">
              <a:extLst>
                <a:ext uri="{FF2B5EF4-FFF2-40B4-BE49-F238E27FC236}">
                  <a16:creationId xmlns:a16="http://schemas.microsoft.com/office/drawing/2014/main" id="{CD8C0A5B-DC28-4D7D-AD8E-AA3F8F4768F4}"/>
                </a:ext>
              </a:extLst>
            </p:cNvPr>
            <p:cNvSpPr/>
            <p:nvPr/>
          </p:nvSpPr>
          <p:spPr>
            <a:xfrm>
              <a:off x="1102233" y="1811972"/>
              <a:ext cx="356139" cy="68294"/>
            </a:xfrm>
            <a:custGeom>
              <a:avLst/>
              <a:gdLst>
                <a:gd name="connsiteX0" fmla="*/ 18478 w 356139"/>
                <a:gd name="connsiteY0" fmla="*/ 68294 h 68294"/>
                <a:gd name="connsiteX1" fmla="*/ 356140 w 356139"/>
                <a:gd name="connsiteY1" fmla="*/ 68294 h 68294"/>
                <a:gd name="connsiteX2" fmla="*/ 356140 w 356139"/>
                <a:gd name="connsiteY2" fmla="*/ 0 h 68294"/>
                <a:gd name="connsiteX3" fmla="*/ 20765 w 356139"/>
                <a:gd name="connsiteY3" fmla="*/ 0 h 68294"/>
                <a:gd name="connsiteX4" fmla="*/ 0 w 356139"/>
                <a:gd name="connsiteY4" fmla="*/ 35814 h 68294"/>
                <a:gd name="connsiteX5" fmla="*/ 18478 w 356139"/>
                <a:gd name="connsiteY5" fmla="*/ 68294 h 68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6139" h="68294">
                  <a:moveTo>
                    <a:pt x="18478" y="68294"/>
                  </a:moveTo>
                  <a:lnTo>
                    <a:pt x="356140" y="68294"/>
                  </a:lnTo>
                  <a:lnTo>
                    <a:pt x="356140" y="0"/>
                  </a:lnTo>
                  <a:lnTo>
                    <a:pt x="20765" y="0"/>
                  </a:lnTo>
                  <a:lnTo>
                    <a:pt x="0" y="35814"/>
                  </a:lnTo>
                  <a:lnTo>
                    <a:pt x="18478" y="68294"/>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 name="Freeform: Shape 3">
              <a:extLst>
                <a:ext uri="{FF2B5EF4-FFF2-40B4-BE49-F238E27FC236}">
                  <a16:creationId xmlns:a16="http://schemas.microsoft.com/office/drawing/2014/main" id="{65933C9B-3995-432C-970E-BE3E81E0737C}"/>
                </a:ext>
              </a:extLst>
            </p:cNvPr>
            <p:cNvSpPr/>
            <p:nvPr/>
          </p:nvSpPr>
          <p:spPr>
            <a:xfrm>
              <a:off x="1102233" y="1434115"/>
              <a:ext cx="364616" cy="389572"/>
            </a:xfrm>
            <a:custGeom>
              <a:avLst/>
              <a:gdLst>
                <a:gd name="connsiteX0" fmla="*/ 0 w 364616"/>
                <a:gd name="connsiteY0" fmla="*/ 389572 h 389572"/>
                <a:gd name="connsiteX1" fmla="*/ 40100 w 364616"/>
                <a:gd name="connsiteY1" fmla="*/ 377857 h 389572"/>
                <a:gd name="connsiteX2" fmla="*/ 364617 w 364616"/>
                <a:gd name="connsiteY2" fmla="*/ 377857 h 389572"/>
                <a:gd name="connsiteX3" fmla="*/ 364617 w 364616"/>
                <a:gd name="connsiteY3" fmla="*/ 0 h 389572"/>
                <a:gd name="connsiteX4" fmla="*/ 47149 w 364616"/>
                <a:gd name="connsiteY4" fmla="*/ 0 h 389572"/>
                <a:gd name="connsiteX5" fmla="*/ 6286 w 364616"/>
                <a:gd name="connsiteY5" fmla="*/ 12573 h 389572"/>
                <a:gd name="connsiteX6" fmla="*/ 2191 w 364616"/>
                <a:gd name="connsiteY6" fmla="*/ 21431 h 389572"/>
                <a:gd name="connsiteX7" fmla="*/ 0 w 364616"/>
                <a:gd name="connsiteY7" fmla="*/ 389572 h 3895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4616" h="389572">
                  <a:moveTo>
                    <a:pt x="0" y="389572"/>
                  </a:moveTo>
                  <a:lnTo>
                    <a:pt x="40100" y="377857"/>
                  </a:lnTo>
                  <a:lnTo>
                    <a:pt x="364617" y="377857"/>
                  </a:lnTo>
                  <a:lnTo>
                    <a:pt x="364617" y="0"/>
                  </a:lnTo>
                  <a:lnTo>
                    <a:pt x="47149" y="0"/>
                  </a:lnTo>
                  <a:lnTo>
                    <a:pt x="6286" y="12573"/>
                  </a:lnTo>
                  <a:lnTo>
                    <a:pt x="2191" y="21431"/>
                  </a:lnTo>
                  <a:lnTo>
                    <a:pt x="0" y="389572"/>
                  </a:lnTo>
                  <a:close/>
                </a:path>
              </a:pathLst>
            </a:custGeom>
            <a:solidFill>
              <a:srgbClr val="66BCDB"/>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5" name="Freeform: Shape 4">
              <a:extLst>
                <a:ext uri="{FF2B5EF4-FFF2-40B4-BE49-F238E27FC236}">
                  <a16:creationId xmlns:a16="http://schemas.microsoft.com/office/drawing/2014/main" id="{FEB69A8E-DD17-402A-A0D2-1C4CD33579F4}"/>
                </a:ext>
              </a:extLst>
            </p:cNvPr>
            <p:cNvSpPr/>
            <p:nvPr/>
          </p:nvSpPr>
          <p:spPr>
            <a:xfrm>
              <a:off x="1094422" y="1427067"/>
              <a:ext cx="378237" cy="462057"/>
            </a:xfrm>
            <a:custGeom>
              <a:avLst/>
              <a:gdLst>
                <a:gd name="connsiteX0" fmla="*/ 371189 w 378237"/>
                <a:gd name="connsiteY0" fmla="*/ 462058 h 462057"/>
                <a:gd name="connsiteX1" fmla="*/ 40767 w 378237"/>
                <a:gd name="connsiteY1" fmla="*/ 462058 h 462057"/>
                <a:gd name="connsiteX2" fmla="*/ 0 w 378237"/>
                <a:gd name="connsiteY2" fmla="*/ 421291 h 462057"/>
                <a:gd name="connsiteX3" fmla="*/ 0 w 378237"/>
                <a:gd name="connsiteY3" fmla="*/ 40767 h 462057"/>
                <a:gd name="connsiteX4" fmla="*/ 40767 w 378237"/>
                <a:gd name="connsiteY4" fmla="*/ 0 h 462057"/>
                <a:gd name="connsiteX5" fmla="*/ 371189 w 378237"/>
                <a:gd name="connsiteY5" fmla="*/ 0 h 462057"/>
                <a:gd name="connsiteX6" fmla="*/ 378238 w 378237"/>
                <a:gd name="connsiteY6" fmla="*/ 7048 h 462057"/>
                <a:gd name="connsiteX7" fmla="*/ 378238 w 378237"/>
                <a:gd name="connsiteY7" fmla="*/ 387096 h 462057"/>
                <a:gd name="connsiteX8" fmla="*/ 371189 w 378237"/>
                <a:gd name="connsiteY8" fmla="*/ 394145 h 462057"/>
                <a:gd name="connsiteX9" fmla="*/ 40767 w 378237"/>
                <a:gd name="connsiteY9" fmla="*/ 394145 h 462057"/>
                <a:gd name="connsiteX10" fmla="*/ 14097 w 378237"/>
                <a:gd name="connsiteY10" fmla="*/ 420814 h 462057"/>
                <a:gd name="connsiteX11" fmla="*/ 40767 w 378237"/>
                <a:gd name="connsiteY11" fmla="*/ 447485 h 462057"/>
                <a:gd name="connsiteX12" fmla="*/ 371189 w 378237"/>
                <a:gd name="connsiteY12" fmla="*/ 447485 h 462057"/>
                <a:gd name="connsiteX13" fmla="*/ 378238 w 378237"/>
                <a:gd name="connsiteY13" fmla="*/ 454533 h 462057"/>
                <a:gd name="connsiteX14" fmla="*/ 371189 w 378237"/>
                <a:gd name="connsiteY14" fmla="*/ 461581 h 462057"/>
                <a:gd name="connsiteX15" fmla="*/ 40767 w 378237"/>
                <a:gd name="connsiteY15" fmla="*/ 14383 h 462057"/>
                <a:gd name="connsiteX16" fmla="*/ 14097 w 378237"/>
                <a:gd name="connsiteY16" fmla="*/ 41053 h 462057"/>
                <a:gd name="connsiteX17" fmla="*/ 14097 w 378237"/>
                <a:gd name="connsiteY17" fmla="*/ 390049 h 462057"/>
                <a:gd name="connsiteX18" fmla="*/ 40767 w 378237"/>
                <a:gd name="connsiteY18" fmla="*/ 380524 h 462057"/>
                <a:gd name="connsiteX19" fmla="*/ 364141 w 378237"/>
                <a:gd name="connsiteY19" fmla="*/ 380524 h 462057"/>
                <a:gd name="connsiteX20" fmla="*/ 364141 w 378237"/>
                <a:gd name="connsiteY20" fmla="*/ 14383 h 462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78237" h="462057">
                  <a:moveTo>
                    <a:pt x="371189" y="462058"/>
                  </a:moveTo>
                  <a:lnTo>
                    <a:pt x="40767" y="462058"/>
                  </a:lnTo>
                  <a:cubicBezTo>
                    <a:pt x="18252" y="462058"/>
                    <a:pt x="0" y="443806"/>
                    <a:pt x="0" y="421291"/>
                  </a:cubicBezTo>
                  <a:lnTo>
                    <a:pt x="0" y="40767"/>
                  </a:lnTo>
                  <a:cubicBezTo>
                    <a:pt x="0" y="18252"/>
                    <a:pt x="18252" y="0"/>
                    <a:pt x="40767" y="0"/>
                  </a:cubicBezTo>
                  <a:lnTo>
                    <a:pt x="371189" y="0"/>
                  </a:lnTo>
                  <a:cubicBezTo>
                    <a:pt x="375082" y="0"/>
                    <a:pt x="378238" y="3156"/>
                    <a:pt x="378238" y="7048"/>
                  </a:cubicBezTo>
                  <a:lnTo>
                    <a:pt x="378238" y="387096"/>
                  </a:lnTo>
                  <a:cubicBezTo>
                    <a:pt x="378238" y="390989"/>
                    <a:pt x="375082" y="394145"/>
                    <a:pt x="371189" y="394145"/>
                  </a:cubicBezTo>
                  <a:lnTo>
                    <a:pt x="40767" y="394145"/>
                  </a:lnTo>
                  <a:cubicBezTo>
                    <a:pt x="26038" y="394145"/>
                    <a:pt x="14097" y="406085"/>
                    <a:pt x="14097" y="420814"/>
                  </a:cubicBezTo>
                  <a:cubicBezTo>
                    <a:pt x="14097" y="435544"/>
                    <a:pt x="26038" y="447485"/>
                    <a:pt x="40767" y="447485"/>
                  </a:cubicBezTo>
                  <a:lnTo>
                    <a:pt x="371189" y="447485"/>
                  </a:lnTo>
                  <a:cubicBezTo>
                    <a:pt x="375082" y="447485"/>
                    <a:pt x="378238" y="450640"/>
                    <a:pt x="378238" y="454533"/>
                  </a:cubicBezTo>
                  <a:cubicBezTo>
                    <a:pt x="378238" y="458426"/>
                    <a:pt x="375082" y="461581"/>
                    <a:pt x="371189" y="461581"/>
                  </a:cubicBezTo>
                  <a:close/>
                  <a:moveTo>
                    <a:pt x="40767" y="14383"/>
                  </a:moveTo>
                  <a:cubicBezTo>
                    <a:pt x="26059" y="14435"/>
                    <a:pt x="14149" y="26345"/>
                    <a:pt x="14097" y="41053"/>
                  </a:cubicBezTo>
                  <a:lnTo>
                    <a:pt x="14097" y="390049"/>
                  </a:lnTo>
                  <a:cubicBezTo>
                    <a:pt x="21559" y="383781"/>
                    <a:pt x="31023" y="380401"/>
                    <a:pt x="40767" y="380524"/>
                  </a:cubicBezTo>
                  <a:lnTo>
                    <a:pt x="364141" y="380524"/>
                  </a:lnTo>
                  <a:lnTo>
                    <a:pt x="364141" y="14383"/>
                  </a:ln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6" name="Freeform: Shape 5">
              <a:extLst>
                <a:ext uri="{FF2B5EF4-FFF2-40B4-BE49-F238E27FC236}">
                  <a16:creationId xmlns:a16="http://schemas.microsoft.com/office/drawing/2014/main" id="{E6233579-B6CE-4E18-AA89-FD6582C304E1}"/>
                </a:ext>
              </a:extLst>
            </p:cNvPr>
            <p:cNvSpPr/>
            <p:nvPr/>
          </p:nvSpPr>
          <p:spPr>
            <a:xfrm>
              <a:off x="1138809" y="1839214"/>
              <a:ext cx="319563" cy="14096"/>
            </a:xfrm>
            <a:custGeom>
              <a:avLst/>
              <a:gdLst>
                <a:gd name="connsiteX0" fmla="*/ 312515 w 319563"/>
                <a:gd name="connsiteY0" fmla="*/ 14097 h 14096"/>
                <a:gd name="connsiteX1" fmla="*/ 7048 w 319563"/>
                <a:gd name="connsiteY1" fmla="*/ 14097 h 14096"/>
                <a:gd name="connsiteX2" fmla="*/ 0 w 319563"/>
                <a:gd name="connsiteY2" fmla="*/ 7048 h 14096"/>
                <a:gd name="connsiteX3" fmla="*/ 7048 w 319563"/>
                <a:gd name="connsiteY3" fmla="*/ 0 h 14096"/>
                <a:gd name="connsiteX4" fmla="*/ 312515 w 319563"/>
                <a:gd name="connsiteY4" fmla="*/ 0 h 14096"/>
                <a:gd name="connsiteX5" fmla="*/ 319564 w 319563"/>
                <a:gd name="connsiteY5" fmla="*/ 7048 h 14096"/>
                <a:gd name="connsiteX6" fmla="*/ 312515 w 319563"/>
                <a:gd name="connsiteY6" fmla="*/ 14097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9563" h="14096">
                  <a:moveTo>
                    <a:pt x="312515" y="14097"/>
                  </a:moveTo>
                  <a:lnTo>
                    <a:pt x="7048" y="14097"/>
                  </a:lnTo>
                  <a:cubicBezTo>
                    <a:pt x="3156" y="14097"/>
                    <a:pt x="0" y="10941"/>
                    <a:pt x="0" y="7048"/>
                  </a:cubicBezTo>
                  <a:cubicBezTo>
                    <a:pt x="0" y="3156"/>
                    <a:pt x="3156" y="0"/>
                    <a:pt x="7048" y="0"/>
                  </a:cubicBezTo>
                  <a:lnTo>
                    <a:pt x="312515" y="0"/>
                  </a:lnTo>
                  <a:cubicBezTo>
                    <a:pt x="316408" y="0"/>
                    <a:pt x="319564" y="3156"/>
                    <a:pt x="319564" y="7048"/>
                  </a:cubicBezTo>
                  <a:cubicBezTo>
                    <a:pt x="319564" y="10941"/>
                    <a:pt x="316408" y="14097"/>
                    <a:pt x="312515" y="14097"/>
                  </a:cubicBez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7" name="Freeform: Shape 6">
              <a:extLst>
                <a:ext uri="{FF2B5EF4-FFF2-40B4-BE49-F238E27FC236}">
                  <a16:creationId xmlns:a16="http://schemas.microsoft.com/office/drawing/2014/main" id="{59B25BD4-05F7-4187-8AE0-E5CC91F55986}"/>
                </a:ext>
              </a:extLst>
            </p:cNvPr>
            <p:cNvSpPr/>
            <p:nvPr/>
          </p:nvSpPr>
          <p:spPr>
            <a:xfrm>
              <a:off x="1135284" y="1453451"/>
              <a:ext cx="14096" cy="341947"/>
            </a:xfrm>
            <a:custGeom>
              <a:avLst/>
              <a:gdLst>
                <a:gd name="connsiteX0" fmla="*/ 7049 w 14096"/>
                <a:gd name="connsiteY0" fmla="*/ 341948 h 341947"/>
                <a:gd name="connsiteX1" fmla="*/ 0 w 14096"/>
                <a:gd name="connsiteY1" fmla="*/ 334899 h 341947"/>
                <a:gd name="connsiteX2" fmla="*/ 0 w 14096"/>
                <a:gd name="connsiteY2" fmla="*/ 7049 h 341947"/>
                <a:gd name="connsiteX3" fmla="*/ 7049 w 14096"/>
                <a:gd name="connsiteY3" fmla="*/ 0 h 341947"/>
                <a:gd name="connsiteX4" fmla="*/ 14097 w 14096"/>
                <a:gd name="connsiteY4" fmla="*/ 7049 h 341947"/>
                <a:gd name="connsiteX5" fmla="*/ 14097 w 14096"/>
                <a:gd name="connsiteY5" fmla="*/ 334899 h 341947"/>
                <a:gd name="connsiteX6" fmla="*/ 7049 w 14096"/>
                <a:gd name="connsiteY6" fmla="*/ 341948 h 3419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096" h="341947">
                  <a:moveTo>
                    <a:pt x="7049" y="341948"/>
                  </a:moveTo>
                  <a:cubicBezTo>
                    <a:pt x="3156" y="341948"/>
                    <a:pt x="0" y="338792"/>
                    <a:pt x="0" y="334899"/>
                  </a:cubicBezTo>
                  <a:lnTo>
                    <a:pt x="0" y="7049"/>
                  </a:lnTo>
                  <a:cubicBezTo>
                    <a:pt x="0" y="3156"/>
                    <a:pt x="3156" y="0"/>
                    <a:pt x="7049" y="0"/>
                  </a:cubicBezTo>
                  <a:cubicBezTo>
                    <a:pt x="10941" y="0"/>
                    <a:pt x="14097" y="3156"/>
                    <a:pt x="14097" y="7049"/>
                  </a:cubicBezTo>
                  <a:lnTo>
                    <a:pt x="14097" y="334899"/>
                  </a:lnTo>
                  <a:cubicBezTo>
                    <a:pt x="14097" y="338792"/>
                    <a:pt x="10941" y="341948"/>
                    <a:pt x="7049" y="341948"/>
                  </a:cubicBez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spTree>
    <p:custDataLst>
      <p:custData r:id="rId1"/>
      <p:custData r:id="rId2"/>
    </p:custDataLst>
    <p:extLst>
      <p:ext uri="{BB962C8B-B14F-4D97-AF65-F5344CB8AC3E}">
        <p14:creationId xmlns:p14="http://schemas.microsoft.com/office/powerpoint/2010/main" val="570108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8B0B09-D915-7FAB-C46A-7AB6488345BA}"/>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ADF82B4-C4DA-86B5-A9F3-D923EDBBD1C4}"/>
              </a:ext>
            </a:extLst>
          </p:cNvPr>
          <p:cNvSpPr>
            <a:spLocks noGrp="1"/>
          </p:cNvSpPr>
          <p:nvPr>
            <p:ph type="ctrTitle"/>
          </p:nvPr>
        </p:nvSpPr>
        <p:spPr/>
        <p:txBody>
          <a:bodyPr>
            <a:normAutofit/>
          </a:bodyPr>
          <a:lstStyle/>
          <a:p>
            <a:r>
              <a:rPr lang="en-US">
                <a:latin typeface="Open Sans"/>
                <a:ea typeface="Open Sans"/>
                <a:cs typeface="Open Sans"/>
              </a:rPr>
              <a:t>Governments agreed to an ambitious set of tasks</a:t>
            </a:r>
            <a:endParaRPr lang="en-AU">
              <a:latin typeface="Open Sans"/>
              <a:ea typeface="Open Sans"/>
              <a:cs typeface="Open Sans"/>
            </a:endParaRPr>
          </a:p>
        </p:txBody>
      </p:sp>
      <p:grpSp>
        <p:nvGrpSpPr>
          <p:cNvPr id="19" name="Group 18">
            <a:extLst>
              <a:ext uri="{FF2B5EF4-FFF2-40B4-BE49-F238E27FC236}">
                <a16:creationId xmlns:a16="http://schemas.microsoft.com/office/drawing/2014/main" id="{B6582E32-2250-B46A-22BF-2AC11B7BF241}"/>
              </a:ext>
            </a:extLst>
          </p:cNvPr>
          <p:cNvGrpSpPr/>
          <p:nvPr/>
        </p:nvGrpSpPr>
        <p:grpSpPr>
          <a:xfrm>
            <a:off x="1784727" y="1733129"/>
            <a:ext cx="8174509" cy="4407921"/>
            <a:chOff x="203762" y="691751"/>
            <a:chExt cx="2794907" cy="1353225"/>
          </a:xfrm>
        </p:grpSpPr>
        <p:sp>
          <p:nvSpPr>
            <p:cNvPr id="20" name="Oval 5">
              <a:extLst>
                <a:ext uri="{FF2B5EF4-FFF2-40B4-BE49-F238E27FC236}">
                  <a16:creationId xmlns:a16="http://schemas.microsoft.com/office/drawing/2014/main" id="{CCCD5A05-6413-FA76-2565-F26275F48D14}"/>
                </a:ext>
              </a:extLst>
            </p:cNvPr>
            <p:cNvSpPr/>
            <p:nvPr/>
          </p:nvSpPr>
          <p:spPr>
            <a:xfrm>
              <a:off x="855107" y="1320439"/>
              <a:ext cx="1446330" cy="723164"/>
            </a:xfrm>
            <a:custGeom>
              <a:avLst/>
              <a:gdLst>
                <a:gd name="connsiteX0" fmla="*/ 0 w 2477386"/>
                <a:gd name="connsiteY0" fmla="*/ 1238693 h 2477386"/>
                <a:gd name="connsiteX1" fmla="*/ 1238693 w 2477386"/>
                <a:gd name="connsiteY1" fmla="*/ 0 h 2477386"/>
                <a:gd name="connsiteX2" fmla="*/ 2477386 w 2477386"/>
                <a:gd name="connsiteY2" fmla="*/ 1238693 h 2477386"/>
                <a:gd name="connsiteX3" fmla="*/ 1238693 w 2477386"/>
                <a:gd name="connsiteY3" fmla="*/ 2477386 h 2477386"/>
                <a:gd name="connsiteX4" fmla="*/ 0 w 2477386"/>
                <a:gd name="connsiteY4" fmla="*/ 1238693 h 2477386"/>
                <a:gd name="connsiteX0" fmla="*/ 0 w 2477386"/>
                <a:gd name="connsiteY0" fmla="*/ 1238693 h 1393529"/>
                <a:gd name="connsiteX1" fmla="*/ 1238693 w 2477386"/>
                <a:gd name="connsiteY1" fmla="*/ 0 h 1393529"/>
                <a:gd name="connsiteX2" fmla="*/ 2477386 w 2477386"/>
                <a:gd name="connsiteY2" fmla="*/ 1238693 h 1393529"/>
                <a:gd name="connsiteX3" fmla="*/ 0 w 2477386"/>
                <a:gd name="connsiteY3" fmla="*/ 1238693 h 1393529"/>
                <a:gd name="connsiteX0" fmla="*/ 244 w 2477630"/>
                <a:gd name="connsiteY0" fmla="*/ 1238693 h 1325719"/>
                <a:gd name="connsiteX1" fmla="*/ 1238937 w 2477630"/>
                <a:gd name="connsiteY1" fmla="*/ 0 h 1325719"/>
                <a:gd name="connsiteX2" fmla="*/ 2477630 w 2477630"/>
                <a:gd name="connsiteY2" fmla="*/ 1238693 h 1325719"/>
                <a:gd name="connsiteX3" fmla="*/ 244 w 2477630"/>
                <a:gd name="connsiteY3" fmla="*/ 1238693 h 1325719"/>
                <a:gd name="connsiteX0" fmla="*/ 0 w 2477386"/>
                <a:gd name="connsiteY0" fmla="*/ 1238693 h 1330251"/>
                <a:gd name="connsiteX1" fmla="*/ 1238693 w 2477386"/>
                <a:gd name="connsiteY1" fmla="*/ 0 h 1330251"/>
                <a:gd name="connsiteX2" fmla="*/ 2477386 w 2477386"/>
                <a:gd name="connsiteY2" fmla="*/ 1238693 h 1330251"/>
                <a:gd name="connsiteX3" fmla="*/ 0 w 2477386"/>
                <a:gd name="connsiteY3" fmla="*/ 1238693 h 1330251"/>
                <a:gd name="connsiteX0" fmla="*/ 0 w 2477386"/>
                <a:gd name="connsiteY0" fmla="*/ 1238693 h 1238693"/>
                <a:gd name="connsiteX1" fmla="*/ 1238693 w 2477386"/>
                <a:gd name="connsiteY1" fmla="*/ 0 h 1238693"/>
                <a:gd name="connsiteX2" fmla="*/ 2477386 w 2477386"/>
                <a:gd name="connsiteY2" fmla="*/ 1238693 h 1238693"/>
                <a:gd name="connsiteX3" fmla="*/ 0 w 2477386"/>
                <a:gd name="connsiteY3" fmla="*/ 1238693 h 1238693"/>
                <a:gd name="connsiteX0" fmla="*/ 0 w 2477386"/>
                <a:gd name="connsiteY0" fmla="*/ 1238693 h 1304260"/>
                <a:gd name="connsiteX1" fmla="*/ 1238693 w 2477386"/>
                <a:gd name="connsiteY1" fmla="*/ 0 h 1304260"/>
                <a:gd name="connsiteX2" fmla="*/ 2477386 w 2477386"/>
                <a:gd name="connsiteY2" fmla="*/ 1238693 h 1304260"/>
                <a:gd name="connsiteX3" fmla="*/ 0 w 2477386"/>
                <a:gd name="connsiteY3" fmla="*/ 1238693 h 1304260"/>
                <a:gd name="connsiteX0" fmla="*/ 0 w 2477386"/>
                <a:gd name="connsiteY0" fmla="*/ 1238693 h 1304260"/>
                <a:gd name="connsiteX1" fmla="*/ 1238693 w 2477386"/>
                <a:gd name="connsiteY1" fmla="*/ 0 h 1304260"/>
                <a:gd name="connsiteX2" fmla="*/ 2477386 w 2477386"/>
                <a:gd name="connsiteY2" fmla="*/ 1238693 h 1304260"/>
                <a:gd name="connsiteX3" fmla="*/ 0 w 2477386"/>
                <a:gd name="connsiteY3" fmla="*/ 1238693 h 1304260"/>
                <a:gd name="connsiteX0" fmla="*/ 0 w 2477386"/>
                <a:gd name="connsiteY0" fmla="*/ 1238693 h 1238693"/>
                <a:gd name="connsiteX1" fmla="*/ 1238693 w 2477386"/>
                <a:gd name="connsiteY1" fmla="*/ 0 h 1238693"/>
                <a:gd name="connsiteX2" fmla="*/ 2477386 w 2477386"/>
                <a:gd name="connsiteY2" fmla="*/ 1238693 h 1238693"/>
                <a:gd name="connsiteX3" fmla="*/ 0 w 2477386"/>
                <a:gd name="connsiteY3" fmla="*/ 1238693 h 1238693"/>
              </a:gdLst>
              <a:ahLst/>
              <a:cxnLst>
                <a:cxn ang="0">
                  <a:pos x="connsiteX0" y="connsiteY0"/>
                </a:cxn>
                <a:cxn ang="0">
                  <a:pos x="connsiteX1" y="connsiteY1"/>
                </a:cxn>
                <a:cxn ang="0">
                  <a:pos x="connsiteX2" y="connsiteY2"/>
                </a:cxn>
                <a:cxn ang="0">
                  <a:pos x="connsiteX3" y="connsiteY3"/>
                </a:cxn>
              </a:cxnLst>
              <a:rect l="l" t="t" r="r" b="b"/>
              <a:pathLst>
                <a:path w="2477386" h="1238693">
                  <a:moveTo>
                    <a:pt x="0" y="1238693"/>
                  </a:moveTo>
                  <a:cubicBezTo>
                    <a:pt x="0" y="554582"/>
                    <a:pt x="554582" y="0"/>
                    <a:pt x="1238693" y="0"/>
                  </a:cubicBezTo>
                  <a:cubicBezTo>
                    <a:pt x="1922804" y="0"/>
                    <a:pt x="2473294" y="554594"/>
                    <a:pt x="2477386" y="1238693"/>
                  </a:cubicBezTo>
                  <a:cubicBezTo>
                    <a:pt x="2472955" y="1237807"/>
                    <a:pt x="4429" y="1237807"/>
                    <a:pt x="0" y="1238693"/>
                  </a:cubicBezTo>
                  <a:close/>
                </a:path>
              </a:pathLst>
            </a:cu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72000" rIns="0" bIns="0" rtlCol="0" anchor="ctr" anchorCtr="0"/>
            <a:lstStyle/>
            <a:p>
              <a:pPr algn="ctr" defTabSz="1036198">
                <a:defRPr/>
              </a:pPr>
              <a:endParaRPr lang="en-US" b="1">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algn="ctr" defTabSz="1036198">
                <a:defRPr/>
              </a:pPr>
              <a:endParaRPr lang="en-US" b="1">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algn="ctr" defTabSz="1036198">
                <a:defRPr/>
              </a:pPr>
              <a:endParaRPr lang="en-US" b="1">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algn="ctr" defTabSz="1036198">
                <a:defRPr/>
              </a:pPr>
              <a: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t>National Mental Health</a:t>
              </a:r>
            </a:p>
            <a:p>
              <a:pPr algn="ctr" defTabSz="1036198">
                <a:defRPr/>
              </a:pPr>
              <a: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t> and </a:t>
              </a:r>
            </a:p>
            <a:p>
              <a:pPr algn="ctr" defTabSz="1036198">
                <a:defRPr/>
              </a:pPr>
              <a: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t>Suicide Prevention Agreement</a:t>
              </a:r>
              <a:r>
                <a:rPr lang="en-AU" sz="1600">
                  <a:solidFill>
                    <a:prstClr val="black">
                      <a:lumMod val="85000"/>
                      <a:lumOff val="15000"/>
                    </a:prstClr>
                  </a:solidFill>
                  <a:latin typeface="Open Sans" panose="020B0606030504020204" pitchFamily="34" charset="0"/>
                  <a:ea typeface="Open Sans" panose="020B0606030504020204" pitchFamily="34" charset="0"/>
                  <a:cs typeface="Open Sans" panose="020B0606030504020204" pitchFamily="34" charset="0"/>
                </a:rPr>
                <a:t> </a:t>
              </a:r>
              <a:br>
                <a:rPr lang="en-AU">
                  <a:solidFill>
                    <a:prstClr val="black">
                      <a:lumMod val="85000"/>
                      <a:lumOff val="15000"/>
                    </a:prstClr>
                  </a:solidFill>
                  <a:latin typeface="Open Sans" panose="020B0606030504020204" pitchFamily="34" charset="0"/>
                  <a:ea typeface="Open Sans" panose="020B0606030504020204" pitchFamily="34" charset="0"/>
                  <a:cs typeface="Open Sans" panose="020B0606030504020204" pitchFamily="34" charset="0"/>
                </a:rPr>
              </a:br>
              <a:endParaRPr lang="en-AU">
                <a:solidFill>
                  <a:prstClr val="black">
                    <a:lumMod val="85000"/>
                    <a:lumOff val="15000"/>
                  </a:prst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1" name="Graphic 46">
              <a:extLst>
                <a:ext uri="{FF2B5EF4-FFF2-40B4-BE49-F238E27FC236}">
                  <a16:creationId xmlns:a16="http://schemas.microsoft.com/office/drawing/2014/main" id="{C1DF40CA-B49A-1EA3-D8AD-A00DD412D052}"/>
                </a:ext>
              </a:extLst>
            </p:cNvPr>
            <p:cNvGrpSpPr/>
            <p:nvPr/>
          </p:nvGrpSpPr>
          <p:grpSpPr>
            <a:xfrm>
              <a:off x="203762" y="691751"/>
              <a:ext cx="2794907" cy="1353225"/>
              <a:chOff x="1348435" y="2221296"/>
              <a:chExt cx="3721207" cy="1801715"/>
            </a:xfrm>
          </p:grpSpPr>
          <p:sp>
            <p:nvSpPr>
              <p:cNvPr id="27" name="Freeform 3">
                <a:extLst>
                  <a:ext uri="{FF2B5EF4-FFF2-40B4-BE49-F238E27FC236}">
                    <a16:creationId xmlns:a16="http://schemas.microsoft.com/office/drawing/2014/main" id="{928F7C78-CA1C-4A47-8B48-A4B4ABF2FC64}"/>
                  </a:ext>
                </a:extLst>
              </p:cNvPr>
              <p:cNvSpPr/>
              <p:nvPr/>
            </p:nvSpPr>
            <p:spPr>
              <a:xfrm>
                <a:off x="4179243" y="3058504"/>
                <a:ext cx="890399" cy="963792"/>
              </a:xfrm>
              <a:custGeom>
                <a:avLst/>
                <a:gdLst>
                  <a:gd name="connsiteX0" fmla="*/ 576865 w 890399"/>
                  <a:gd name="connsiteY0" fmla="*/ 0 h 963792"/>
                  <a:gd name="connsiteX1" fmla="*/ 0 w 890399"/>
                  <a:gd name="connsiteY1" fmla="*/ 398720 h 963792"/>
                  <a:gd name="connsiteX2" fmla="*/ 183763 w 890399"/>
                  <a:gd name="connsiteY2" fmla="*/ 963792 h 963792"/>
                  <a:gd name="connsiteX3" fmla="*/ 890400 w 890399"/>
                  <a:gd name="connsiteY3" fmla="*/ 963792 h 963792"/>
                  <a:gd name="connsiteX4" fmla="*/ 576865 w 890399"/>
                  <a:gd name="connsiteY4" fmla="*/ 0 h 96379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90399" h="963792">
                    <a:moveTo>
                      <a:pt x="576865" y="0"/>
                    </a:moveTo>
                    <a:lnTo>
                      <a:pt x="0" y="398720"/>
                    </a:lnTo>
                    <a:cubicBezTo>
                      <a:pt x="115562" y="603681"/>
                      <a:pt x="173817" y="782664"/>
                      <a:pt x="183763" y="963792"/>
                    </a:cubicBezTo>
                    <a:lnTo>
                      <a:pt x="890400" y="963792"/>
                    </a:lnTo>
                    <a:cubicBezTo>
                      <a:pt x="871218" y="590096"/>
                      <a:pt x="768207" y="273599"/>
                      <a:pt x="576865" y="0"/>
                    </a:cubicBezTo>
                    <a:close/>
                  </a:path>
                </a:pathLst>
              </a:custGeom>
              <a:solidFill>
                <a:schemeClr val="accent2">
                  <a:lumMod val="75000"/>
                </a:schemeClr>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sp>
            <p:nvSpPr>
              <p:cNvPr id="28" name="Freeform 4">
                <a:extLst>
                  <a:ext uri="{FF2B5EF4-FFF2-40B4-BE49-F238E27FC236}">
                    <a16:creationId xmlns:a16="http://schemas.microsoft.com/office/drawing/2014/main" id="{6B12D50C-5D53-FA65-303B-6301CA5457DC}"/>
                  </a:ext>
                </a:extLst>
              </p:cNvPr>
              <p:cNvSpPr/>
              <p:nvPr/>
            </p:nvSpPr>
            <p:spPr>
              <a:xfrm>
                <a:off x="2696348" y="2221296"/>
                <a:ext cx="1006909" cy="746406"/>
              </a:xfrm>
              <a:custGeom>
                <a:avLst/>
                <a:gdLst>
                  <a:gd name="connsiteX0" fmla="*/ 1006673 w 1006909"/>
                  <a:gd name="connsiteY0" fmla="*/ 71704 h 746406"/>
                  <a:gd name="connsiteX1" fmla="*/ 0 w 1006909"/>
                  <a:gd name="connsiteY1" fmla="*/ 77424 h 746406"/>
                  <a:gd name="connsiteX2" fmla="*/ 210286 w 1006909"/>
                  <a:gd name="connsiteY2" fmla="*/ 746406 h 746406"/>
                  <a:gd name="connsiteX3" fmla="*/ 807991 w 1006909"/>
                  <a:gd name="connsiteY3" fmla="*/ 745691 h 746406"/>
                  <a:gd name="connsiteX4" fmla="*/ 1006910 w 1006909"/>
                  <a:gd name="connsiteY4" fmla="*/ 71704 h 746406"/>
                  <a:gd name="connsiteX5" fmla="*/ 1006673 w 1006909"/>
                  <a:gd name="connsiteY5" fmla="*/ 71704 h 7464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6909" h="746406">
                    <a:moveTo>
                      <a:pt x="1006673" y="71704"/>
                    </a:moveTo>
                    <a:cubicBezTo>
                      <a:pt x="663537" y="-25771"/>
                      <a:pt x="325849" y="-23865"/>
                      <a:pt x="0" y="77424"/>
                    </a:cubicBezTo>
                    <a:lnTo>
                      <a:pt x="210286" y="746406"/>
                    </a:lnTo>
                    <a:cubicBezTo>
                      <a:pt x="407311" y="702078"/>
                      <a:pt x="607651" y="701839"/>
                      <a:pt x="807991" y="745691"/>
                    </a:cubicBezTo>
                    <a:lnTo>
                      <a:pt x="1006910" y="71704"/>
                    </a:lnTo>
                    <a:lnTo>
                      <a:pt x="1006673" y="71704"/>
                    </a:lnTo>
                    <a:close/>
                  </a:path>
                </a:pathLst>
              </a:custGeom>
              <a:solidFill>
                <a:schemeClr val="accent1"/>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sp>
            <p:nvSpPr>
              <p:cNvPr id="29" name="Freeform 5">
                <a:extLst>
                  <a:ext uri="{FF2B5EF4-FFF2-40B4-BE49-F238E27FC236}">
                    <a16:creationId xmlns:a16="http://schemas.microsoft.com/office/drawing/2014/main" id="{7A00C3F7-0849-7869-8C2E-9B1177149617}"/>
                  </a:ext>
                </a:extLst>
              </p:cNvPr>
              <p:cNvSpPr/>
              <p:nvPr/>
            </p:nvSpPr>
            <p:spPr>
              <a:xfrm>
                <a:off x="1740116" y="2341142"/>
                <a:ext cx="1038878" cy="1015508"/>
              </a:xfrm>
              <a:custGeom>
                <a:avLst/>
                <a:gdLst>
                  <a:gd name="connsiteX0" fmla="*/ 828593 w 1038878"/>
                  <a:gd name="connsiteY0" fmla="*/ 0 h 1015508"/>
                  <a:gd name="connsiteX1" fmla="*/ 0 w 1038878"/>
                  <a:gd name="connsiteY1" fmla="*/ 609639 h 1015508"/>
                  <a:gd name="connsiteX2" fmla="*/ 566446 w 1038878"/>
                  <a:gd name="connsiteY2" fmla="*/ 1015509 h 1015508"/>
                  <a:gd name="connsiteX3" fmla="*/ 1038879 w 1038878"/>
                  <a:gd name="connsiteY3" fmla="*/ 668506 h 1015508"/>
                  <a:gd name="connsiteX4" fmla="*/ 828593 w 1038878"/>
                  <a:gd name="connsiteY4" fmla="*/ 0 h 10155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8878" h="1015508">
                    <a:moveTo>
                      <a:pt x="828593" y="0"/>
                    </a:moveTo>
                    <a:cubicBezTo>
                      <a:pt x="493746" y="117495"/>
                      <a:pt x="215496" y="322456"/>
                      <a:pt x="0" y="609639"/>
                    </a:cubicBezTo>
                    <a:lnTo>
                      <a:pt x="566446" y="1015509"/>
                    </a:lnTo>
                    <a:cubicBezTo>
                      <a:pt x="690534" y="867985"/>
                      <a:pt x="848958" y="751682"/>
                      <a:pt x="1038879" y="668506"/>
                    </a:cubicBezTo>
                    <a:lnTo>
                      <a:pt x="828593" y="0"/>
                    </a:lnTo>
                    <a:close/>
                  </a:path>
                </a:pathLst>
              </a:custGeom>
              <a:solidFill>
                <a:schemeClr val="accent2"/>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grpSp>
            <p:nvGrpSpPr>
              <p:cNvPr id="30" name="Graphic 46">
                <a:extLst>
                  <a:ext uri="{FF2B5EF4-FFF2-40B4-BE49-F238E27FC236}">
                    <a16:creationId xmlns:a16="http://schemas.microsoft.com/office/drawing/2014/main" id="{63EDDD72-A162-3138-258A-40040C3F51C4}"/>
                  </a:ext>
                </a:extLst>
              </p:cNvPr>
              <p:cNvGrpSpPr/>
              <p:nvPr/>
            </p:nvGrpSpPr>
            <p:grpSpPr>
              <a:xfrm>
                <a:off x="3504339" y="2293000"/>
                <a:ext cx="1172912" cy="1053879"/>
                <a:chOff x="3504339" y="2293000"/>
                <a:chExt cx="1172912" cy="1053879"/>
              </a:xfrm>
            </p:grpSpPr>
            <p:sp>
              <p:nvSpPr>
                <p:cNvPr id="32" name="Freeform 8">
                  <a:extLst>
                    <a:ext uri="{FF2B5EF4-FFF2-40B4-BE49-F238E27FC236}">
                      <a16:creationId xmlns:a16="http://schemas.microsoft.com/office/drawing/2014/main" id="{F551BB22-4F02-442E-289C-BAC5A45BC6BB}"/>
                    </a:ext>
                  </a:extLst>
                </p:cNvPr>
                <p:cNvSpPr/>
                <p:nvPr/>
              </p:nvSpPr>
              <p:spPr>
                <a:xfrm>
                  <a:off x="3632452" y="2332800"/>
                  <a:ext cx="1044799" cy="1014079"/>
                </a:xfrm>
                <a:custGeom>
                  <a:avLst/>
                  <a:gdLst>
                    <a:gd name="connsiteX0" fmla="*/ 199156 w 1044799"/>
                    <a:gd name="connsiteY0" fmla="*/ 0 h 1014079"/>
                    <a:gd name="connsiteX1" fmla="*/ 0 w 1044799"/>
                    <a:gd name="connsiteY1" fmla="*/ 674702 h 1014079"/>
                    <a:gd name="connsiteX2" fmla="*/ 469354 w 1044799"/>
                    <a:gd name="connsiteY2" fmla="*/ 1014079 h 1014079"/>
                    <a:gd name="connsiteX3" fmla="*/ 1044799 w 1044799"/>
                    <a:gd name="connsiteY3" fmla="*/ 616312 h 1014079"/>
                    <a:gd name="connsiteX4" fmla="*/ 199156 w 1044799"/>
                    <a:gd name="connsiteY4" fmla="*/ 0 h 101407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4799" h="1014079">
                      <a:moveTo>
                        <a:pt x="199156" y="0"/>
                      </a:moveTo>
                      <a:lnTo>
                        <a:pt x="0" y="674702"/>
                      </a:lnTo>
                      <a:cubicBezTo>
                        <a:pt x="179738" y="750252"/>
                        <a:pt x="337215" y="864172"/>
                        <a:pt x="469354" y="1014079"/>
                      </a:cubicBezTo>
                      <a:lnTo>
                        <a:pt x="1044799" y="616312"/>
                      </a:lnTo>
                      <a:cubicBezTo>
                        <a:pt x="827172" y="324362"/>
                        <a:pt x="543239" y="117257"/>
                        <a:pt x="199156" y="0"/>
                      </a:cubicBezTo>
                      <a:close/>
                    </a:path>
                  </a:pathLst>
                </a:custGeom>
                <a:solidFill>
                  <a:schemeClr val="bg2"/>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sp>
              <p:nvSpPr>
                <p:cNvPr id="33" name="Freeform 9">
                  <a:extLst>
                    <a:ext uri="{FF2B5EF4-FFF2-40B4-BE49-F238E27FC236}">
                      <a16:creationId xmlns:a16="http://schemas.microsoft.com/office/drawing/2014/main" id="{459D14BB-9B9C-4D75-87A4-516BF7ADB613}"/>
                    </a:ext>
                  </a:extLst>
                </p:cNvPr>
                <p:cNvSpPr/>
                <p:nvPr/>
              </p:nvSpPr>
              <p:spPr>
                <a:xfrm>
                  <a:off x="3504339" y="2293000"/>
                  <a:ext cx="198919" cy="673987"/>
                </a:xfrm>
                <a:custGeom>
                  <a:avLst/>
                  <a:gdLst>
                    <a:gd name="connsiteX0" fmla="*/ 198682 w 198919"/>
                    <a:gd name="connsiteY0" fmla="*/ 0 h 673987"/>
                    <a:gd name="connsiteX1" fmla="*/ 0 w 198919"/>
                    <a:gd name="connsiteY1" fmla="*/ 673987 h 673987"/>
                    <a:gd name="connsiteX2" fmla="*/ 198919 w 198919"/>
                    <a:gd name="connsiteY2" fmla="*/ 0 h 673987"/>
                    <a:gd name="connsiteX3" fmla="*/ 198682 w 198919"/>
                    <a:gd name="connsiteY3" fmla="*/ 0 h 673987"/>
                  </a:gdLst>
                  <a:ahLst/>
                  <a:cxnLst>
                    <a:cxn ang="0">
                      <a:pos x="connsiteX0" y="connsiteY0"/>
                    </a:cxn>
                    <a:cxn ang="0">
                      <a:pos x="connsiteX1" y="connsiteY1"/>
                    </a:cxn>
                    <a:cxn ang="0">
                      <a:pos x="connsiteX2" y="connsiteY2"/>
                    </a:cxn>
                    <a:cxn ang="0">
                      <a:pos x="connsiteX3" y="connsiteY3"/>
                    </a:cxn>
                  </a:cxnLst>
                  <a:rect l="l" t="t" r="r" b="b"/>
                  <a:pathLst>
                    <a:path w="198919" h="673987">
                      <a:moveTo>
                        <a:pt x="198682" y="0"/>
                      </a:moveTo>
                      <a:lnTo>
                        <a:pt x="0" y="673987"/>
                      </a:lnTo>
                      <a:lnTo>
                        <a:pt x="198919" y="0"/>
                      </a:lnTo>
                      <a:lnTo>
                        <a:pt x="198682" y="0"/>
                      </a:lnTo>
                      <a:close/>
                    </a:path>
                  </a:pathLst>
                </a:custGeom>
                <a:solidFill>
                  <a:srgbClr val="FFFFFF"/>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grpSp>
          <p:sp>
            <p:nvSpPr>
              <p:cNvPr id="31" name="Freeform 7">
                <a:extLst>
                  <a:ext uri="{FF2B5EF4-FFF2-40B4-BE49-F238E27FC236}">
                    <a16:creationId xmlns:a16="http://schemas.microsoft.com/office/drawing/2014/main" id="{BFDCF89E-D52F-73A1-7809-A43A7A1BD2B9}"/>
                  </a:ext>
                </a:extLst>
              </p:cNvPr>
              <p:cNvSpPr/>
              <p:nvPr/>
            </p:nvSpPr>
            <p:spPr>
              <a:xfrm>
                <a:off x="1348435" y="3060173"/>
                <a:ext cx="880927" cy="962838"/>
              </a:xfrm>
              <a:custGeom>
                <a:avLst/>
                <a:gdLst>
                  <a:gd name="connsiteX0" fmla="*/ 312587 w 880927"/>
                  <a:gd name="connsiteY0" fmla="*/ 0 h 962838"/>
                  <a:gd name="connsiteX1" fmla="*/ 0 w 880927"/>
                  <a:gd name="connsiteY1" fmla="*/ 962839 h 962838"/>
                  <a:gd name="connsiteX2" fmla="*/ 704979 w 880927"/>
                  <a:gd name="connsiteY2" fmla="*/ 962839 h 962838"/>
                  <a:gd name="connsiteX3" fmla="*/ 880928 w 880927"/>
                  <a:gd name="connsiteY3" fmla="*/ 407062 h 962838"/>
                  <a:gd name="connsiteX4" fmla="*/ 312587 w 880927"/>
                  <a:gd name="connsiteY4" fmla="*/ 0 h 9628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0927" h="962838">
                    <a:moveTo>
                      <a:pt x="312587" y="0"/>
                    </a:moveTo>
                    <a:cubicBezTo>
                      <a:pt x="117694" y="280510"/>
                      <a:pt x="15156" y="596769"/>
                      <a:pt x="0" y="962839"/>
                    </a:cubicBezTo>
                    <a:lnTo>
                      <a:pt x="704979" y="962839"/>
                    </a:lnTo>
                    <a:cubicBezTo>
                      <a:pt x="714925" y="777182"/>
                      <a:pt x="772706" y="594386"/>
                      <a:pt x="880928" y="407062"/>
                    </a:cubicBezTo>
                    <a:lnTo>
                      <a:pt x="312587" y="0"/>
                    </a:lnTo>
                    <a:close/>
                  </a:path>
                </a:pathLst>
              </a:custGeom>
              <a:solidFill>
                <a:schemeClr val="tx2"/>
              </a:solidFill>
              <a:ln w="0" cap="flat">
                <a:noFill/>
                <a:prstDash val="solid"/>
                <a:miter/>
              </a:ln>
            </p:spPr>
            <p:txBody>
              <a:bodyPr rtlCol="0" anchor="ctr"/>
              <a:lstStyle/>
              <a:p>
                <a:endParaRPr lang="en-US">
                  <a:latin typeface="Open Sans" panose="020B0606030504020204" pitchFamily="34" charset="0"/>
                  <a:ea typeface="Open Sans" panose="020B0606030504020204" pitchFamily="34" charset="0"/>
                  <a:cs typeface="Open Sans" panose="020B0606030504020204" pitchFamily="34" charset="0"/>
                </a:endParaRPr>
              </a:p>
            </p:txBody>
          </p:sp>
        </p:grpSp>
        <p:sp>
          <p:nvSpPr>
            <p:cNvPr id="22" name="TextBox 21">
              <a:extLst>
                <a:ext uri="{FF2B5EF4-FFF2-40B4-BE49-F238E27FC236}">
                  <a16:creationId xmlns:a16="http://schemas.microsoft.com/office/drawing/2014/main" id="{ED79BAA1-C3EF-DE5C-21EE-5FA9A1D66321}"/>
                </a:ext>
              </a:extLst>
            </p:cNvPr>
            <p:cNvSpPr txBox="1"/>
            <p:nvPr/>
          </p:nvSpPr>
          <p:spPr>
            <a:xfrm>
              <a:off x="1371127" y="885367"/>
              <a:ext cx="474179" cy="180265"/>
            </a:xfrm>
            <a:prstGeom prst="rect">
              <a:avLst/>
            </a:prstGeom>
            <a:noFill/>
          </p:spPr>
          <p:txBody>
            <a:bodyPr vert="horz" wrap="square" rtlCol="0" anchor="ctr" anchorCtr="0">
              <a:noAutofit/>
            </a:bodyPr>
            <a:lstStyle/>
            <a:p>
              <a:pPr algn="ctr"/>
              <a:r>
                <a:rPr lang="en-US" sz="1500" b="1">
                  <a:solidFill>
                    <a:schemeClr val="bg1"/>
                  </a:solidFill>
                  <a:latin typeface="Open Sans" panose="020B0606030504020204" pitchFamily="34" charset="0"/>
                  <a:ea typeface="Open Sans" panose="020B0606030504020204" pitchFamily="34" charset="0"/>
                  <a:cs typeface="Open Sans" panose="020B0606030504020204" pitchFamily="34" charset="0"/>
                </a:rPr>
                <a:t>15 Priority populations</a:t>
              </a:r>
            </a:p>
          </p:txBody>
        </p:sp>
        <p:sp>
          <p:nvSpPr>
            <p:cNvPr id="23" name="TextBox 22">
              <a:extLst>
                <a:ext uri="{FF2B5EF4-FFF2-40B4-BE49-F238E27FC236}">
                  <a16:creationId xmlns:a16="http://schemas.microsoft.com/office/drawing/2014/main" id="{4953A8BB-7907-A288-6BAC-71EAA9376AF3}"/>
                </a:ext>
              </a:extLst>
            </p:cNvPr>
            <p:cNvSpPr txBox="1"/>
            <p:nvPr/>
          </p:nvSpPr>
          <p:spPr>
            <a:xfrm>
              <a:off x="2031942" y="1069657"/>
              <a:ext cx="543753" cy="173372"/>
            </a:xfrm>
            <a:prstGeom prst="rect">
              <a:avLst/>
            </a:prstGeom>
            <a:noFill/>
          </p:spPr>
          <p:txBody>
            <a:bodyPr vert="horz" wrap="square" rtlCol="0" anchor="ctr" anchorCtr="0">
              <a:noAutofit/>
            </a:bodyPr>
            <a:lstStyle/>
            <a:p>
              <a:pPr algn="ctr"/>
              <a:r>
                <a:rPr lang="en-US" sz="1500" b="1">
                  <a:solidFill>
                    <a:schemeClr val="bg1"/>
                  </a:solidFill>
                  <a:latin typeface="Open Sans" panose="020B0606030504020204" pitchFamily="34" charset="0"/>
                  <a:ea typeface="Open Sans" panose="020B0606030504020204" pitchFamily="34" charset="0"/>
                  <a:cs typeface="Open Sans" panose="020B0606030504020204" pitchFamily="34" charset="0"/>
                </a:rPr>
                <a:t>14 Policy principles</a:t>
              </a:r>
            </a:p>
          </p:txBody>
        </p:sp>
        <p:sp>
          <p:nvSpPr>
            <p:cNvPr id="24" name="TextBox 23">
              <a:extLst>
                <a:ext uri="{FF2B5EF4-FFF2-40B4-BE49-F238E27FC236}">
                  <a16:creationId xmlns:a16="http://schemas.microsoft.com/office/drawing/2014/main" id="{B696CABF-0A5B-C24F-6039-2ECE224B6C35}"/>
                </a:ext>
              </a:extLst>
            </p:cNvPr>
            <p:cNvSpPr txBox="1"/>
            <p:nvPr/>
          </p:nvSpPr>
          <p:spPr>
            <a:xfrm>
              <a:off x="2433825" y="1693362"/>
              <a:ext cx="501889" cy="173372"/>
            </a:xfrm>
            <a:prstGeom prst="rect">
              <a:avLst/>
            </a:prstGeom>
            <a:noFill/>
          </p:spPr>
          <p:txBody>
            <a:bodyPr vert="horz" wrap="square" rtlCol="0" anchor="ctr" anchorCtr="0">
              <a:noAutofit/>
            </a:bodyPr>
            <a:lstStyle/>
            <a:p>
              <a:pPr algn="ctr"/>
              <a:r>
                <a:rPr lang="en-US" sz="1500" b="1">
                  <a:solidFill>
                    <a:schemeClr val="bg1"/>
                  </a:solidFill>
                  <a:latin typeface="Open Sans" panose="020B0606030504020204" pitchFamily="34" charset="0"/>
                  <a:ea typeface="Open Sans" panose="020B0606030504020204" pitchFamily="34" charset="0"/>
                  <a:cs typeface="Open Sans" panose="020B0606030504020204" pitchFamily="34" charset="0"/>
                </a:rPr>
                <a:t>Plethora of actions</a:t>
              </a:r>
            </a:p>
          </p:txBody>
        </p:sp>
        <p:sp>
          <p:nvSpPr>
            <p:cNvPr id="25" name="TextBox 24">
              <a:extLst>
                <a:ext uri="{FF2B5EF4-FFF2-40B4-BE49-F238E27FC236}">
                  <a16:creationId xmlns:a16="http://schemas.microsoft.com/office/drawing/2014/main" id="{7AB50173-0C21-5B96-3565-B6539DD637F2}"/>
                </a:ext>
              </a:extLst>
            </p:cNvPr>
            <p:cNvSpPr txBox="1"/>
            <p:nvPr/>
          </p:nvSpPr>
          <p:spPr>
            <a:xfrm>
              <a:off x="676545" y="1069656"/>
              <a:ext cx="475606" cy="180265"/>
            </a:xfrm>
            <a:prstGeom prst="rect">
              <a:avLst/>
            </a:prstGeom>
            <a:noFill/>
          </p:spPr>
          <p:txBody>
            <a:bodyPr vert="horz" wrap="square" rtlCol="0" anchor="ctr" anchorCtr="0">
              <a:noAutofit/>
            </a:bodyPr>
            <a:lstStyle/>
            <a:p>
              <a:pPr algn="ctr"/>
              <a:r>
                <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rPr>
                <a:t>5 Outcomes</a:t>
              </a:r>
            </a:p>
          </p:txBody>
        </p:sp>
        <p:sp>
          <p:nvSpPr>
            <p:cNvPr id="26" name="TextBox 25">
              <a:extLst>
                <a:ext uri="{FF2B5EF4-FFF2-40B4-BE49-F238E27FC236}">
                  <a16:creationId xmlns:a16="http://schemas.microsoft.com/office/drawing/2014/main" id="{013FEFCB-D7E9-3CB5-5C1A-1D70DEEC4DD7}"/>
                </a:ext>
              </a:extLst>
            </p:cNvPr>
            <p:cNvSpPr txBox="1"/>
            <p:nvPr/>
          </p:nvSpPr>
          <p:spPr>
            <a:xfrm>
              <a:off x="281458" y="1693362"/>
              <a:ext cx="432975" cy="173372"/>
            </a:xfrm>
            <a:prstGeom prst="rect">
              <a:avLst/>
            </a:prstGeom>
            <a:noFill/>
          </p:spPr>
          <p:txBody>
            <a:bodyPr vert="horz" wrap="square" rtlCol="0" anchor="ctr" anchorCtr="0">
              <a:noAutofit/>
            </a:bodyPr>
            <a:lstStyle/>
            <a:p>
              <a:pPr algn="ctr"/>
              <a:r>
                <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rPr>
                <a:t>5 Objectives</a:t>
              </a:r>
            </a:p>
          </p:txBody>
        </p:sp>
      </p:grpSp>
      <p:sp>
        <p:nvSpPr>
          <p:cNvPr id="34" name="Subtitle 3">
            <a:extLst>
              <a:ext uri="{FF2B5EF4-FFF2-40B4-BE49-F238E27FC236}">
                <a16:creationId xmlns:a16="http://schemas.microsoft.com/office/drawing/2014/main" id="{2218CCD2-9D41-61E0-1101-F67EDB85FFE4}"/>
              </a:ext>
            </a:extLst>
          </p:cNvPr>
          <p:cNvSpPr>
            <a:spLocks noGrp="1"/>
          </p:cNvSpPr>
          <p:nvPr>
            <p:ph type="subTitle" idx="1"/>
          </p:nvPr>
        </p:nvSpPr>
        <p:spPr>
          <a:xfrm>
            <a:off x="609750" y="1063096"/>
            <a:ext cx="11082430" cy="401819"/>
          </a:xfrm>
        </p:spPr>
        <p:txBody>
          <a:bodyPr/>
          <a:lstStyle/>
          <a:p>
            <a:r>
              <a:rPr lang="en-US" dirty="0">
                <a:solidFill>
                  <a:schemeClr val="tx2"/>
                </a:solidFill>
              </a:rPr>
              <a:t>… without obvious links between them</a:t>
            </a:r>
          </a:p>
        </p:txBody>
      </p:sp>
      <p:sp>
        <p:nvSpPr>
          <p:cNvPr id="3" name="Slide Number Placeholder 2">
            <a:extLst>
              <a:ext uri="{FF2B5EF4-FFF2-40B4-BE49-F238E27FC236}">
                <a16:creationId xmlns:a16="http://schemas.microsoft.com/office/drawing/2014/main" id="{4CCF7914-C22D-CD3D-F1B3-EBAA0DC9E06F}"/>
              </a:ext>
            </a:extLst>
          </p:cNvPr>
          <p:cNvSpPr>
            <a:spLocks noGrp="1"/>
          </p:cNvSpPr>
          <p:nvPr>
            <p:ph type="sldNum" sz="quarter" idx="4"/>
          </p:nvPr>
        </p:nvSpPr>
        <p:spPr/>
        <p:txBody>
          <a:bodyPr/>
          <a:lstStyle/>
          <a:p>
            <a:fld id="{3FE8A0A5-0893-3B4E-9EB9-FE67329D76D6}" type="slidenum">
              <a:rPr lang="en-US" smtClean="0"/>
              <a:pPr/>
              <a:t>13</a:t>
            </a:fld>
            <a:endParaRPr lang="en-US"/>
          </a:p>
        </p:txBody>
      </p:sp>
    </p:spTree>
    <p:extLst>
      <p:ext uri="{BB962C8B-B14F-4D97-AF65-F5344CB8AC3E}">
        <p14:creationId xmlns:p14="http://schemas.microsoft.com/office/powerpoint/2010/main" val="212665017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58EA0ED-3DA4-4200-43F2-18C6A9A3050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C62D94B-D597-8F8E-8C6B-BEDB33A6553B}"/>
              </a:ext>
            </a:extLst>
          </p:cNvPr>
          <p:cNvSpPr>
            <a:spLocks noGrp="1"/>
          </p:cNvSpPr>
          <p:nvPr>
            <p:ph type="ctrTitle"/>
          </p:nvPr>
        </p:nvSpPr>
        <p:spPr/>
        <p:txBody>
          <a:bodyPr>
            <a:normAutofit/>
          </a:bodyPr>
          <a:lstStyle/>
          <a:p>
            <a:r>
              <a:rPr lang="en-AU"/>
              <a:t>Inquiry process</a:t>
            </a:r>
          </a:p>
        </p:txBody>
      </p:sp>
      <p:grpSp>
        <p:nvGrpSpPr>
          <p:cNvPr id="5" name="Group 4">
            <a:extLst>
              <a:ext uri="{FF2B5EF4-FFF2-40B4-BE49-F238E27FC236}">
                <a16:creationId xmlns:a16="http://schemas.microsoft.com/office/drawing/2014/main" id="{95BE0E79-4882-2859-0D00-457432B001D1}"/>
              </a:ext>
            </a:extLst>
          </p:cNvPr>
          <p:cNvGrpSpPr/>
          <p:nvPr/>
        </p:nvGrpSpPr>
        <p:grpSpPr>
          <a:xfrm>
            <a:off x="1302609" y="2291585"/>
            <a:ext cx="9306945" cy="2274829"/>
            <a:chOff x="779148" y="2029663"/>
            <a:chExt cx="9306945" cy="2274829"/>
          </a:xfrm>
        </p:grpSpPr>
        <p:sp>
          <p:nvSpPr>
            <p:cNvPr id="3" name="TextBox 2">
              <a:extLst>
                <a:ext uri="{FF2B5EF4-FFF2-40B4-BE49-F238E27FC236}">
                  <a16:creationId xmlns:a16="http://schemas.microsoft.com/office/drawing/2014/main" id="{EC66C3CA-C8B1-A017-EB6B-C78F3B5F208A}"/>
                </a:ext>
              </a:extLst>
            </p:cNvPr>
            <p:cNvSpPr txBox="1"/>
            <p:nvPr/>
          </p:nvSpPr>
          <p:spPr>
            <a:xfrm>
              <a:off x="779148"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r>
                <a:rPr lang="en-AU" sz="1500">
                  <a:latin typeface="Open Sans" panose="020B0606030504020204" pitchFamily="34" charset="0"/>
                  <a:ea typeface="Open Sans" panose="020B0606030504020204" pitchFamily="34" charset="0"/>
                  <a:cs typeface="Open Sans" panose="020B0606030504020204" pitchFamily="34" charset="0"/>
                </a:rPr>
                <a:t>Inquiry announced</a:t>
              </a:r>
            </a:p>
          </p:txBody>
        </p:sp>
        <p:sp>
          <p:nvSpPr>
            <p:cNvPr id="22" name="TextBox 21">
              <a:extLst>
                <a:ext uri="{FF2B5EF4-FFF2-40B4-BE49-F238E27FC236}">
                  <a16:creationId xmlns:a16="http://schemas.microsoft.com/office/drawing/2014/main" id="{9BCF545B-70B8-1C81-A3EC-F62D1A703C11}"/>
                </a:ext>
              </a:extLst>
            </p:cNvPr>
            <p:cNvSpPr txBox="1"/>
            <p:nvPr/>
          </p:nvSpPr>
          <p:spPr>
            <a:xfrm>
              <a:off x="2346467"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r>
                <a:rPr lang="en-AU" sz="1500">
                  <a:latin typeface="Open Sans" panose="020B0606030504020204" pitchFamily="34" charset="0"/>
                  <a:ea typeface="Open Sans" panose="020B0606030504020204" pitchFamily="34" charset="0"/>
                  <a:cs typeface="Open Sans" panose="020B0606030504020204" pitchFamily="34" charset="0"/>
                </a:rPr>
                <a:t>Call for submissions</a:t>
              </a:r>
            </a:p>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3" name="TextBox 22">
              <a:extLst>
                <a:ext uri="{FF2B5EF4-FFF2-40B4-BE49-F238E27FC236}">
                  <a16:creationId xmlns:a16="http://schemas.microsoft.com/office/drawing/2014/main" id="{FA0C6D58-214D-A599-3CA8-602885F4881E}"/>
                </a:ext>
              </a:extLst>
            </p:cNvPr>
            <p:cNvSpPr txBox="1"/>
            <p:nvPr/>
          </p:nvSpPr>
          <p:spPr>
            <a:xfrm>
              <a:off x="3913786"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r>
                <a:rPr lang="en-AU" sz="1500">
                  <a:latin typeface="Open Sans" panose="020B0606030504020204" pitchFamily="34" charset="0"/>
                  <a:ea typeface="Open Sans" panose="020B0606030504020204" pitchFamily="34" charset="0"/>
                  <a:cs typeface="Open Sans" panose="020B0606030504020204" pitchFamily="34" charset="0"/>
                </a:rPr>
                <a:t>Consultation (submissions, meetings, site visits, online survey) and analysis</a:t>
              </a: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4" name="TextBox 23">
              <a:extLst>
                <a:ext uri="{FF2B5EF4-FFF2-40B4-BE49-F238E27FC236}">
                  <a16:creationId xmlns:a16="http://schemas.microsoft.com/office/drawing/2014/main" id="{21E0D256-553B-08AB-9469-880053F77A63}"/>
                </a:ext>
              </a:extLst>
            </p:cNvPr>
            <p:cNvSpPr txBox="1"/>
            <p:nvPr/>
          </p:nvSpPr>
          <p:spPr>
            <a:xfrm>
              <a:off x="5481105"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r>
                <a:rPr lang="en-AU" sz="1500">
                  <a:latin typeface="Open Sans" panose="020B0606030504020204" pitchFamily="34" charset="0"/>
                  <a:ea typeface="Open Sans" panose="020B0606030504020204" pitchFamily="34" charset="0"/>
                  <a:cs typeface="Open Sans" panose="020B0606030504020204" pitchFamily="34" charset="0"/>
                </a:rPr>
                <a:t>Interim report released </a:t>
              </a: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6" name="TextBox 25">
              <a:extLst>
                <a:ext uri="{FF2B5EF4-FFF2-40B4-BE49-F238E27FC236}">
                  <a16:creationId xmlns:a16="http://schemas.microsoft.com/office/drawing/2014/main" id="{B2375679-5306-1AAD-2A9F-46C3E3C1F4E5}"/>
                </a:ext>
              </a:extLst>
            </p:cNvPr>
            <p:cNvSpPr txBox="1"/>
            <p:nvPr/>
          </p:nvSpPr>
          <p:spPr>
            <a:xfrm>
              <a:off x="7048424"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r>
                <a:rPr lang="en-AU" sz="1500">
                  <a:latin typeface="Open Sans" panose="020B0606030504020204" pitchFamily="34" charset="0"/>
                  <a:ea typeface="Open Sans" panose="020B0606030504020204" pitchFamily="34" charset="0"/>
                  <a:cs typeface="Open Sans" panose="020B0606030504020204" pitchFamily="34" charset="0"/>
                </a:rPr>
                <a:t>Consultation (submissions, meetings, public hearings) and analysis</a:t>
              </a: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a:p>
              <a:pPr lvl="0" algn="l"/>
              <a:endParaRPr lang="en-AU" sz="1500">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7" name="TextBox 26">
              <a:extLst>
                <a:ext uri="{FF2B5EF4-FFF2-40B4-BE49-F238E27FC236}">
                  <a16:creationId xmlns:a16="http://schemas.microsoft.com/office/drawing/2014/main" id="{DE0BBEE8-F27D-B109-E4A6-2370E52DEF25}"/>
                </a:ext>
              </a:extLst>
            </p:cNvPr>
            <p:cNvSpPr txBox="1"/>
            <p:nvPr/>
          </p:nvSpPr>
          <p:spPr>
            <a:xfrm>
              <a:off x="8616728" y="2574110"/>
              <a:ext cx="1469365" cy="1730382"/>
            </a:xfrm>
            <a:prstGeom prst="rect">
              <a:avLst/>
            </a:prstGeom>
            <a:solidFill>
              <a:schemeClr val="tx2">
                <a:lumMod val="20000"/>
                <a:lumOff val="80000"/>
              </a:schemeClr>
            </a:solidFill>
          </p:spPr>
          <p:txBody>
            <a:bodyPr wrap="square" lIns="48000" rIns="48000">
              <a:noAutofit/>
            </a:bodyPr>
            <a:lstStyle/>
            <a:p>
              <a:pPr lvl="0" algn="l"/>
              <a:endParaRPr lang="en-AU" sz="1500">
                <a:latin typeface="Open Sans" panose="020B0606030504020204" pitchFamily="34" charset="0"/>
                <a:ea typeface="Open Sans" panose="020B0606030504020204" pitchFamily="34" charset="0"/>
                <a:cs typeface="Open Sans" panose="020B0606030504020204" pitchFamily="34" charset="0"/>
              </a:endParaRPr>
            </a:p>
            <a:p>
              <a:pPr lvl="0" algn="l"/>
              <a:r>
                <a:rPr lang="en-AU" sz="1500">
                  <a:latin typeface="Open Sans" panose="020B0606030504020204" pitchFamily="34" charset="0"/>
                  <a:ea typeface="Open Sans" panose="020B0606030504020204" pitchFamily="34" charset="0"/>
                  <a:cs typeface="Open Sans" panose="020B0606030504020204" pitchFamily="34" charset="0"/>
                </a:rPr>
                <a:t>Final report due to Government</a:t>
              </a:r>
            </a:p>
          </p:txBody>
        </p:sp>
        <p:sp>
          <p:nvSpPr>
            <p:cNvPr id="28" name="Arrow: Chevron 383">
              <a:extLst>
                <a:ext uri="{FF2B5EF4-FFF2-40B4-BE49-F238E27FC236}">
                  <a16:creationId xmlns:a16="http://schemas.microsoft.com/office/drawing/2014/main" id="{C21A2641-2B11-1D5F-66FE-E45769964002}"/>
                </a:ext>
              </a:extLst>
            </p:cNvPr>
            <p:cNvSpPr/>
            <p:nvPr/>
          </p:nvSpPr>
          <p:spPr>
            <a:xfrm>
              <a:off x="2351943" y="2029663"/>
              <a:ext cx="1715696" cy="544447"/>
            </a:xfrm>
            <a:prstGeom prst="chevr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pPr algn="ctr"/>
              <a:r>
                <a:rPr lang="en-US" sz="1700" b="1">
                  <a:latin typeface="Open Sans" panose="020B0606030504020204" pitchFamily="34" charset="0"/>
                  <a:ea typeface="Open Sans" panose="020B0606030504020204" pitchFamily="34" charset="0"/>
                  <a:cs typeface="Open Sans" panose="020B0606030504020204" pitchFamily="34" charset="0"/>
                </a:rPr>
                <a:t>11 Feb</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sp>
          <p:nvSpPr>
            <p:cNvPr id="29" name="Arrow: Chevron 384">
              <a:extLst>
                <a:ext uri="{FF2B5EF4-FFF2-40B4-BE49-F238E27FC236}">
                  <a16:creationId xmlns:a16="http://schemas.microsoft.com/office/drawing/2014/main" id="{7C249521-6DE3-346E-06EB-17ECDF32FAA3}"/>
                </a:ext>
              </a:extLst>
            </p:cNvPr>
            <p:cNvSpPr/>
            <p:nvPr/>
          </p:nvSpPr>
          <p:spPr>
            <a:xfrm>
              <a:off x="3917971" y="2029663"/>
              <a:ext cx="1715696" cy="544447"/>
            </a:xfrm>
            <a:prstGeom prst="chevr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pPr algn="ctr"/>
              <a:r>
                <a:rPr lang="en-US" sz="1700" b="1">
                  <a:latin typeface="Open Sans" panose="020B0606030504020204" pitchFamily="34" charset="0"/>
                  <a:ea typeface="Open Sans" panose="020B0606030504020204" pitchFamily="34" charset="0"/>
                  <a:cs typeface="Open Sans" panose="020B0606030504020204" pitchFamily="34" charset="0"/>
                </a:rPr>
                <a:t>Feb - June</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sp>
          <p:nvSpPr>
            <p:cNvPr id="30" name="Arrow: Chevron 385">
              <a:extLst>
                <a:ext uri="{FF2B5EF4-FFF2-40B4-BE49-F238E27FC236}">
                  <a16:creationId xmlns:a16="http://schemas.microsoft.com/office/drawing/2014/main" id="{DBFC2F04-9E92-C781-8A8C-D7F201517C02}"/>
                </a:ext>
              </a:extLst>
            </p:cNvPr>
            <p:cNvSpPr/>
            <p:nvPr/>
          </p:nvSpPr>
          <p:spPr>
            <a:xfrm>
              <a:off x="5483998" y="2029663"/>
              <a:ext cx="1715696" cy="544447"/>
            </a:xfrm>
            <a:prstGeom prst="chevron">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pPr algn="ctr"/>
              <a:r>
                <a:rPr lang="en-US" sz="1700" b="1">
                  <a:latin typeface="Open Sans" panose="020B0606030504020204" pitchFamily="34" charset="0"/>
                  <a:ea typeface="Open Sans" panose="020B0606030504020204" pitchFamily="34" charset="0"/>
                  <a:cs typeface="Open Sans" panose="020B0606030504020204" pitchFamily="34" charset="0"/>
                </a:rPr>
                <a:t>24 June</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sp>
          <p:nvSpPr>
            <p:cNvPr id="31" name="Arrow: Chevron 387">
              <a:extLst>
                <a:ext uri="{FF2B5EF4-FFF2-40B4-BE49-F238E27FC236}">
                  <a16:creationId xmlns:a16="http://schemas.microsoft.com/office/drawing/2014/main" id="{2F2B2827-8FF1-3C93-4030-2A58EA716E69}"/>
                </a:ext>
              </a:extLst>
            </p:cNvPr>
            <p:cNvSpPr/>
            <p:nvPr/>
          </p:nvSpPr>
          <p:spPr>
            <a:xfrm>
              <a:off x="7050023" y="2029663"/>
              <a:ext cx="1715696" cy="544447"/>
            </a:xfrm>
            <a:prstGeom prst="chevr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pPr algn="ctr"/>
              <a:r>
                <a:rPr lang="en-US" sz="1700" b="1">
                  <a:latin typeface="Open Sans" panose="020B0606030504020204" pitchFamily="34" charset="0"/>
                  <a:ea typeface="Open Sans" panose="020B0606030504020204" pitchFamily="34" charset="0"/>
                  <a:cs typeface="Open Sans" panose="020B0606030504020204" pitchFamily="34" charset="0"/>
                </a:rPr>
                <a:t>June - Sep</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sp>
          <p:nvSpPr>
            <p:cNvPr id="32" name="Arrow: Chevron 279">
              <a:extLst>
                <a:ext uri="{FF2B5EF4-FFF2-40B4-BE49-F238E27FC236}">
                  <a16:creationId xmlns:a16="http://schemas.microsoft.com/office/drawing/2014/main" id="{A7C9A719-FCBA-3216-DCAD-A810DDBC57A7}"/>
                </a:ext>
              </a:extLst>
            </p:cNvPr>
            <p:cNvSpPr/>
            <p:nvPr/>
          </p:nvSpPr>
          <p:spPr>
            <a:xfrm>
              <a:off x="785916" y="2029663"/>
              <a:ext cx="1715696" cy="544447"/>
            </a:xfrm>
            <a:custGeom>
              <a:avLst/>
              <a:gdLst>
                <a:gd name="connsiteX0" fmla="*/ 0 w 853200"/>
                <a:gd name="connsiteY0" fmla="*/ 0 h 244017"/>
                <a:gd name="connsiteX1" fmla="*/ 731192 w 853200"/>
                <a:gd name="connsiteY1" fmla="*/ 0 h 244017"/>
                <a:gd name="connsiteX2" fmla="*/ 853200 w 853200"/>
                <a:gd name="connsiteY2" fmla="*/ 122009 h 244017"/>
                <a:gd name="connsiteX3" fmla="*/ 731192 w 853200"/>
                <a:gd name="connsiteY3" fmla="*/ 244017 h 244017"/>
                <a:gd name="connsiteX4" fmla="*/ 0 w 853200"/>
                <a:gd name="connsiteY4" fmla="*/ 244017 h 244017"/>
                <a:gd name="connsiteX5" fmla="*/ 122009 w 853200"/>
                <a:gd name="connsiteY5" fmla="*/ 122009 h 244017"/>
                <a:gd name="connsiteX6" fmla="*/ 0 w 853200"/>
                <a:gd name="connsiteY6" fmla="*/ 0 h 244017"/>
                <a:gd name="connsiteX0" fmla="*/ 0 w 853200"/>
                <a:gd name="connsiteY0" fmla="*/ 0 h 244017"/>
                <a:gd name="connsiteX1" fmla="*/ 731192 w 853200"/>
                <a:gd name="connsiteY1" fmla="*/ 0 h 244017"/>
                <a:gd name="connsiteX2" fmla="*/ 853200 w 853200"/>
                <a:gd name="connsiteY2" fmla="*/ 122009 h 244017"/>
                <a:gd name="connsiteX3" fmla="*/ 731192 w 853200"/>
                <a:gd name="connsiteY3" fmla="*/ 244017 h 244017"/>
                <a:gd name="connsiteX4" fmla="*/ 0 w 853200"/>
                <a:gd name="connsiteY4" fmla="*/ 244017 h 244017"/>
                <a:gd name="connsiteX5" fmla="*/ 0 w 853200"/>
                <a:gd name="connsiteY5" fmla="*/ 0 h 24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53200" h="244017">
                  <a:moveTo>
                    <a:pt x="0" y="0"/>
                  </a:moveTo>
                  <a:lnTo>
                    <a:pt x="731192" y="0"/>
                  </a:lnTo>
                  <a:lnTo>
                    <a:pt x="853200" y="122009"/>
                  </a:lnTo>
                  <a:lnTo>
                    <a:pt x="731192" y="244017"/>
                  </a:lnTo>
                  <a:lnTo>
                    <a:pt x="0" y="244017"/>
                  </a:lnTo>
                  <a:lnTo>
                    <a:pt x="0"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r>
                <a:rPr lang="en-US" sz="1700" b="1">
                  <a:latin typeface="Open Sans" panose="020B0606030504020204" pitchFamily="34" charset="0"/>
                  <a:ea typeface="Open Sans" panose="020B0606030504020204" pitchFamily="34" charset="0"/>
                  <a:cs typeface="Open Sans" panose="020B0606030504020204" pitchFamily="34" charset="0"/>
                </a:rPr>
                <a:t>    30 Jan</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sp>
          <p:nvSpPr>
            <p:cNvPr id="34" name="Arrow: Chevron 281">
              <a:extLst>
                <a:ext uri="{FF2B5EF4-FFF2-40B4-BE49-F238E27FC236}">
                  <a16:creationId xmlns:a16="http://schemas.microsoft.com/office/drawing/2014/main" id="{B095F102-70FE-F851-D9CC-A7F87C5D68B5}"/>
                </a:ext>
              </a:extLst>
            </p:cNvPr>
            <p:cNvSpPr/>
            <p:nvPr/>
          </p:nvSpPr>
          <p:spPr>
            <a:xfrm>
              <a:off x="8615743" y="2029663"/>
              <a:ext cx="1470350" cy="544447"/>
            </a:xfrm>
            <a:custGeom>
              <a:avLst/>
              <a:gdLst>
                <a:gd name="connsiteX0" fmla="*/ 0 w 853200"/>
                <a:gd name="connsiteY0" fmla="*/ 0 h 244017"/>
                <a:gd name="connsiteX1" fmla="*/ 731192 w 853200"/>
                <a:gd name="connsiteY1" fmla="*/ 0 h 244017"/>
                <a:gd name="connsiteX2" fmla="*/ 853200 w 853200"/>
                <a:gd name="connsiteY2" fmla="*/ 122009 h 244017"/>
                <a:gd name="connsiteX3" fmla="*/ 731192 w 853200"/>
                <a:gd name="connsiteY3" fmla="*/ 244017 h 244017"/>
                <a:gd name="connsiteX4" fmla="*/ 0 w 853200"/>
                <a:gd name="connsiteY4" fmla="*/ 244017 h 244017"/>
                <a:gd name="connsiteX5" fmla="*/ 122009 w 853200"/>
                <a:gd name="connsiteY5" fmla="*/ 122009 h 244017"/>
                <a:gd name="connsiteX6" fmla="*/ 0 w 853200"/>
                <a:gd name="connsiteY6" fmla="*/ 0 h 244017"/>
                <a:gd name="connsiteX0" fmla="*/ 0 w 731192"/>
                <a:gd name="connsiteY0" fmla="*/ 0 h 244017"/>
                <a:gd name="connsiteX1" fmla="*/ 731192 w 731192"/>
                <a:gd name="connsiteY1" fmla="*/ 0 h 244017"/>
                <a:gd name="connsiteX2" fmla="*/ 731192 w 731192"/>
                <a:gd name="connsiteY2" fmla="*/ 244017 h 244017"/>
                <a:gd name="connsiteX3" fmla="*/ 0 w 731192"/>
                <a:gd name="connsiteY3" fmla="*/ 244017 h 244017"/>
                <a:gd name="connsiteX4" fmla="*/ 122009 w 731192"/>
                <a:gd name="connsiteY4" fmla="*/ 122009 h 244017"/>
                <a:gd name="connsiteX5" fmla="*/ 0 w 731192"/>
                <a:gd name="connsiteY5" fmla="*/ 0 h 24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31192" h="244017">
                  <a:moveTo>
                    <a:pt x="0" y="0"/>
                  </a:moveTo>
                  <a:lnTo>
                    <a:pt x="731192" y="0"/>
                  </a:lnTo>
                  <a:lnTo>
                    <a:pt x="731192" y="244017"/>
                  </a:lnTo>
                  <a:lnTo>
                    <a:pt x="0" y="244017"/>
                  </a:lnTo>
                  <a:lnTo>
                    <a:pt x="122009" y="122009"/>
                  </a:lnTo>
                  <a:lnTo>
                    <a:pt x="0"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54392" rIns="54392" rtlCol="0" anchor="ctr"/>
            <a:lstStyle/>
            <a:p>
              <a:pPr algn="ctr"/>
              <a:r>
                <a:rPr lang="en-US" sz="1700" b="1">
                  <a:latin typeface="Open Sans" panose="020B0606030504020204" pitchFamily="34" charset="0"/>
                  <a:ea typeface="Open Sans" panose="020B0606030504020204" pitchFamily="34" charset="0"/>
                  <a:cs typeface="Open Sans" panose="020B0606030504020204" pitchFamily="34" charset="0"/>
                </a:rPr>
                <a:t>17 Oct</a:t>
              </a:r>
              <a:endParaRPr lang="en-AU" sz="1700" b="1">
                <a:latin typeface="Open Sans" panose="020B0606030504020204" pitchFamily="34" charset="0"/>
                <a:ea typeface="Open Sans" panose="020B0606030504020204" pitchFamily="34" charset="0"/>
                <a:cs typeface="Open Sans" panose="020B0606030504020204" pitchFamily="34" charset="0"/>
              </a:endParaRPr>
            </a:p>
          </p:txBody>
        </p:sp>
      </p:grpSp>
      <p:sp>
        <p:nvSpPr>
          <p:cNvPr id="4" name="Slide Number Placeholder 3">
            <a:extLst>
              <a:ext uri="{FF2B5EF4-FFF2-40B4-BE49-F238E27FC236}">
                <a16:creationId xmlns:a16="http://schemas.microsoft.com/office/drawing/2014/main" id="{C8BE6542-8923-081C-A483-31B31BF5D2FA}"/>
              </a:ext>
            </a:extLst>
          </p:cNvPr>
          <p:cNvSpPr>
            <a:spLocks noGrp="1"/>
          </p:cNvSpPr>
          <p:nvPr>
            <p:ph type="sldNum" sz="quarter" idx="4"/>
          </p:nvPr>
        </p:nvSpPr>
        <p:spPr/>
        <p:txBody>
          <a:bodyPr/>
          <a:lstStyle/>
          <a:p>
            <a:fld id="{3FE8A0A5-0893-3B4E-9EB9-FE67329D76D6}" type="slidenum">
              <a:rPr lang="en-US" smtClean="0"/>
              <a:pPr/>
              <a:t>14</a:t>
            </a:fld>
            <a:endParaRPr lang="en-US"/>
          </a:p>
        </p:txBody>
      </p:sp>
    </p:spTree>
    <p:extLst>
      <p:ext uri="{BB962C8B-B14F-4D97-AF65-F5344CB8AC3E}">
        <p14:creationId xmlns:p14="http://schemas.microsoft.com/office/powerpoint/2010/main" val="406297202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26D3B3-B33A-9544-F39B-2C6FB713592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777CDC0-6F7D-33FA-589B-719E83128756}"/>
              </a:ext>
            </a:extLst>
          </p:cNvPr>
          <p:cNvSpPr>
            <a:spLocks noGrp="1"/>
          </p:cNvSpPr>
          <p:nvPr>
            <p:ph type="ctrTitle"/>
          </p:nvPr>
        </p:nvSpPr>
        <p:spPr/>
        <p:txBody>
          <a:bodyPr/>
          <a:lstStyle/>
          <a:p>
            <a:r>
              <a:rPr lang="en-US"/>
              <a:t>Engagement and Consultation</a:t>
            </a:r>
          </a:p>
        </p:txBody>
      </p:sp>
      <p:sp>
        <p:nvSpPr>
          <p:cNvPr id="7" name="Slide Number Placeholder 6">
            <a:extLst>
              <a:ext uri="{FF2B5EF4-FFF2-40B4-BE49-F238E27FC236}">
                <a16:creationId xmlns:a16="http://schemas.microsoft.com/office/drawing/2014/main" id="{CE11AFFE-5CAF-A171-97C2-0F1CD1581482}"/>
              </a:ext>
            </a:extLst>
          </p:cNvPr>
          <p:cNvSpPr>
            <a:spLocks noGrp="1"/>
          </p:cNvSpPr>
          <p:nvPr>
            <p:ph type="sldNum" sz="quarter" idx="4"/>
          </p:nvPr>
        </p:nvSpPr>
        <p:spPr/>
        <p:txBody>
          <a:bodyPr/>
          <a:lstStyle/>
          <a:p>
            <a:fld id="{3FE8A0A5-0893-3B4E-9EB9-FE67329D76D6}" type="slidenum">
              <a:rPr lang="en-US" smtClean="0"/>
              <a:pPr/>
              <a:t>15</a:t>
            </a:fld>
            <a:endParaRPr lang="en-US"/>
          </a:p>
        </p:txBody>
      </p:sp>
      <p:grpSp>
        <p:nvGrpSpPr>
          <p:cNvPr id="20" name="Group 19">
            <a:extLst>
              <a:ext uri="{FF2B5EF4-FFF2-40B4-BE49-F238E27FC236}">
                <a16:creationId xmlns:a16="http://schemas.microsoft.com/office/drawing/2014/main" id="{E6EED7F0-2ED3-874D-BEA0-75862BE29B4F}"/>
              </a:ext>
            </a:extLst>
          </p:cNvPr>
          <p:cNvGrpSpPr/>
          <p:nvPr/>
        </p:nvGrpSpPr>
        <p:grpSpPr>
          <a:xfrm>
            <a:off x="10227019" y="473361"/>
            <a:ext cx="1341552" cy="1341552"/>
            <a:chOff x="2490978" y="1489932"/>
            <a:chExt cx="419100" cy="419100"/>
          </a:xfrm>
        </p:grpSpPr>
        <p:sp>
          <p:nvSpPr>
            <p:cNvPr id="21" name="Graphic 2">
              <a:extLst>
                <a:ext uri="{FF2B5EF4-FFF2-40B4-BE49-F238E27FC236}">
                  <a16:creationId xmlns:a16="http://schemas.microsoft.com/office/drawing/2014/main" id="{52476AAB-236E-8635-443E-43C1430A717F}"/>
                </a:ext>
              </a:extLst>
            </p:cNvPr>
            <p:cNvSpPr/>
            <p:nvPr/>
          </p:nvSpPr>
          <p:spPr>
            <a:xfrm>
              <a:off x="2508980" y="1655000"/>
              <a:ext cx="249459" cy="220413"/>
            </a:xfrm>
            <a:custGeom>
              <a:avLst/>
              <a:gdLst>
                <a:gd name="connsiteX0" fmla="*/ 4381 w 249459"/>
                <a:gd name="connsiteY0" fmla="*/ 0 h 220413"/>
                <a:gd name="connsiteX1" fmla="*/ 0 w 249459"/>
                <a:gd name="connsiteY1" fmla="*/ 4381 h 220413"/>
                <a:gd name="connsiteX2" fmla="*/ 0 w 249459"/>
                <a:gd name="connsiteY2" fmla="*/ 164878 h 220413"/>
                <a:gd name="connsiteX3" fmla="*/ 4381 w 249459"/>
                <a:gd name="connsiteY3" fmla="*/ 169259 h 220413"/>
                <a:gd name="connsiteX4" fmla="*/ 44577 w 249459"/>
                <a:gd name="connsiteY4" fmla="*/ 169259 h 220413"/>
                <a:gd name="connsiteX5" fmla="*/ 53530 w 249459"/>
                <a:gd name="connsiteY5" fmla="*/ 178213 h 220413"/>
                <a:gd name="connsiteX6" fmla="*/ 53530 w 249459"/>
                <a:gd name="connsiteY6" fmla="*/ 216313 h 220413"/>
                <a:gd name="connsiteX7" fmla="*/ 56007 w 249459"/>
                <a:gd name="connsiteY7" fmla="*/ 220313 h 220413"/>
                <a:gd name="connsiteX8" fmla="*/ 57912 w 249459"/>
                <a:gd name="connsiteY8" fmla="*/ 220313 h 220413"/>
                <a:gd name="connsiteX9" fmla="*/ 60674 w 249459"/>
                <a:gd name="connsiteY9" fmla="*/ 219361 h 220413"/>
                <a:gd name="connsiteX10" fmla="*/ 118967 w 249459"/>
                <a:gd name="connsiteY10" fmla="*/ 170783 h 220413"/>
                <a:gd name="connsiteX11" fmla="*/ 124777 w 249459"/>
                <a:gd name="connsiteY11" fmla="*/ 168688 h 220413"/>
                <a:gd name="connsiteX12" fmla="*/ 245078 w 249459"/>
                <a:gd name="connsiteY12" fmla="*/ 168688 h 220413"/>
                <a:gd name="connsiteX13" fmla="*/ 249460 w 249459"/>
                <a:gd name="connsiteY13" fmla="*/ 164306 h 220413"/>
                <a:gd name="connsiteX14" fmla="*/ 249460 w 249459"/>
                <a:gd name="connsiteY14" fmla="*/ 4381 h 220413"/>
                <a:gd name="connsiteX15" fmla="*/ 245078 w 249459"/>
                <a:gd name="connsiteY15" fmla="*/ 0 h 220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49459" h="220413">
                  <a:moveTo>
                    <a:pt x="4381" y="0"/>
                  </a:moveTo>
                  <a:cubicBezTo>
                    <a:pt x="1962" y="0"/>
                    <a:pt x="0" y="1961"/>
                    <a:pt x="0" y="4381"/>
                  </a:cubicBezTo>
                  <a:lnTo>
                    <a:pt x="0" y="164878"/>
                  </a:lnTo>
                  <a:cubicBezTo>
                    <a:pt x="95" y="167256"/>
                    <a:pt x="2000" y="169162"/>
                    <a:pt x="4381" y="169259"/>
                  </a:cubicBezTo>
                  <a:lnTo>
                    <a:pt x="44577" y="169259"/>
                  </a:lnTo>
                  <a:cubicBezTo>
                    <a:pt x="49520" y="169259"/>
                    <a:pt x="53530" y="173268"/>
                    <a:pt x="53530" y="178213"/>
                  </a:cubicBezTo>
                  <a:lnTo>
                    <a:pt x="53530" y="216313"/>
                  </a:lnTo>
                  <a:cubicBezTo>
                    <a:pt x="53530" y="218007"/>
                    <a:pt x="54492" y="219556"/>
                    <a:pt x="56007" y="220313"/>
                  </a:cubicBezTo>
                  <a:cubicBezTo>
                    <a:pt x="56636" y="220447"/>
                    <a:pt x="57283" y="220447"/>
                    <a:pt x="57912" y="220313"/>
                  </a:cubicBezTo>
                  <a:cubicBezTo>
                    <a:pt x="58922" y="220347"/>
                    <a:pt x="59903" y="220007"/>
                    <a:pt x="60674" y="219361"/>
                  </a:cubicBezTo>
                  <a:lnTo>
                    <a:pt x="118967" y="170783"/>
                  </a:lnTo>
                  <a:cubicBezTo>
                    <a:pt x="120587" y="169403"/>
                    <a:pt x="122653" y="168658"/>
                    <a:pt x="124777" y="168688"/>
                  </a:cubicBezTo>
                  <a:lnTo>
                    <a:pt x="245078" y="168688"/>
                  </a:lnTo>
                  <a:cubicBezTo>
                    <a:pt x="247498" y="168688"/>
                    <a:pt x="249460" y="166726"/>
                    <a:pt x="249460" y="164306"/>
                  </a:cubicBezTo>
                  <a:lnTo>
                    <a:pt x="249460" y="4381"/>
                  </a:lnTo>
                  <a:cubicBezTo>
                    <a:pt x="249460" y="1961"/>
                    <a:pt x="247498" y="0"/>
                    <a:pt x="245078" y="0"/>
                  </a:cubicBezTo>
                  <a:close/>
                </a:path>
              </a:pathLst>
            </a:custGeom>
            <a:solidFill>
              <a:srgbClr val="C7E4F1"/>
            </a:solidFill>
            <a:ln w="9525" cap="flat">
              <a:noFill/>
              <a:prstDash val="solid"/>
              <a:miter/>
            </a:ln>
          </p:spPr>
          <p:txBody>
            <a:bodyPr rtlCol="0" anchor="ctr"/>
            <a:lstStyle/>
            <a:p>
              <a:endParaRPr lang="en-AU" sz="153"/>
            </a:p>
          </p:txBody>
        </p:sp>
        <p:sp>
          <p:nvSpPr>
            <p:cNvPr id="22" name="Graphic 2">
              <a:extLst>
                <a:ext uri="{FF2B5EF4-FFF2-40B4-BE49-F238E27FC236}">
                  <a16:creationId xmlns:a16="http://schemas.microsoft.com/office/drawing/2014/main" id="{57E675A5-0D25-3B72-6515-FDAEF030CD51}"/>
                </a:ext>
              </a:extLst>
            </p:cNvPr>
            <p:cNvSpPr/>
            <p:nvPr/>
          </p:nvSpPr>
          <p:spPr>
            <a:xfrm>
              <a:off x="2490978" y="1489932"/>
              <a:ext cx="419100" cy="419100"/>
            </a:xfrm>
            <a:custGeom>
              <a:avLst/>
              <a:gdLst>
                <a:gd name="connsiteX0" fmla="*/ 62484 w 419100"/>
                <a:gd name="connsiteY0" fmla="*/ 419100 h 419100"/>
                <a:gd name="connsiteX1" fmla="*/ 58674 w 419100"/>
                <a:gd name="connsiteY1" fmla="*/ 418243 h 419100"/>
                <a:gd name="connsiteX2" fmla="*/ 53435 w 419100"/>
                <a:gd name="connsiteY2" fmla="*/ 410147 h 419100"/>
                <a:gd name="connsiteX3" fmla="*/ 53435 w 419100"/>
                <a:gd name="connsiteY3" fmla="*/ 356616 h 419100"/>
                <a:gd name="connsiteX4" fmla="*/ 49054 w 419100"/>
                <a:gd name="connsiteY4" fmla="*/ 352235 h 419100"/>
                <a:gd name="connsiteX5" fmla="*/ 22288 w 419100"/>
                <a:gd name="connsiteY5" fmla="*/ 352235 h 419100"/>
                <a:gd name="connsiteX6" fmla="*/ 0 w 419100"/>
                <a:gd name="connsiteY6" fmla="*/ 329946 h 419100"/>
                <a:gd name="connsiteX7" fmla="*/ 0 w 419100"/>
                <a:gd name="connsiteY7" fmla="*/ 169450 h 419100"/>
                <a:gd name="connsiteX8" fmla="*/ 22288 w 419100"/>
                <a:gd name="connsiteY8" fmla="*/ 147066 h 419100"/>
                <a:gd name="connsiteX9" fmla="*/ 262985 w 419100"/>
                <a:gd name="connsiteY9" fmla="*/ 147066 h 419100"/>
                <a:gd name="connsiteX10" fmla="*/ 285369 w 419100"/>
                <a:gd name="connsiteY10" fmla="*/ 169450 h 419100"/>
                <a:gd name="connsiteX11" fmla="*/ 285369 w 419100"/>
                <a:gd name="connsiteY11" fmla="*/ 189643 h 419100"/>
                <a:gd name="connsiteX12" fmla="*/ 286988 w 419100"/>
                <a:gd name="connsiteY12" fmla="*/ 192976 h 419100"/>
                <a:gd name="connsiteX13" fmla="*/ 340423 w 419100"/>
                <a:gd name="connsiteY13" fmla="*/ 237553 h 419100"/>
                <a:gd name="connsiteX14" fmla="*/ 343281 w 419100"/>
                <a:gd name="connsiteY14" fmla="*/ 238601 h 419100"/>
                <a:gd name="connsiteX15" fmla="*/ 345091 w 419100"/>
                <a:gd name="connsiteY15" fmla="*/ 238601 h 419100"/>
                <a:gd name="connsiteX16" fmla="*/ 347663 w 419100"/>
                <a:gd name="connsiteY16" fmla="*/ 234601 h 419100"/>
                <a:gd name="connsiteX17" fmla="*/ 347663 w 419100"/>
                <a:gd name="connsiteY17" fmla="*/ 196501 h 419100"/>
                <a:gd name="connsiteX18" fmla="*/ 356616 w 419100"/>
                <a:gd name="connsiteY18" fmla="*/ 186976 h 419100"/>
                <a:gd name="connsiteX19" fmla="*/ 396716 w 419100"/>
                <a:gd name="connsiteY19" fmla="*/ 186976 h 419100"/>
                <a:gd name="connsiteX20" fmla="*/ 401098 w 419100"/>
                <a:gd name="connsiteY20" fmla="*/ 182594 h 419100"/>
                <a:gd name="connsiteX21" fmla="*/ 401098 w 419100"/>
                <a:gd name="connsiteY21" fmla="*/ 22384 h 419100"/>
                <a:gd name="connsiteX22" fmla="*/ 396716 w 419100"/>
                <a:gd name="connsiteY22" fmla="*/ 18002 h 419100"/>
                <a:gd name="connsiteX23" fmla="*/ 156019 w 419100"/>
                <a:gd name="connsiteY23" fmla="*/ 18002 h 419100"/>
                <a:gd name="connsiteX24" fmla="*/ 151638 w 419100"/>
                <a:gd name="connsiteY24" fmla="*/ 22384 h 419100"/>
                <a:gd name="connsiteX25" fmla="*/ 151638 w 419100"/>
                <a:gd name="connsiteY25" fmla="*/ 121825 h 419100"/>
                <a:gd name="connsiteX26" fmla="*/ 142684 w 419100"/>
                <a:gd name="connsiteY26" fmla="*/ 130778 h 419100"/>
                <a:gd name="connsiteX27" fmla="*/ 133731 w 419100"/>
                <a:gd name="connsiteY27" fmla="*/ 121825 h 419100"/>
                <a:gd name="connsiteX28" fmla="*/ 133731 w 419100"/>
                <a:gd name="connsiteY28" fmla="*/ 22384 h 419100"/>
                <a:gd name="connsiteX29" fmla="*/ 156019 w 419100"/>
                <a:gd name="connsiteY29" fmla="*/ 0 h 419100"/>
                <a:gd name="connsiteX30" fmla="*/ 396716 w 419100"/>
                <a:gd name="connsiteY30" fmla="*/ 0 h 419100"/>
                <a:gd name="connsiteX31" fmla="*/ 419100 w 419100"/>
                <a:gd name="connsiteY31" fmla="*/ 22384 h 419100"/>
                <a:gd name="connsiteX32" fmla="*/ 419100 w 419100"/>
                <a:gd name="connsiteY32" fmla="*/ 182785 h 419100"/>
                <a:gd name="connsiteX33" fmla="*/ 396716 w 419100"/>
                <a:gd name="connsiteY33" fmla="*/ 205168 h 419100"/>
                <a:gd name="connsiteX34" fmla="*/ 369951 w 419100"/>
                <a:gd name="connsiteY34" fmla="*/ 205168 h 419100"/>
                <a:gd name="connsiteX35" fmla="*/ 365569 w 419100"/>
                <a:gd name="connsiteY35" fmla="*/ 209550 h 419100"/>
                <a:gd name="connsiteX36" fmla="*/ 365569 w 419100"/>
                <a:gd name="connsiteY36" fmla="*/ 263081 h 419100"/>
                <a:gd name="connsiteX37" fmla="*/ 356616 w 419100"/>
                <a:gd name="connsiteY37" fmla="*/ 272034 h 419100"/>
                <a:gd name="connsiteX38" fmla="*/ 350806 w 419100"/>
                <a:gd name="connsiteY38" fmla="*/ 269939 h 419100"/>
                <a:gd name="connsiteX39" fmla="*/ 292608 w 419100"/>
                <a:gd name="connsiteY39" fmla="*/ 221361 h 419100"/>
                <a:gd name="connsiteX40" fmla="*/ 289750 w 419100"/>
                <a:gd name="connsiteY40" fmla="*/ 220313 h 419100"/>
                <a:gd name="connsiteX41" fmla="*/ 287846 w 419100"/>
                <a:gd name="connsiteY41" fmla="*/ 220313 h 419100"/>
                <a:gd name="connsiteX42" fmla="*/ 285369 w 419100"/>
                <a:gd name="connsiteY42" fmla="*/ 224314 h 419100"/>
                <a:gd name="connsiteX43" fmla="*/ 285369 w 419100"/>
                <a:gd name="connsiteY43" fmla="*/ 329089 h 419100"/>
                <a:gd name="connsiteX44" fmla="*/ 262985 w 419100"/>
                <a:gd name="connsiteY44" fmla="*/ 351377 h 419100"/>
                <a:gd name="connsiteX45" fmla="*/ 147447 w 419100"/>
                <a:gd name="connsiteY45" fmla="*/ 351377 h 419100"/>
                <a:gd name="connsiteX46" fmla="*/ 144589 w 419100"/>
                <a:gd name="connsiteY46" fmla="*/ 352425 h 419100"/>
                <a:gd name="connsiteX47" fmla="*/ 68389 w 419100"/>
                <a:gd name="connsiteY47" fmla="*/ 416147 h 419100"/>
                <a:gd name="connsiteX48" fmla="*/ 62484 w 419100"/>
                <a:gd name="connsiteY48" fmla="*/ 419100 h 419100"/>
                <a:gd name="connsiteX49" fmla="*/ 22384 w 419100"/>
                <a:gd name="connsiteY49" fmla="*/ 165068 h 419100"/>
                <a:gd name="connsiteX50" fmla="*/ 18002 w 419100"/>
                <a:gd name="connsiteY50" fmla="*/ 169450 h 419100"/>
                <a:gd name="connsiteX51" fmla="*/ 18002 w 419100"/>
                <a:gd name="connsiteY51" fmla="*/ 329946 h 419100"/>
                <a:gd name="connsiteX52" fmla="*/ 22384 w 419100"/>
                <a:gd name="connsiteY52" fmla="*/ 334328 h 419100"/>
                <a:gd name="connsiteX53" fmla="*/ 62579 w 419100"/>
                <a:gd name="connsiteY53" fmla="*/ 334328 h 419100"/>
                <a:gd name="connsiteX54" fmla="*/ 71533 w 419100"/>
                <a:gd name="connsiteY54" fmla="*/ 343281 h 419100"/>
                <a:gd name="connsiteX55" fmla="*/ 71533 w 419100"/>
                <a:gd name="connsiteY55" fmla="*/ 381381 h 419100"/>
                <a:gd name="connsiteX56" fmla="*/ 74009 w 419100"/>
                <a:gd name="connsiteY56" fmla="*/ 385382 h 419100"/>
                <a:gd name="connsiteX57" fmla="*/ 75914 w 419100"/>
                <a:gd name="connsiteY57" fmla="*/ 385382 h 419100"/>
                <a:gd name="connsiteX58" fmla="*/ 78676 w 419100"/>
                <a:gd name="connsiteY58" fmla="*/ 384429 h 419100"/>
                <a:gd name="connsiteX59" fmla="*/ 136969 w 419100"/>
                <a:gd name="connsiteY59" fmla="*/ 335851 h 419100"/>
                <a:gd name="connsiteX60" fmla="*/ 142780 w 419100"/>
                <a:gd name="connsiteY60" fmla="*/ 333756 h 419100"/>
                <a:gd name="connsiteX61" fmla="*/ 263080 w 419100"/>
                <a:gd name="connsiteY61" fmla="*/ 333756 h 419100"/>
                <a:gd name="connsiteX62" fmla="*/ 267462 w 419100"/>
                <a:gd name="connsiteY62" fmla="*/ 329374 h 419100"/>
                <a:gd name="connsiteX63" fmla="*/ 267462 w 419100"/>
                <a:gd name="connsiteY63" fmla="*/ 169450 h 419100"/>
                <a:gd name="connsiteX64" fmla="*/ 263080 w 419100"/>
                <a:gd name="connsiteY64" fmla="*/ 165068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419100" h="419100">
                  <a:moveTo>
                    <a:pt x="62484" y="419100"/>
                  </a:moveTo>
                  <a:cubicBezTo>
                    <a:pt x="61170" y="419110"/>
                    <a:pt x="59865" y="418814"/>
                    <a:pt x="58674" y="418243"/>
                  </a:cubicBezTo>
                  <a:cubicBezTo>
                    <a:pt x="55588" y="416690"/>
                    <a:pt x="53588" y="413595"/>
                    <a:pt x="53435" y="410147"/>
                  </a:cubicBezTo>
                  <a:lnTo>
                    <a:pt x="53435" y="356616"/>
                  </a:lnTo>
                  <a:cubicBezTo>
                    <a:pt x="53435" y="354196"/>
                    <a:pt x="51473" y="352235"/>
                    <a:pt x="49054" y="352235"/>
                  </a:cubicBezTo>
                  <a:lnTo>
                    <a:pt x="22288" y="352235"/>
                  </a:lnTo>
                  <a:cubicBezTo>
                    <a:pt x="9982" y="352235"/>
                    <a:pt x="0" y="342255"/>
                    <a:pt x="0" y="329946"/>
                  </a:cubicBezTo>
                  <a:lnTo>
                    <a:pt x="0" y="169450"/>
                  </a:lnTo>
                  <a:cubicBezTo>
                    <a:pt x="0" y="157124"/>
                    <a:pt x="9963" y="147118"/>
                    <a:pt x="22288" y="147066"/>
                  </a:cubicBezTo>
                  <a:lnTo>
                    <a:pt x="262985" y="147066"/>
                  </a:lnTo>
                  <a:cubicBezTo>
                    <a:pt x="275349" y="147066"/>
                    <a:pt x="285369" y="157087"/>
                    <a:pt x="285369" y="169450"/>
                  </a:cubicBezTo>
                  <a:lnTo>
                    <a:pt x="285369" y="189643"/>
                  </a:lnTo>
                  <a:cubicBezTo>
                    <a:pt x="285350" y="190949"/>
                    <a:pt x="285950" y="192187"/>
                    <a:pt x="286988" y="192976"/>
                  </a:cubicBezTo>
                  <a:lnTo>
                    <a:pt x="340423" y="237553"/>
                  </a:lnTo>
                  <a:cubicBezTo>
                    <a:pt x="341224" y="238233"/>
                    <a:pt x="342233" y="238605"/>
                    <a:pt x="343281" y="238601"/>
                  </a:cubicBezTo>
                  <a:cubicBezTo>
                    <a:pt x="343881" y="238736"/>
                    <a:pt x="344491" y="238736"/>
                    <a:pt x="345091" y="238601"/>
                  </a:cubicBezTo>
                  <a:cubicBezTo>
                    <a:pt x="346624" y="237854"/>
                    <a:pt x="347624" y="236310"/>
                    <a:pt x="347663" y="234601"/>
                  </a:cubicBezTo>
                  <a:lnTo>
                    <a:pt x="347663" y="196501"/>
                  </a:lnTo>
                  <a:cubicBezTo>
                    <a:pt x="347653" y="191455"/>
                    <a:pt x="351577" y="187279"/>
                    <a:pt x="356616" y="186976"/>
                  </a:cubicBezTo>
                  <a:lnTo>
                    <a:pt x="396716" y="186976"/>
                  </a:lnTo>
                  <a:cubicBezTo>
                    <a:pt x="399136" y="186976"/>
                    <a:pt x="401098" y="185015"/>
                    <a:pt x="401098" y="182594"/>
                  </a:cubicBezTo>
                  <a:lnTo>
                    <a:pt x="401098" y="22384"/>
                  </a:lnTo>
                  <a:cubicBezTo>
                    <a:pt x="401098" y="19963"/>
                    <a:pt x="399136" y="18002"/>
                    <a:pt x="396716" y="18002"/>
                  </a:cubicBezTo>
                  <a:lnTo>
                    <a:pt x="156019" y="18002"/>
                  </a:lnTo>
                  <a:cubicBezTo>
                    <a:pt x="153600" y="18002"/>
                    <a:pt x="151638" y="19963"/>
                    <a:pt x="151638" y="22384"/>
                  </a:cubicBezTo>
                  <a:lnTo>
                    <a:pt x="151638" y="121825"/>
                  </a:lnTo>
                  <a:cubicBezTo>
                    <a:pt x="151638" y="126769"/>
                    <a:pt x="147628" y="130778"/>
                    <a:pt x="142684" y="130778"/>
                  </a:cubicBezTo>
                  <a:cubicBezTo>
                    <a:pt x="137741" y="130778"/>
                    <a:pt x="133731" y="126769"/>
                    <a:pt x="133731" y="121825"/>
                  </a:cubicBezTo>
                  <a:lnTo>
                    <a:pt x="133731" y="22384"/>
                  </a:lnTo>
                  <a:cubicBezTo>
                    <a:pt x="133731" y="10058"/>
                    <a:pt x="143694" y="52"/>
                    <a:pt x="156019" y="0"/>
                  </a:cubicBezTo>
                  <a:lnTo>
                    <a:pt x="396716" y="0"/>
                  </a:lnTo>
                  <a:cubicBezTo>
                    <a:pt x="409080" y="0"/>
                    <a:pt x="419100" y="10021"/>
                    <a:pt x="419100" y="22384"/>
                  </a:cubicBezTo>
                  <a:lnTo>
                    <a:pt x="419100" y="182785"/>
                  </a:lnTo>
                  <a:cubicBezTo>
                    <a:pt x="419100" y="195147"/>
                    <a:pt x="409080" y="205168"/>
                    <a:pt x="396716" y="205168"/>
                  </a:cubicBezTo>
                  <a:lnTo>
                    <a:pt x="369951" y="205168"/>
                  </a:lnTo>
                  <a:cubicBezTo>
                    <a:pt x="367551" y="205219"/>
                    <a:pt x="365617" y="207152"/>
                    <a:pt x="365569" y="209550"/>
                  </a:cubicBezTo>
                  <a:lnTo>
                    <a:pt x="365569" y="263081"/>
                  </a:lnTo>
                  <a:cubicBezTo>
                    <a:pt x="365569" y="268025"/>
                    <a:pt x="361559" y="272034"/>
                    <a:pt x="356616" y="272034"/>
                  </a:cubicBezTo>
                  <a:cubicBezTo>
                    <a:pt x="354501" y="272001"/>
                    <a:pt x="352454" y="271263"/>
                    <a:pt x="350806" y="269939"/>
                  </a:cubicBezTo>
                  <a:lnTo>
                    <a:pt x="292608" y="221361"/>
                  </a:lnTo>
                  <a:cubicBezTo>
                    <a:pt x="291808" y="220695"/>
                    <a:pt x="290798" y="220326"/>
                    <a:pt x="289750" y="220313"/>
                  </a:cubicBezTo>
                  <a:cubicBezTo>
                    <a:pt x="289122" y="220183"/>
                    <a:pt x="288474" y="220183"/>
                    <a:pt x="287846" y="220313"/>
                  </a:cubicBezTo>
                  <a:cubicBezTo>
                    <a:pt x="286312" y="221052"/>
                    <a:pt x="285350" y="222613"/>
                    <a:pt x="285369" y="224314"/>
                  </a:cubicBezTo>
                  <a:lnTo>
                    <a:pt x="285369" y="329089"/>
                  </a:lnTo>
                  <a:cubicBezTo>
                    <a:pt x="285312" y="341414"/>
                    <a:pt x="275311" y="351377"/>
                    <a:pt x="262985" y="351377"/>
                  </a:cubicBezTo>
                  <a:lnTo>
                    <a:pt x="147447" y="351377"/>
                  </a:lnTo>
                  <a:cubicBezTo>
                    <a:pt x="146399" y="351373"/>
                    <a:pt x="145390" y="351746"/>
                    <a:pt x="144589" y="352425"/>
                  </a:cubicBezTo>
                  <a:lnTo>
                    <a:pt x="68389" y="416147"/>
                  </a:lnTo>
                  <a:cubicBezTo>
                    <a:pt x="66865" y="417852"/>
                    <a:pt x="64760" y="418900"/>
                    <a:pt x="62484" y="419100"/>
                  </a:cubicBezTo>
                  <a:close/>
                  <a:moveTo>
                    <a:pt x="22384" y="165068"/>
                  </a:moveTo>
                  <a:cubicBezTo>
                    <a:pt x="19964" y="165068"/>
                    <a:pt x="18002" y="167029"/>
                    <a:pt x="18002" y="169450"/>
                  </a:cubicBezTo>
                  <a:lnTo>
                    <a:pt x="18002" y="329946"/>
                  </a:lnTo>
                  <a:cubicBezTo>
                    <a:pt x="18097" y="332324"/>
                    <a:pt x="20002" y="334230"/>
                    <a:pt x="22384" y="334328"/>
                  </a:cubicBezTo>
                  <a:lnTo>
                    <a:pt x="62579" y="334328"/>
                  </a:lnTo>
                  <a:cubicBezTo>
                    <a:pt x="67523" y="334328"/>
                    <a:pt x="71533" y="338337"/>
                    <a:pt x="71533" y="343281"/>
                  </a:cubicBezTo>
                  <a:lnTo>
                    <a:pt x="71533" y="381381"/>
                  </a:lnTo>
                  <a:cubicBezTo>
                    <a:pt x="71533" y="383076"/>
                    <a:pt x="72495" y="384624"/>
                    <a:pt x="74009" y="385382"/>
                  </a:cubicBezTo>
                  <a:cubicBezTo>
                    <a:pt x="74638" y="385515"/>
                    <a:pt x="75286" y="385515"/>
                    <a:pt x="75914" y="385382"/>
                  </a:cubicBezTo>
                  <a:cubicBezTo>
                    <a:pt x="76924" y="385415"/>
                    <a:pt x="77905" y="385075"/>
                    <a:pt x="78676" y="384429"/>
                  </a:cubicBezTo>
                  <a:lnTo>
                    <a:pt x="136969" y="335851"/>
                  </a:lnTo>
                  <a:cubicBezTo>
                    <a:pt x="138589" y="334471"/>
                    <a:pt x="140656" y="333726"/>
                    <a:pt x="142780" y="333756"/>
                  </a:cubicBezTo>
                  <a:lnTo>
                    <a:pt x="263080" y="333756"/>
                  </a:lnTo>
                  <a:cubicBezTo>
                    <a:pt x="265500" y="333756"/>
                    <a:pt x="267462" y="331794"/>
                    <a:pt x="267462" y="329374"/>
                  </a:cubicBezTo>
                  <a:lnTo>
                    <a:pt x="267462" y="169450"/>
                  </a:lnTo>
                  <a:cubicBezTo>
                    <a:pt x="267462" y="167029"/>
                    <a:pt x="265500" y="165068"/>
                    <a:pt x="263080" y="165068"/>
                  </a:cubicBezTo>
                  <a:close/>
                </a:path>
              </a:pathLst>
            </a:custGeom>
            <a:solidFill>
              <a:srgbClr val="265998"/>
            </a:solidFill>
            <a:ln w="9525" cap="flat">
              <a:noFill/>
              <a:prstDash val="solid"/>
              <a:miter/>
            </a:ln>
          </p:spPr>
          <p:txBody>
            <a:bodyPr rtlCol="0" anchor="ctr"/>
            <a:lstStyle/>
            <a:p>
              <a:endParaRPr lang="en-AU" sz="153"/>
            </a:p>
          </p:txBody>
        </p:sp>
      </p:grpSp>
      <p:grpSp>
        <p:nvGrpSpPr>
          <p:cNvPr id="112" name="Group 111">
            <a:extLst>
              <a:ext uri="{FF2B5EF4-FFF2-40B4-BE49-F238E27FC236}">
                <a16:creationId xmlns:a16="http://schemas.microsoft.com/office/drawing/2014/main" id="{FBABA400-0490-3753-9D05-3074542366E4}"/>
              </a:ext>
            </a:extLst>
          </p:cNvPr>
          <p:cNvGrpSpPr/>
          <p:nvPr/>
        </p:nvGrpSpPr>
        <p:grpSpPr>
          <a:xfrm>
            <a:off x="6210524" y="4080461"/>
            <a:ext cx="5504945" cy="807872"/>
            <a:chOff x="591055" y="2818474"/>
            <a:chExt cx="4799651" cy="807872"/>
          </a:xfrm>
        </p:grpSpPr>
        <p:sp>
          <p:nvSpPr>
            <p:cNvPr id="14" name="Rectangle 13">
              <a:extLst>
                <a:ext uri="{FF2B5EF4-FFF2-40B4-BE49-F238E27FC236}">
                  <a16:creationId xmlns:a16="http://schemas.microsoft.com/office/drawing/2014/main" id="{3DF26B5E-DCAF-FE90-D812-F0ED068BB516}"/>
                </a:ext>
              </a:extLst>
            </p:cNvPr>
            <p:cNvSpPr/>
            <p:nvPr/>
          </p:nvSpPr>
          <p:spPr>
            <a:xfrm>
              <a:off x="591055" y="2818474"/>
              <a:ext cx="4799651"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4BE9A23F-29AE-65E4-7F38-EFEF7FC53E8E}"/>
                </a:ext>
              </a:extLst>
            </p:cNvPr>
            <p:cNvSpPr txBox="1"/>
            <p:nvPr/>
          </p:nvSpPr>
          <p:spPr>
            <a:xfrm>
              <a:off x="1727784" y="2997771"/>
              <a:ext cx="3065498" cy="461665"/>
            </a:xfrm>
            <a:prstGeom prst="rect">
              <a:avLst/>
            </a:prstGeom>
            <a:noFill/>
          </p:spPr>
          <p:txBody>
            <a:bodyPr wrap="non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293</a:t>
              </a:r>
              <a:r>
                <a:rPr lang="en-US" sz="2400">
                  <a:solidFill>
                    <a:schemeClr val="bg2"/>
                  </a:solidFill>
                  <a:latin typeface="+mj-lt"/>
                  <a:ea typeface="Open Sans Extrabold" panose="020B0606030504020204" pitchFamily="34" charset="0"/>
                  <a:cs typeface="Open Sans Extrabold" panose="020B0606030504020204" pitchFamily="34" charset="0"/>
                </a:rPr>
                <a:t> </a:t>
              </a:r>
              <a:r>
                <a:rPr lang="en-US" sz="2400">
                  <a:solidFill>
                    <a:schemeClr val="bg2"/>
                  </a:solidFill>
                  <a:latin typeface="+mj-lt"/>
                  <a:ea typeface="Open Sans" panose="020B0606030504020204" pitchFamily="34" charset="0"/>
                  <a:cs typeface="Open Sans" panose="020B0606030504020204" pitchFamily="34" charset="0"/>
                </a:rPr>
                <a:t>survey</a:t>
              </a:r>
              <a:r>
                <a:rPr lang="en-US" sz="2400">
                  <a:solidFill>
                    <a:schemeClr val="bg2"/>
                  </a:solidFill>
                  <a:latin typeface="+mj-lt"/>
                  <a:ea typeface="Open Sans Extrabold" panose="020B0606030504020204" pitchFamily="34" charset="0"/>
                  <a:cs typeface="Open Sans Extrabold" panose="020B0606030504020204" pitchFamily="34" charset="0"/>
                </a:rPr>
                <a:t> participants</a:t>
              </a:r>
            </a:p>
          </p:txBody>
        </p:sp>
        <p:grpSp>
          <p:nvGrpSpPr>
            <p:cNvPr id="110" name="Group 109">
              <a:extLst>
                <a:ext uri="{FF2B5EF4-FFF2-40B4-BE49-F238E27FC236}">
                  <a16:creationId xmlns:a16="http://schemas.microsoft.com/office/drawing/2014/main" id="{DB0A9A75-AB7B-2307-1946-768E7BC3F72F}"/>
                </a:ext>
              </a:extLst>
            </p:cNvPr>
            <p:cNvGrpSpPr/>
            <p:nvPr/>
          </p:nvGrpSpPr>
          <p:grpSpPr>
            <a:xfrm>
              <a:off x="869272" y="2935088"/>
              <a:ext cx="594718" cy="534530"/>
              <a:chOff x="2925803" y="3254114"/>
              <a:chExt cx="728359" cy="727863"/>
            </a:xfrm>
          </p:grpSpPr>
          <p:sp>
            <p:nvSpPr>
              <p:cNvPr id="48" name="Freeform: Shape 68">
                <a:extLst>
                  <a:ext uri="{FF2B5EF4-FFF2-40B4-BE49-F238E27FC236}">
                    <a16:creationId xmlns:a16="http://schemas.microsoft.com/office/drawing/2014/main" id="{8FD8BE04-5D11-FCC6-D0F8-438BBC1FD8C8}"/>
                  </a:ext>
                </a:extLst>
              </p:cNvPr>
              <p:cNvSpPr/>
              <p:nvPr/>
            </p:nvSpPr>
            <p:spPr>
              <a:xfrm>
                <a:off x="2943172" y="3369907"/>
                <a:ext cx="506691" cy="588247"/>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chemeClr val="accent2">
                  <a:lumMod val="20000"/>
                  <a:lumOff val="80000"/>
                </a:schemeClr>
              </a:solidFill>
              <a:ln w="9525" cap="flat">
                <a:noFill/>
                <a:prstDash val="solid"/>
                <a:miter/>
              </a:ln>
            </p:spPr>
            <p:txBody>
              <a:bodyPr rtlCol="0" anchor="ctr"/>
              <a:lstStyle/>
              <a:p>
                <a:endParaRPr lang="en-AU" sz="153"/>
              </a:p>
            </p:txBody>
          </p:sp>
          <p:sp>
            <p:nvSpPr>
              <p:cNvPr id="49" name="Freeform: Shape 69">
                <a:extLst>
                  <a:ext uri="{FF2B5EF4-FFF2-40B4-BE49-F238E27FC236}">
                    <a16:creationId xmlns:a16="http://schemas.microsoft.com/office/drawing/2014/main" id="{BDBCE428-6FE6-0166-C365-1289D8535CD5}"/>
                  </a:ext>
                </a:extLst>
              </p:cNvPr>
              <p:cNvSpPr/>
              <p:nvPr/>
            </p:nvSpPr>
            <p:spPr>
              <a:xfrm>
                <a:off x="3042426" y="3280910"/>
                <a:ext cx="316288" cy="121585"/>
              </a:xfrm>
              <a:custGeom>
                <a:avLst/>
                <a:gdLst>
                  <a:gd name="connsiteX0" fmla="*/ 119634 w 182117"/>
                  <a:gd name="connsiteY0" fmla="*/ 22098 h 70008"/>
                  <a:gd name="connsiteX1" fmla="*/ 119634 w 182117"/>
                  <a:gd name="connsiteY1" fmla="*/ 0 h 70008"/>
                  <a:gd name="connsiteX2" fmla="*/ 59150 w 182117"/>
                  <a:gd name="connsiteY2" fmla="*/ 0 h 70008"/>
                  <a:gd name="connsiteX3" fmla="*/ 59150 w 182117"/>
                  <a:gd name="connsiteY3" fmla="*/ 22098 h 70008"/>
                  <a:gd name="connsiteX4" fmla="*/ 0 w 182117"/>
                  <a:gd name="connsiteY4" fmla="*/ 22098 h 70008"/>
                  <a:gd name="connsiteX5" fmla="*/ 0 w 182117"/>
                  <a:gd name="connsiteY5" fmla="*/ 70009 h 70008"/>
                  <a:gd name="connsiteX6" fmla="*/ 182118 w 182117"/>
                  <a:gd name="connsiteY6" fmla="*/ 70009 h 70008"/>
                  <a:gd name="connsiteX7" fmla="*/ 182118 w 182117"/>
                  <a:gd name="connsiteY7" fmla="*/ 22098 h 70008"/>
                  <a:gd name="connsiteX8" fmla="*/ 119634 w 182117"/>
                  <a:gd name="connsiteY8" fmla="*/ 22098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117" h="70008">
                    <a:moveTo>
                      <a:pt x="119634" y="22098"/>
                    </a:moveTo>
                    <a:lnTo>
                      <a:pt x="119634" y="0"/>
                    </a:lnTo>
                    <a:lnTo>
                      <a:pt x="59150" y="0"/>
                    </a:lnTo>
                    <a:lnTo>
                      <a:pt x="59150" y="22098"/>
                    </a:lnTo>
                    <a:lnTo>
                      <a:pt x="0" y="22098"/>
                    </a:lnTo>
                    <a:lnTo>
                      <a:pt x="0" y="70009"/>
                    </a:lnTo>
                    <a:lnTo>
                      <a:pt x="182118" y="70009"/>
                    </a:lnTo>
                    <a:lnTo>
                      <a:pt x="182118" y="22098"/>
                    </a:lnTo>
                    <a:lnTo>
                      <a:pt x="119634" y="22098"/>
                    </a:lnTo>
                    <a:close/>
                  </a:path>
                </a:pathLst>
              </a:custGeom>
              <a:solidFill>
                <a:schemeClr val="accent2">
                  <a:lumMod val="40000"/>
                  <a:lumOff val="60000"/>
                </a:schemeClr>
              </a:solidFill>
              <a:ln w="9525" cap="flat">
                <a:noFill/>
                <a:prstDash val="solid"/>
                <a:miter/>
              </a:ln>
            </p:spPr>
            <p:txBody>
              <a:bodyPr rtlCol="0" anchor="ctr"/>
              <a:lstStyle/>
              <a:p>
                <a:endParaRPr lang="en-AU" sz="153"/>
              </a:p>
            </p:txBody>
          </p:sp>
          <p:sp>
            <p:nvSpPr>
              <p:cNvPr id="50" name="Freeform: Shape 70">
                <a:extLst>
                  <a:ext uri="{FF2B5EF4-FFF2-40B4-BE49-F238E27FC236}">
                    <a16:creationId xmlns:a16="http://schemas.microsoft.com/office/drawing/2014/main" id="{CFFE5ACD-0C32-8C84-7106-3A6580E7C9BF}"/>
                  </a:ext>
                </a:extLst>
              </p:cNvPr>
              <p:cNvSpPr/>
              <p:nvPr/>
            </p:nvSpPr>
            <p:spPr>
              <a:xfrm>
                <a:off x="3551104" y="3435085"/>
                <a:ext cx="88997" cy="384610"/>
              </a:xfrm>
              <a:custGeom>
                <a:avLst/>
                <a:gdLst>
                  <a:gd name="connsiteX0" fmla="*/ 0 w 51244"/>
                  <a:gd name="connsiteY0" fmla="*/ 0 h 221456"/>
                  <a:gd name="connsiteX1" fmla="*/ 51245 w 51244"/>
                  <a:gd name="connsiteY1" fmla="*/ 0 h 221456"/>
                  <a:gd name="connsiteX2" fmla="*/ 51245 w 51244"/>
                  <a:gd name="connsiteY2" fmla="*/ 221456 h 221456"/>
                  <a:gd name="connsiteX3" fmla="*/ 0 w 51244"/>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244" h="221456">
                    <a:moveTo>
                      <a:pt x="0" y="0"/>
                    </a:moveTo>
                    <a:lnTo>
                      <a:pt x="51245" y="0"/>
                    </a:lnTo>
                    <a:lnTo>
                      <a:pt x="51245" y="221456"/>
                    </a:lnTo>
                    <a:lnTo>
                      <a:pt x="0" y="221456"/>
                    </a:lnTo>
                    <a:close/>
                  </a:path>
                </a:pathLst>
              </a:custGeom>
              <a:solidFill>
                <a:srgbClr val="FFFFFF"/>
              </a:solidFill>
              <a:ln w="9525" cap="flat">
                <a:noFill/>
                <a:prstDash val="solid"/>
                <a:miter/>
              </a:ln>
            </p:spPr>
            <p:txBody>
              <a:bodyPr rtlCol="0" anchor="ctr"/>
              <a:lstStyle/>
              <a:p>
                <a:endParaRPr lang="en-AU" sz="153"/>
              </a:p>
            </p:txBody>
          </p:sp>
          <p:sp>
            <p:nvSpPr>
              <p:cNvPr id="51" name="Freeform: Shape 71">
                <a:extLst>
                  <a:ext uri="{FF2B5EF4-FFF2-40B4-BE49-F238E27FC236}">
                    <a16:creationId xmlns:a16="http://schemas.microsoft.com/office/drawing/2014/main" id="{4D53B55D-97C4-087E-595E-2A532E661BE5}"/>
                  </a:ext>
                </a:extLst>
              </p:cNvPr>
              <p:cNvSpPr/>
              <p:nvPr/>
            </p:nvSpPr>
            <p:spPr>
              <a:xfrm>
                <a:off x="2925803" y="3254114"/>
                <a:ext cx="542590" cy="727863"/>
              </a:xfrm>
              <a:custGeom>
                <a:avLst/>
                <a:gdLst>
                  <a:gd name="connsiteX0" fmla="*/ 22670 w 312420"/>
                  <a:gd name="connsiteY0" fmla="*/ 419098 h 419099"/>
                  <a:gd name="connsiteX1" fmla="*/ 2 w 312420"/>
                  <a:gd name="connsiteY1" fmla="*/ 397000 h 419099"/>
                  <a:gd name="connsiteX2" fmla="*/ 0 w 312420"/>
                  <a:gd name="connsiteY2" fmla="*/ 396809 h 419099"/>
                  <a:gd name="connsiteX3" fmla="*/ 0 w 312420"/>
                  <a:gd name="connsiteY3" fmla="*/ 75912 h 419099"/>
                  <a:gd name="connsiteX4" fmla="*/ 22384 w 312420"/>
                  <a:gd name="connsiteY4" fmla="*/ 53528 h 419099"/>
                  <a:gd name="connsiteX5" fmla="*/ 49149 w 312420"/>
                  <a:gd name="connsiteY5" fmla="*/ 53528 h 419099"/>
                  <a:gd name="connsiteX6" fmla="*/ 53530 w 312420"/>
                  <a:gd name="connsiteY6" fmla="*/ 49147 h 419099"/>
                  <a:gd name="connsiteX7" fmla="*/ 53530 w 312420"/>
                  <a:gd name="connsiteY7" fmla="*/ 35812 h 419099"/>
                  <a:gd name="connsiteX8" fmla="*/ 62484 w 312420"/>
                  <a:gd name="connsiteY8" fmla="*/ 26763 h 419099"/>
                  <a:gd name="connsiteX9" fmla="*/ 110109 w 312420"/>
                  <a:gd name="connsiteY9" fmla="*/ 26763 h 419099"/>
                  <a:gd name="connsiteX10" fmla="*/ 113919 w 312420"/>
                  <a:gd name="connsiteY10" fmla="*/ 24572 h 419099"/>
                  <a:gd name="connsiteX11" fmla="*/ 180460 w 312420"/>
                  <a:gd name="connsiteY11" fmla="*/ 6437 h 419099"/>
                  <a:gd name="connsiteX12" fmla="*/ 198596 w 312420"/>
                  <a:gd name="connsiteY12" fmla="*/ 24572 h 419099"/>
                  <a:gd name="connsiteX13" fmla="*/ 202406 w 312420"/>
                  <a:gd name="connsiteY13" fmla="*/ 26763 h 419099"/>
                  <a:gd name="connsiteX14" fmla="*/ 250031 w 312420"/>
                  <a:gd name="connsiteY14" fmla="*/ 26763 h 419099"/>
                  <a:gd name="connsiteX15" fmla="*/ 258985 w 312420"/>
                  <a:gd name="connsiteY15" fmla="*/ 35812 h 419099"/>
                  <a:gd name="connsiteX16" fmla="*/ 258985 w 312420"/>
                  <a:gd name="connsiteY16" fmla="*/ 49147 h 419099"/>
                  <a:gd name="connsiteX17" fmla="*/ 263366 w 312420"/>
                  <a:gd name="connsiteY17" fmla="*/ 53528 h 419099"/>
                  <a:gd name="connsiteX18" fmla="*/ 290132 w 312420"/>
                  <a:gd name="connsiteY18" fmla="*/ 53528 h 419099"/>
                  <a:gd name="connsiteX19" fmla="*/ 312420 w 312420"/>
                  <a:gd name="connsiteY19" fmla="*/ 75912 h 419099"/>
                  <a:gd name="connsiteX20" fmla="*/ 312420 w 312420"/>
                  <a:gd name="connsiteY20" fmla="*/ 396809 h 419099"/>
                  <a:gd name="connsiteX21" fmla="*/ 290132 w 312420"/>
                  <a:gd name="connsiteY21" fmla="*/ 419098 h 419099"/>
                  <a:gd name="connsiteX22" fmla="*/ 22670 w 312420"/>
                  <a:gd name="connsiteY22" fmla="*/ 71531 h 419099"/>
                  <a:gd name="connsiteX23" fmla="*/ 18288 w 312420"/>
                  <a:gd name="connsiteY23" fmla="*/ 75912 h 419099"/>
                  <a:gd name="connsiteX24" fmla="*/ 18288 w 312420"/>
                  <a:gd name="connsiteY24" fmla="*/ 396809 h 419099"/>
                  <a:gd name="connsiteX25" fmla="*/ 22670 w 312420"/>
                  <a:gd name="connsiteY25" fmla="*/ 401191 h 419099"/>
                  <a:gd name="connsiteX26" fmla="*/ 290132 w 312420"/>
                  <a:gd name="connsiteY26" fmla="*/ 401191 h 419099"/>
                  <a:gd name="connsiteX27" fmla="*/ 294513 w 312420"/>
                  <a:gd name="connsiteY27" fmla="*/ 396809 h 419099"/>
                  <a:gd name="connsiteX28" fmla="*/ 294513 w 312420"/>
                  <a:gd name="connsiteY28" fmla="*/ 75912 h 419099"/>
                  <a:gd name="connsiteX29" fmla="*/ 290132 w 312420"/>
                  <a:gd name="connsiteY29" fmla="*/ 71531 h 419099"/>
                  <a:gd name="connsiteX30" fmla="*/ 263366 w 312420"/>
                  <a:gd name="connsiteY30" fmla="*/ 71531 h 419099"/>
                  <a:gd name="connsiteX31" fmla="*/ 258985 w 312420"/>
                  <a:gd name="connsiteY31" fmla="*/ 75912 h 419099"/>
                  <a:gd name="connsiteX32" fmla="*/ 258985 w 312420"/>
                  <a:gd name="connsiteY32" fmla="*/ 89247 h 419099"/>
                  <a:gd name="connsiteX33" fmla="*/ 250031 w 312420"/>
                  <a:gd name="connsiteY33" fmla="*/ 98201 h 419099"/>
                  <a:gd name="connsiteX34" fmla="*/ 62770 w 312420"/>
                  <a:gd name="connsiteY34" fmla="*/ 98201 h 419099"/>
                  <a:gd name="connsiteX35" fmla="*/ 53816 w 312420"/>
                  <a:gd name="connsiteY35" fmla="*/ 89247 h 419099"/>
                  <a:gd name="connsiteX36" fmla="*/ 53816 w 312420"/>
                  <a:gd name="connsiteY36" fmla="*/ 75912 h 419099"/>
                  <a:gd name="connsiteX37" fmla="*/ 49435 w 312420"/>
                  <a:gd name="connsiteY37" fmla="*/ 71531 h 419099"/>
                  <a:gd name="connsiteX38" fmla="*/ 76200 w 312420"/>
                  <a:gd name="connsiteY38" fmla="*/ 44765 h 419099"/>
                  <a:gd name="connsiteX39" fmla="*/ 71819 w 312420"/>
                  <a:gd name="connsiteY39" fmla="*/ 48956 h 419099"/>
                  <a:gd name="connsiteX40" fmla="*/ 71819 w 312420"/>
                  <a:gd name="connsiteY40" fmla="*/ 49147 h 419099"/>
                  <a:gd name="connsiteX41" fmla="*/ 71819 w 312420"/>
                  <a:gd name="connsiteY41" fmla="*/ 75912 h 419099"/>
                  <a:gd name="connsiteX42" fmla="*/ 76200 w 312420"/>
                  <a:gd name="connsiteY42" fmla="*/ 80294 h 419099"/>
                  <a:gd name="connsiteX43" fmla="*/ 236601 w 312420"/>
                  <a:gd name="connsiteY43" fmla="*/ 80294 h 419099"/>
                  <a:gd name="connsiteX44" fmla="*/ 240983 w 312420"/>
                  <a:gd name="connsiteY44" fmla="*/ 75912 h 419099"/>
                  <a:gd name="connsiteX45" fmla="*/ 240983 w 312420"/>
                  <a:gd name="connsiteY45" fmla="*/ 49147 h 419099"/>
                  <a:gd name="connsiteX46" fmla="*/ 236793 w 312420"/>
                  <a:gd name="connsiteY46" fmla="*/ 44765 h 419099"/>
                  <a:gd name="connsiteX47" fmla="*/ 236601 w 312420"/>
                  <a:gd name="connsiteY47" fmla="*/ 44765 h 419099"/>
                  <a:gd name="connsiteX48" fmla="*/ 194024 w 312420"/>
                  <a:gd name="connsiteY48" fmla="*/ 44765 h 419099"/>
                  <a:gd name="connsiteX49" fmla="*/ 185547 w 312420"/>
                  <a:gd name="connsiteY49" fmla="*/ 38764 h 419099"/>
                  <a:gd name="connsiteX50" fmla="*/ 146348 w 312420"/>
                  <a:gd name="connsiteY50" fmla="*/ 19572 h 419099"/>
                  <a:gd name="connsiteX51" fmla="*/ 127159 w 312420"/>
                  <a:gd name="connsiteY51" fmla="*/ 38764 h 419099"/>
                  <a:gd name="connsiteX52" fmla="*/ 118777 w 312420"/>
                  <a:gd name="connsiteY52" fmla="*/ 44765 h 419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420" h="419099">
                    <a:moveTo>
                      <a:pt x="22670" y="419098"/>
                    </a:moveTo>
                    <a:cubicBezTo>
                      <a:pt x="10308" y="419260"/>
                      <a:pt x="160" y="409363"/>
                      <a:pt x="2" y="397000"/>
                    </a:cubicBezTo>
                    <a:cubicBezTo>
                      <a:pt x="1" y="396933"/>
                      <a:pt x="0" y="396876"/>
                      <a:pt x="0" y="396809"/>
                    </a:cubicBezTo>
                    <a:lnTo>
                      <a:pt x="0" y="75912"/>
                    </a:lnTo>
                    <a:cubicBezTo>
                      <a:pt x="0" y="63549"/>
                      <a:pt x="10021" y="53528"/>
                      <a:pt x="22384" y="53528"/>
                    </a:cubicBezTo>
                    <a:lnTo>
                      <a:pt x="49149" y="53528"/>
                    </a:lnTo>
                    <a:cubicBezTo>
                      <a:pt x="51547" y="53481"/>
                      <a:pt x="53480" y="51547"/>
                      <a:pt x="53530" y="49147"/>
                    </a:cubicBezTo>
                    <a:lnTo>
                      <a:pt x="53530" y="35812"/>
                    </a:lnTo>
                    <a:cubicBezTo>
                      <a:pt x="53766" y="30954"/>
                      <a:pt x="57626" y="27049"/>
                      <a:pt x="62484" y="26763"/>
                    </a:cubicBezTo>
                    <a:lnTo>
                      <a:pt x="110109" y="26763"/>
                    </a:lnTo>
                    <a:cubicBezTo>
                      <a:pt x="111680" y="26772"/>
                      <a:pt x="113133" y="25934"/>
                      <a:pt x="113919" y="24572"/>
                    </a:cubicBezTo>
                    <a:cubicBezTo>
                      <a:pt x="127285" y="1188"/>
                      <a:pt x="157077" y="-6927"/>
                      <a:pt x="180460" y="6437"/>
                    </a:cubicBezTo>
                    <a:cubicBezTo>
                      <a:pt x="188016" y="10752"/>
                      <a:pt x="194278" y="17019"/>
                      <a:pt x="198596" y="24572"/>
                    </a:cubicBezTo>
                    <a:cubicBezTo>
                      <a:pt x="199409" y="25906"/>
                      <a:pt x="200845" y="26734"/>
                      <a:pt x="202406" y="26763"/>
                    </a:cubicBezTo>
                    <a:lnTo>
                      <a:pt x="250031" y="26763"/>
                    </a:lnTo>
                    <a:cubicBezTo>
                      <a:pt x="254889" y="27049"/>
                      <a:pt x="258749" y="30954"/>
                      <a:pt x="258985" y="35812"/>
                    </a:cubicBezTo>
                    <a:lnTo>
                      <a:pt x="258985" y="49147"/>
                    </a:lnTo>
                    <a:cubicBezTo>
                      <a:pt x="259035" y="51547"/>
                      <a:pt x="260968" y="53481"/>
                      <a:pt x="263366" y="53528"/>
                    </a:cubicBezTo>
                    <a:lnTo>
                      <a:pt x="290132" y="53528"/>
                    </a:lnTo>
                    <a:cubicBezTo>
                      <a:pt x="302457" y="53585"/>
                      <a:pt x="312420" y="63587"/>
                      <a:pt x="312420" y="75912"/>
                    </a:cubicBezTo>
                    <a:lnTo>
                      <a:pt x="312420" y="396809"/>
                    </a:lnTo>
                    <a:cubicBezTo>
                      <a:pt x="312420" y="409116"/>
                      <a:pt x="302441" y="419098"/>
                      <a:pt x="290132" y="419098"/>
                    </a:cubicBezTo>
                    <a:close/>
                    <a:moveTo>
                      <a:pt x="22670" y="71531"/>
                    </a:moveTo>
                    <a:cubicBezTo>
                      <a:pt x="20249" y="71531"/>
                      <a:pt x="18288" y="73493"/>
                      <a:pt x="18288" y="75912"/>
                    </a:cubicBezTo>
                    <a:lnTo>
                      <a:pt x="18288" y="396809"/>
                    </a:lnTo>
                    <a:cubicBezTo>
                      <a:pt x="18338" y="399210"/>
                      <a:pt x="20271" y="401143"/>
                      <a:pt x="22670" y="401191"/>
                    </a:cubicBezTo>
                    <a:lnTo>
                      <a:pt x="290132" y="401191"/>
                    </a:lnTo>
                    <a:cubicBezTo>
                      <a:pt x="292530" y="401143"/>
                      <a:pt x="294463" y="399210"/>
                      <a:pt x="294513" y="396809"/>
                    </a:cubicBezTo>
                    <a:lnTo>
                      <a:pt x="294513" y="75912"/>
                    </a:lnTo>
                    <a:cubicBezTo>
                      <a:pt x="294513" y="73493"/>
                      <a:pt x="292552" y="71531"/>
                      <a:pt x="290132" y="71531"/>
                    </a:cubicBezTo>
                    <a:lnTo>
                      <a:pt x="263366" y="71531"/>
                    </a:lnTo>
                    <a:cubicBezTo>
                      <a:pt x="260947" y="71531"/>
                      <a:pt x="258985" y="73493"/>
                      <a:pt x="258985" y="75912"/>
                    </a:cubicBezTo>
                    <a:lnTo>
                      <a:pt x="258985" y="89247"/>
                    </a:lnTo>
                    <a:cubicBezTo>
                      <a:pt x="258985" y="94190"/>
                      <a:pt x="254976" y="98201"/>
                      <a:pt x="250031" y="98201"/>
                    </a:cubicBezTo>
                    <a:lnTo>
                      <a:pt x="62770" y="98201"/>
                    </a:lnTo>
                    <a:cubicBezTo>
                      <a:pt x="57825" y="98201"/>
                      <a:pt x="53816" y="94190"/>
                      <a:pt x="53816" y="89247"/>
                    </a:cubicBezTo>
                    <a:lnTo>
                      <a:pt x="53816" y="75912"/>
                    </a:lnTo>
                    <a:cubicBezTo>
                      <a:pt x="53816" y="73493"/>
                      <a:pt x="51855" y="71531"/>
                      <a:pt x="49435" y="71531"/>
                    </a:cubicBezTo>
                    <a:close/>
                    <a:moveTo>
                      <a:pt x="76200" y="44765"/>
                    </a:moveTo>
                    <a:cubicBezTo>
                      <a:pt x="73833" y="44708"/>
                      <a:pt x="71872" y="46585"/>
                      <a:pt x="71819" y="48956"/>
                    </a:cubicBezTo>
                    <a:cubicBezTo>
                      <a:pt x="71817" y="49023"/>
                      <a:pt x="71817" y="49080"/>
                      <a:pt x="71819" y="49147"/>
                    </a:cubicBezTo>
                    <a:lnTo>
                      <a:pt x="71819" y="75912"/>
                    </a:lnTo>
                    <a:cubicBezTo>
                      <a:pt x="71819" y="78331"/>
                      <a:pt x="73780" y="80294"/>
                      <a:pt x="76200" y="80294"/>
                    </a:cubicBezTo>
                    <a:lnTo>
                      <a:pt x="236601" y="80294"/>
                    </a:lnTo>
                    <a:cubicBezTo>
                      <a:pt x="239020" y="80294"/>
                      <a:pt x="240983" y="78331"/>
                      <a:pt x="240983" y="75912"/>
                    </a:cubicBezTo>
                    <a:lnTo>
                      <a:pt x="240983" y="49147"/>
                    </a:lnTo>
                    <a:cubicBezTo>
                      <a:pt x="241036" y="46785"/>
                      <a:pt x="239160" y="44822"/>
                      <a:pt x="236793" y="44765"/>
                    </a:cubicBezTo>
                    <a:cubicBezTo>
                      <a:pt x="236730" y="44765"/>
                      <a:pt x="236665" y="44765"/>
                      <a:pt x="236601" y="44765"/>
                    </a:cubicBezTo>
                    <a:lnTo>
                      <a:pt x="194024" y="44765"/>
                    </a:lnTo>
                    <a:cubicBezTo>
                      <a:pt x="190261" y="44613"/>
                      <a:pt x="186938" y="42270"/>
                      <a:pt x="185547" y="38764"/>
                    </a:cubicBezTo>
                    <a:cubicBezTo>
                      <a:pt x="180022" y="22639"/>
                      <a:pt x="162471" y="14047"/>
                      <a:pt x="146348" y="19572"/>
                    </a:cubicBezTo>
                    <a:cubicBezTo>
                      <a:pt x="137331" y="22667"/>
                      <a:pt x="130249" y="29744"/>
                      <a:pt x="127159" y="38764"/>
                    </a:cubicBezTo>
                    <a:cubicBezTo>
                      <a:pt x="125936" y="42355"/>
                      <a:pt x="122567" y="44765"/>
                      <a:pt x="118777" y="44765"/>
                    </a:cubicBezTo>
                    <a:close/>
                  </a:path>
                </a:pathLst>
              </a:custGeom>
              <a:solidFill>
                <a:srgbClr val="265998"/>
              </a:solidFill>
              <a:ln w="9525" cap="flat">
                <a:noFill/>
                <a:prstDash val="solid"/>
                <a:miter/>
              </a:ln>
            </p:spPr>
            <p:txBody>
              <a:bodyPr rtlCol="0" anchor="ctr"/>
              <a:lstStyle/>
              <a:p>
                <a:endParaRPr lang="en-AU" sz="153"/>
              </a:p>
            </p:txBody>
          </p:sp>
          <p:sp>
            <p:nvSpPr>
              <p:cNvPr id="52" name="Freeform: Shape 72">
                <a:extLst>
                  <a:ext uri="{FF2B5EF4-FFF2-40B4-BE49-F238E27FC236}">
                    <a16:creationId xmlns:a16="http://schemas.microsoft.com/office/drawing/2014/main" id="{C30975DF-3F7A-A50A-BB0E-69DF8E8CDE49}"/>
                  </a:ext>
                </a:extLst>
              </p:cNvPr>
              <p:cNvSpPr/>
              <p:nvPr/>
            </p:nvSpPr>
            <p:spPr>
              <a:xfrm>
                <a:off x="3226586" y="3532762"/>
                <a:ext cx="147228" cy="31435"/>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p>
                <a:endParaRPr lang="en-AU" sz="153"/>
              </a:p>
            </p:txBody>
          </p:sp>
          <p:sp>
            <p:nvSpPr>
              <p:cNvPr id="53" name="Freeform: Shape 73">
                <a:extLst>
                  <a:ext uri="{FF2B5EF4-FFF2-40B4-BE49-F238E27FC236}">
                    <a16:creationId xmlns:a16="http://schemas.microsoft.com/office/drawing/2014/main" id="{61743AD8-D35B-B816-1FF1-A76EC366081A}"/>
                  </a:ext>
                </a:extLst>
              </p:cNvPr>
              <p:cNvSpPr/>
              <p:nvPr/>
            </p:nvSpPr>
            <p:spPr>
              <a:xfrm>
                <a:off x="3226586" y="3672050"/>
                <a:ext cx="147228" cy="31435"/>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p>
                <a:endParaRPr lang="en-AU" sz="153"/>
              </a:p>
            </p:txBody>
          </p:sp>
          <p:sp>
            <p:nvSpPr>
              <p:cNvPr id="54" name="Freeform: Shape 74">
                <a:extLst>
                  <a:ext uri="{FF2B5EF4-FFF2-40B4-BE49-F238E27FC236}">
                    <a16:creationId xmlns:a16="http://schemas.microsoft.com/office/drawing/2014/main" id="{B86617DA-20DE-CDA7-89AF-C22D7C5D25E5}"/>
                  </a:ext>
                </a:extLst>
              </p:cNvPr>
              <p:cNvSpPr/>
              <p:nvPr/>
            </p:nvSpPr>
            <p:spPr>
              <a:xfrm>
                <a:off x="3228362" y="3811590"/>
                <a:ext cx="146894" cy="31100"/>
              </a:xfrm>
              <a:custGeom>
                <a:avLst/>
                <a:gdLst>
                  <a:gd name="connsiteX0" fmla="*/ 8954 w 84581"/>
                  <a:gd name="connsiteY0" fmla="*/ 17907 h 17907"/>
                  <a:gd name="connsiteX1" fmla="*/ 0 w 84581"/>
                  <a:gd name="connsiteY1" fmla="*/ 8954 h 17907"/>
                  <a:gd name="connsiteX2" fmla="*/ 8954 w 84581"/>
                  <a:gd name="connsiteY2" fmla="*/ 0 h 17907"/>
                  <a:gd name="connsiteX3" fmla="*/ 75629 w 84581"/>
                  <a:gd name="connsiteY3" fmla="*/ 0 h 17907"/>
                  <a:gd name="connsiteX4" fmla="*/ 84582 w 84581"/>
                  <a:gd name="connsiteY4" fmla="*/ 8954 h 17907"/>
                  <a:gd name="connsiteX5" fmla="*/ 75629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4" y="17907"/>
                    </a:moveTo>
                    <a:cubicBezTo>
                      <a:pt x="4009" y="17907"/>
                      <a:pt x="0" y="13897"/>
                      <a:pt x="0" y="8954"/>
                    </a:cubicBezTo>
                    <a:cubicBezTo>
                      <a:pt x="0" y="4010"/>
                      <a:pt x="4009" y="0"/>
                      <a:pt x="8954" y="0"/>
                    </a:cubicBezTo>
                    <a:lnTo>
                      <a:pt x="75629" y="0"/>
                    </a:lnTo>
                    <a:cubicBezTo>
                      <a:pt x="80574" y="0"/>
                      <a:pt x="84582" y="4010"/>
                      <a:pt x="84582" y="8954"/>
                    </a:cubicBezTo>
                    <a:cubicBezTo>
                      <a:pt x="84582" y="13897"/>
                      <a:pt x="80574" y="17907"/>
                      <a:pt x="75629" y="17907"/>
                    </a:cubicBezTo>
                    <a:close/>
                  </a:path>
                </a:pathLst>
              </a:custGeom>
              <a:solidFill>
                <a:srgbClr val="265998"/>
              </a:solidFill>
              <a:ln w="9525" cap="flat">
                <a:noFill/>
                <a:prstDash val="solid"/>
                <a:miter/>
              </a:ln>
            </p:spPr>
            <p:txBody>
              <a:bodyPr rtlCol="0" anchor="ctr"/>
              <a:lstStyle/>
              <a:p>
                <a:endParaRPr lang="en-AU" sz="153"/>
              </a:p>
            </p:txBody>
          </p:sp>
          <p:sp>
            <p:nvSpPr>
              <p:cNvPr id="55" name="Freeform: Shape 76">
                <a:extLst>
                  <a:ext uri="{FF2B5EF4-FFF2-40B4-BE49-F238E27FC236}">
                    <a16:creationId xmlns:a16="http://schemas.microsoft.com/office/drawing/2014/main" id="{174A3E7F-4350-0625-9BF9-1A01BF2071BE}"/>
                  </a:ext>
                </a:extLst>
              </p:cNvPr>
              <p:cNvSpPr/>
              <p:nvPr/>
            </p:nvSpPr>
            <p:spPr>
              <a:xfrm>
                <a:off x="3020332" y="3488186"/>
                <a:ext cx="146773" cy="122247"/>
              </a:xfrm>
              <a:custGeom>
                <a:avLst/>
                <a:gdLst>
                  <a:gd name="connsiteX0" fmla="*/ 35011 w 84511"/>
                  <a:gd name="connsiteY0" fmla="*/ 70390 h 70389"/>
                  <a:gd name="connsiteX1" fmla="*/ 32058 w 84511"/>
                  <a:gd name="connsiteY1" fmla="*/ 69818 h 70389"/>
                  <a:gd name="connsiteX2" fmla="*/ 32058 w 84511"/>
                  <a:gd name="connsiteY2" fmla="*/ 69818 h 70389"/>
                  <a:gd name="connsiteX3" fmla="*/ 31391 w 84511"/>
                  <a:gd name="connsiteY3" fmla="*/ 69818 h 70389"/>
                  <a:gd name="connsiteX4" fmla="*/ 30534 w 84511"/>
                  <a:gd name="connsiteY4" fmla="*/ 69818 h 70389"/>
                  <a:gd name="connsiteX5" fmla="*/ 30534 w 84511"/>
                  <a:gd name="connsiteY5" fmla="*/ 69818 h 70389"/>
                  <a:gd name="connsiteX6" fmla="*/ 29867 w 84511"/>
                  <a:gd name="connsiteY6" fmla="*/ 69152 h 70389"/>
                  <a:gd name="connsiteX7" fmla="*/ 29010 w 84511"/>
                  <a:gd name="connsiteY7" fmla="*/ 68580 h 70389"/>
                  <a:gd name="connsiteX8" fmla="*/ 2626 w 84511"/>
                  <a:gd name="connsiteY8" fmla="*/ 42101 h 70389"/>
                  <a:gd name="connsiteX9" fmla="*/ 2620 w 84511"/>
                  <a:gd name="connsiteY9" fmla="*/ 29442 h 70389"/>
                  <a:gd name="connsiteX10" fmla="*/ 2626 w 84511"/>
                  <a:gd name="connsiteY10" fmla="*/ 29432 h 70389"/>
                  <a:gd name="connsiteX11" fmla="*/ 8912 w 84511"/>
                  <a:gd name="connsiteY11" fmla="*/ 26765 h 70389"/>
                  <a:gd name="connsiteX12" fmla="*/ 15294 w 84511"/>
                  <a:gd name="connsiteY12" fmla="*/ 29432 h 70389"/>
                  <a:gd name="connsiteX13" fmla="*/ 31105 w 84511"/>
                  <a:gd name="connsiteY13" fmla="*/ 45244 h 70389"/>
                  <a:gd name="connsiteX14" fmla="*/ 34249 w 84511"/>
                  <a:gd name="connsiteY14" fmla="*/ 46482 h 70389"/>
                  <a:gd name="connsiteX15" fmla="*/ 34249 w 84511"/>
                  <a:gd name="connsiteY15" fmla="*/ 46482 h 70389"/>
                  <a:gd name="connsiteX16" fmla="*/ 37487 w 84511"/>
                  <a:gd name="connsiteY16" fmla="*/ 44768 h 70389"/>
                  <a:gd name="connsiteX17" fmla="*/ 68348 w 84511"/>
                  <a:gd name="connsiteY17" fmla="*/ 3620 h 70389"/>
                  <a:gd name="connsiteX18" fmla="*/ 75492 w 84511"/>
                  <a:gd name="connsiteY18" fmla="*/ 0 h 70389"/>
                  <a:gd name="connsiteX19" fmla="*/ 80921 w 84511"/>
                  <a:gd name="connsiteY19" fmla="*/ 1810 h 70389"/>
                  <a:gd name="connsiteX20" fmla="*/ 84445 w 84511"/>
                  <a:gd name="connsiteY20" fmla="*/ 7715 h 70389"/>
                  <a:gd name="connsiteX21" fmla="*/ 82731 w 84511"/>
                  <a:gd name="connsiteY21" fmla="*/ 14383 h 70389"/>
                  <a:gd name="connsiteX22" fmla="*/ 42631 w 84511"/>
                  <a:gd name="connsiteY22" fmla="*/ 66104 h 70389"/>
                  <a:gd name="connsiteX23" fmla="*/ 41869 w 84511"/>
                  <a:gd name="connsiteY23" fmla="*/ 66865 h 70389"/>
                  <a:gd name="connsiteX24" fmla="*/ 41297 w 84511"/>
                  <a:gd name="connsiteY24" fmla="*/ 67628 h 70389"/>
                  <a:gd name="connsiteX25" fmla="*/ 40726 w 84511"/>
                  <a:gd name="connsiteY25" fmla="*/ 67628 h 70389"/>
                  <a:gd name="connsiteX26" fmla="*/ 39773 w 84511"/>
                  <a:gd name="connsiteY26" fmla="*/ 67628 h 70389"/>
                  <a:gd name="connsiteX27" fmla="*/ 38916 w 84511"/>
                  <a:gd name="connsiteY27" fmla="*/ 68294 h 70389"/>
                  <a:gd name="connsiteX28" fmla="*/ 38916 w 84511"/>
                  <a:gd name="connsiteY28" fmla="*/ 68294 h 70389"/>
                  <a:gd name="connsiteX29" fmla="*/ 35487 w 84511"/>
                  <a:gd name="connsiteY29" fmla="*/ 69056 h 703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11" h="70389">
                    <a:moveTo>
                      <a:pt x="35011" y="70390"/>
                    </a:moveTo>
                    <a:cubicBezTo>
                      <a:pt x="34000" y="70380"/>
                      <a:pt x="33000" y="70180"/>
                      <a:pt x="32058" y="69818"/>
                    </a:cubicBezTo>
                    <a:lnTo>
                      <a:pt x="32058" y="69818"/>
                    </a:lnTo>
                    <a:lnTo>
                      <a:pt x="31391" y="69818"/>
                    </a:lnTo>
                    <a:lnTo>
                      <a:pt x="30534" y="69818"/>
                    </a:lnTo>
                    <a:lnTo>
                      <a:pt x="30534" y="69818"/>
                    </a:lnTo>
                    <a:lnTo>
                      <a:pt x="29867" y="69152"/>
                    </a:lnTo>
                    <a:lnTo>
                      <a:pt x="29010" y="68580"/>
                    </a:lnTo>
                    <a:lnTo>
                      <a:pt x="2626" y="42101"/>
                    </a:lnTo>
                    <a:cubicBezTo>
                      <a:pt x="-873" y="38605"/>
                      <a:pt x="-876" y="32938"/>
                      <a:pt x="2620" y="29442"/>
                    </a:cubicBezTo>
                    <a:cubicBezTo>
                      <a:pt x="2622" y="29432"/>
                      <a:pt x="2624" y="29432"/>
                      <a:pt x="2626" y="29432"/>
                    </a:cubicBezTo>
                    <a:cubicBezTo>
                      <a:pt x="4268" y="27718"/>
                      <a:pt x="6540" y="26756"/>
                      <a:pt x="8912" y="26765"/>
                    </a:cubicBezTo>
                    <a:cubicBezTo>
                      <a:pt x="11298" y="26822"/>
                      <a:pt x="13576" y="27775"/>
                      <a:pt x="15294" y="29432"/>
                    </a:cubicBezTo>
                    <a:lnTo>
                      <a:pt x="31105" y="45244"/>
                    </a:lnTo>
                    <a:cubicBezTo>
                      <a:pt x="31946" y="46063"/>
                      <a:pt x="33077" y="46511"/>
                      <a:pt x="34249" y="46482"/>
                    </a:cubicBezTo>
                    <a:lnTo>
                      <a:pt x="34249" y="46482"/>
                    </a:lnTo>
                    <a:cubicBezTo>
                      <a:pt x="35527" y="46415"/>
                      <a:pt x="36710" y="45787"/>
                      <a:pt x="37487" y="44768"/>
                    </a:cubicBezTo>
                    <a:lnTo>
                      <a:pt x="68348" y="3620"/>
                    </a:lnTo>
                    <a:cubicBezTo>
                      <a:pt x="70017" y="1343"/>
                      <a:pt x="72670" y="0"/>
                      <a:pt x="75492" y="0"/>
                    </a:cubicBezTo>
                    <a:cubicBezTo>
                      <a:pt x="77445" y="29"/>
                      <a:pt x="79340" y="667"/>
                      <a:pt x="80921" y="1810"/>
                    </a:cubicBezTo>
                    <a:cubicBezTo>
                      <a:pt x="82790" y="3267"/>
                      <a:pt x="84047" y="5372"/>
                      <a:pt x="84445" y="7715"/>
                    </a:cubicBezTo>
                    <a:cubicBezTo>
                      <a:pt x="84725" y="10077"/>
                      <a:pt x="84114" y="12449"/>
                      <a:pt x="82731" y="14383"/>
                    </a:cubicBezTo>
                    <a:lnTo>
                      <a:pt x="42631" y="66104"/>
                    </a:lnTo>
                    <a:lnTo>
                      <a:pt x="41869" y="66865"/>
                    </a:lnTo>
                    <a:lnTo>
                      <a:pt x="41297" y="67628"/>
                    </a:lnTo>
                    <a:lnTo>
                      <a:pt x="40726" y="67628"/>
                    </a:lnTo>
                    <a:lnTo>
                      <a:pt x="39773" y="67628"/>
                    </a:lnTo>
                    <a:lnTo>
                      <a:pt x="38916" y="68294"/>
                    </a:lnTo>
                    <a:lnTo>
                      <a:pt x="38916" y="68294"/>
                    </a:lnTo>
                    <a:cubicBezTo>
                      <a:pt x="37835" y="68771"/>
                      <a:pt x="36669" y="69028"/>
                      <a:pt x="35487" y="69056"/>
                    </a:cubicBezTo>
                    <a:close/>
                  </a:path>
                </a:pathLst>
              </a:custGeom>
              <a:solidFill>
                <a:srgbClr val="265998"/>
              </a:solidFill>
              <a:ln w="9525" cap="flat">
                <a:noFill/>
                <a:prstDash val="solid"/>
                <a:miter/>
              </a:ln>
            </p:spPr>
            <p:txBody>
              <a:bodyPr rtlCol="0" anchor="ctr"/>
              <a:lstStyle/>
              <a:p>
                <a:endParaRPr lang="en-AU" sz="153"/>
              </a:p>
            </p:txBody>
          </p:sp>
          <p:sp>
            <p:nvSpPr>
              <p:cNvPr id="56" name="Freeform: Shape 77">
                <a:extLst>
                  <a:ext uri="{FF2B5EF4-FFF2-40B4-BE49-F238E27FC236}">
                    <a16:creationId xmlns:a16="http://schemas.microsoft.com/office/drawing/2014/main" id="{9AAABA68-761F-A710-9051-2D0FC03BEB02}"/>
                  </a:ext>
                </a:extLst>
              </p:cNvPr>
              <p:cNvSpPr/>
              <p:nvPr/>
            </p:nvSpPr>
            <p:spPr>
              <a:xfrm>
                <a:off x="3020332" y="3627637"/>
                <a:ext cx="146757" cy="123242"/>
              </a:xfrm>
              <a:custGeom>
                <a:avLst/>
                <a:gdLst>
                  <a:gd name="connsiteX0" fmla="*/ 35011 w 84502"/>
                  <a:gd name="connsiteY0" fmla="*/ 70391 h 70962"/>
                  <a:gd name="connsiteX1" fmla="*/ 32058 w 84502"/>
                  <a:gd name="connsiteY1" fmla="*/ 69724 h 70962"/>
                  <a:gd name="connsiteX2" fmla="*/ 32058 w 84502"/>
                  <a:gd name="connsiteY2" fmla="*/ 69724 h 70962"/>
                  <a:gd name="connsiteX3" fmla="*/ 31391 w 84502"/>
                  <a:gd name="connsiteY3" fmla="*/ 69724 h 70962"/>
                  <a:gd name="connsiteX4" fmla="*/ 30534 w 84502"/>
                  <a:gd name="connsiteY4" fmla="*/ 69724 h 70962"/>
                  <a:gd name="connsiteX5" fmla="*/ 30534 w 84502"/>
                  <a:gd name="connsiteY5" fmla="*/ 69724 h 70962"/>
                  <a:gd name="connsiteX6" fmla="*/ 29867 w 84502"/>
                  <a:gd name="connsiteY6" fmla="*/ 69057 h 70962"/>
                  <a:gd name="connsiteX7" fmla="*/ 29010 w 84502"/>
                  <a:gd name="connsiteY7" fmla="*/ 68486 h 70962"/>
                  <a:gd name="connsiteX8" fmla="*/ 2626 w 84502"/>
                  <a:gd name="connsiteY8" fmla="*/ 42006 h 70962"/>
                  <a:gd name="connsiteX9" fmla="*/ 2620 w 84502"/>
                  <a:gd name="connsiteY9" fmla="*/ 29348 h 70962"/>
                  <a:gd name="connsiteX10" fmla="*/ 2626 w 84502"/>
                  <a:gd name="connsiteY10" fmla="*/ 29338 h 70962"/>
                  <a:gd name="connsiteX11" fmla="*/ 8912 w 84502"/>
                  <a:gd name="connsiteY11" fmla="*/ 26671 h 70962"/>
                  <a:gd name="connsiteX12" fmla="*/ 15294 w 84502"/>
                  <a:gd name="connsiteY12" fmla="*/ 29338 h 70962"/>
                  <a:gd name="connsiteX13" fmla="*/ 31105 w 84502"/>
                  <a:gd name="connsiteY13" fmla="*/ 45150 h 70962"/>
                  <a:gd name="connsiteX14" fmla="*/ 34249 w 84502"/>
                  <a:gd name="connsiteY14" fmla="*/ 46483 h 70962"/>
                  <a:gd name="connsiteX15" fmla="*/ 34249 w 84502"/>
                  <a:gd name="connsiteY15" fmla="*/ 46483 h 70962"/>
                  <a:gd name="connsiteX16" fmla="*/ 37487 w 84502"/>
                  <a:gd name="connsiteY16" fmla="*/ 44673 h 70962"/>
                  <a:gd name="connsiteX17" fmla="*/ 68348 w 84502"/>
                  <a:gd name="connsiteY17" fmla="*/ 3525 h 70962"/>
                  <a:gd name="connsiteX18" fmla="*/ 75492 w 84502"/>
                  <a:gd name="connsiteY18" fmla="*/ 1 h 70962"/>
                  <a:gd name="connsiteX19" fmla="*/ 80921 w 84502"/>
                  <a:gd name="connsiteY19" fmla="*/ 1716 h 70962"/>
                  <a:gd name="connsiteX20" fmla="*/ 84445 w 84502"/>
                  <a:gd name="connsiteY20" fmla="*/ 7716 h 70962"/>
                  <a:gd name="connsiteX21" fmla="*/ 82731 w 84502"/>
                  <a:gd name="connsiteY21" fmla="*/ 14288 h 70962"/>
                  <a:gd name="connsiteX22" fmla="*/ 42916 w 84502"/>
                  <a:gd name="connsiteY22" fmla="*/ 67343 h 70962"/>
                  <a:gd name="connsiteX23" fmla="*/ 42154 w 84502"/>
                  <a:gd name="connsiteY23" fmla="*/ 68105 h 70962"/>
                  <a:gd name="connsiteX24" fmla="*/ 41583 w 84502"/>
                  <a:gd name="connsiteY24" fmla="*/ 68962 h 70962"/>
                  <a:gd name="connsiteX25" fmla="*/ 41011 w 84502"/>
                  <a:gd name="connsiteY25" fmla="*/ 68962 h 70962"/>
                  <a:gd name="connsiteX26" fmla="*/ 40059 w 84502"/>
                  <a:gd name="connsiteY26" fmla="*/ 69533 h 70962"/>
                  <a:gd name="connsiteX27" fmla="*/ 39202 w 84502"/>
                  <a:gd name="connsiteY27" fmla="*/ 70105 h 70962"/>
                  <a:gd name="connsiteX28" fmla="*/ 39202 w 84502"/>
                  <a:gd name="connsiteY28" fmla="*/ 70105 h 70962"/>
                  <a:gd name="connsiteX29" fmla="*/ 35773 w 84502"/>
                  <a:gd name="connsiteY29"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02" h="70962">
                    <a:moveTo>
                      <a:pt x="35011" y="70391"/>
                    </a:moveTo>
                    <a:cubicBezTo>
                      <a:pt x="33995" y="70343"/>
                      <a:pt x="32996" y="70115"/>
                      <a:pt x="32058" y="69724"/>
                    </a:cubicBezTo>
                    <a:lnTo>
                      <a:pt x="32058" y="69724"/>
                    </a:lnTo>
                    <a:lnTo>
                      <a:pt x="31391" y="69724"/>
                    </a:lnTo>
                    <a:lnTo>
                      <a:pt x="30534" y="69724"/>
                    </a:lnTo>
                    <a:lnTo>
                      <a:pt x="30534" y="69724"/>
                    </a:lnTo>
                    <a:lnTo>
                      <a:pt x="29867" y="69057"/>
                    </a:lnTo>
                    <a:lnTo>
                      <a:pt x="29010" y="68486"/>
                    </a:lnTo>
                    <a:lnTo>
                      <a:pt x="2626" y="42006"/>
                    </a:lnTo>
                    <a:cubicBezTo>
                      <a:pt x="-873" y="38510"/>
                      <a:pt x="-876" y="32843"/>
                      <a:pt x="2620" y="29348"/>
                    </a:cubicBezTo>
                    <a:cubicBezTo>
                      <a:pt x="2622" y="29338"/>
                      <a:pt x="2624" y="29338"/>
                      <a:pt x="2626" y="29338"/>
                    </a:cubicBezTo>
                    <a:cubicBezTo>
                      <a:pt x="4268" y="27624"/>
                      <a:pt x="6540" y="26661"/>
                      <a:pt x="8912" y="26671"/>
                    </a:cubicBezTo>
                    <a:cubicBezTo>
                      <a:pt x="11298" y="26728"/>
                      <a:pt x="13576" y="27681"/>
                      <a:pt x="15294" y="29338"/>
                    </a:cubicBezTo>
                    <a:lnTo>
                      <a:pt x="31105" y="45150"/>
                    </a:lnTo>
                    <a:cubicBezTo>
                      <a:pt x="31936" y="45988"/>
                      <a:pt x="33066" y="46473"/>
                      <a:pt x="34249" y="46483"/>
                    </a:cubicBezTo>
                    <a:lnTo>
                      <a:pt x="34249" y="46483"/>
                    </a:lnTo>
                    <a:cubicBezTo>
                      <a:pt x="35539" y="46378"/>
                      <a:pt x="36720" y="45721"/>
                      <a:pt x="37487" y="44673"/>
                    </a:cubicBezTo>
                    <a:lnTo>
                      <a:pt x="68348" y="3525"/>
                    </a:lnTo>
                    <a:cubicBezTo>
                      <a:pt x="70027" y="1277"/>
                      <a:pt x="72683" y="-37"/>
                      <a:pt x="75492" y="1"/>
                    </a:cubicBezTo>
                    <a:cubicBezTo>
                      <a:pt x="77434" y="1"/>
                      <a:pt x="79329" y="601"/>
                      <a:pt x="80921" y="1716"/>
                    </a:cubicBezTo>
                    <a:cubicBezTo>
                      <a:pt x="82811" y="3201"/>
                      <a:pt x="84069" y="5344"/>
                      <a:pt x="84445" y="7716"/>
                    </a:cubicBezTo>
                    <a:cubicBezTo>
                      <a:pt x="84701" y="10040"/>
                      <a:pt x="84091" y="12383"/>
                      <a:pt x="82731" y="14288"/>
                    </a:cubicBezTo>
                    <a:lnTo>
                      <a:pt x="42916" y="67343"/>
                    </a:lnTo>
                    <a:lnTo>
                      <a:pt x="42154" y="68105"/>
                    </a:lnTo>
                    <a:cubicBezTo>
                      <a:pt x="41901" y="68343"/>
                      <a:pt x="41706" y="68638"/>
                      <a:pt x="41583" y="68962"/>
                    </a:cubicBezTo>
                    <a:lnTo>
                      <a:pt x="41011" y="68962"/>
                    </a:lnTo>
                    <a:lnTo>
                      <a:pt x="40059" y="69533"/>
                    </a:lnTo>
                    <a:lnTo>
                      <a:pt x="39202" y="70105"/>
                    </a:lnTo>
                    <a:lnTo>
                      <a:pt x="39202" y="70105"/>
                    </a:lnTo>
                    <a:cubicBezTo>
                      <a:pt x="38110" y="70572"/>
                      <a:pt x="36954" y="70857"/>
                      <a:pt x="35773" y="70962"/>
                    </a:cubicBezTo>
                    <a:close/>
                  </a:path>
                </a:pathLst>
              </a:custGeom>
              <a:solidFill>
                <a:srgbClr val="265998"/>
              </a:solidFill>
              <a:ln w="9525" cap="flat">
                <a:noFill/>
                <a:prstDash val="solid"/>
                <a:miter/>
              </a:ln>
            </p:spPr>
            <p:txBody>
              <a:bodyPr rtlCol="0" anchor="ctr"/>
              <a:lstStyle/>
              <a:p>
                <a:endParaRPr lang="en-AU" sz="153"/>
              </a:p>
            </p:txBody>
          </p:sp>
          <p:sp>
            <p:nvSpPr>
              <p:cNvPr id="57" name="Freeform: Shape 78">
                <a:extLst>
                  <a:ext uri="{FF2B5EF4-FFF2-40B4-BE49-F238E27FC236}">
                    <a16:creationId xmlns:a16="http://schemas.microsoft.com/office/drawing/2014/main" id="{BCFBD6AC-2154-4833-2951-821A5F2C8DEB}"/>
                  </a:ext>
                </a:extLst>
              </p:cNvPr>
              <p:cNvSpPr/>
              <p:nvPr/>
            </p:nvSpPr>
            <p:spPr>
              <a:xfrm>
                <a:off x="3019637" y="3765269"/>
                <a:ext cx="146476" cy="123904"/>
              </a:xfrm>
              <a:custGeom>
                <a:avLst/>
                <a:gdLst>
                  <a:gd name="connsiteX0" fmla="*/ 35410 w 84340"/>
                  <a:gd name="connsiteY0" fmla="*/ 71343 h 71343"/>
                  <a:gd name="connsiteX1" fmla="*/ 32458 w 84340"/>
                  <a:gd name="connsiteY1" fmla="*/ 70677 h 71343"/>
                  <a:gd name="connsiteX2" fmla="*/ 32458 w 84340"/>
                  <a:gd name="connsiteY2" fmla="*/ 70677 h 71343"/>
                  <a:gd name="connsiteX3" fmla="*/ 31791 w 84340"/>
                  <a:gd name="connsiteY3" fmla="*/ 70677 h 71343"/>
                  <a:gd name="connsiteX4" fmla="*/ 30934 w 84340"/>
                  <a:gd name="connsiteY4" fmla="*/ 70677 h 71343"/>
                  <a:gd name="connsiteX5" fmla="*/ 30934 w 84340"/>
                  <a:gd name="connsiteY5" fmla="*/ 70677 h 71343"/>
                  <a:gd name="connsiteX6" fmla="*/ 30267 w 84340"/>
                  <a:gd name="connsiteY6" fmla="*/ 70105 h 71343"/>
                  <a:gd name="connsiteX7" fmla="*/ 28838 w 84340"/>
                  <a:gd name="connsiteY7" fmla="*/ 68486 h 71343"/>
                  <a:gd name="connsiteX8" fmla="*/ 2454 w 84340"/>
                  <a:gd name="connsiteY8" fmla="*/ 42102 h 71343"/>
                  <a:gd name="connsiteX9" fmla="*/ 2454 w 84340"/>
                  <a:gd name="connsiteY9" fmla="*/ 29338 h 71343"/>
                  <a:gd name="connsiteX10" fmla="*/ 8740 w 84340"/>
                  <a:gd name="connsiteY10" fmla="*/ 26766 h 71343"/>
                  <a:gd name="connsiteX11" fmla="*/ 15122 w 84340"/>
                  <a:gd name="connsiteY11" fmla="*/ 29338 h 71343"/>
                  <a:gd name="connsiteX12" fmla="*/ 30934 w 84340"/>
                  <a:gd name="connsiteY12" fmla="*/ 45245 h 71343"/>
                  <a:gd name="connsiteX13" fmla="*/ 34077 w 84340"/>
                  <a:gd name="connsiteY13" fmla="*/ 46483 h 71343"/>
                  <a:gd name="connsiteX14" fmla="*/ 34077 w 84340"/>
                  <a:gd name="connsiteY14" fmla="*/ 46483 h 71343"/>
                  <a:gd name="connsiteX15" fmla="*/ 37315 w 84340"/>
                  <a:gd name="connsiteY15" fmla="*/ 44769 h 71343"/>
                  <a:gd name="connsiteX16" fmla="*/ 68176 w 84340"/>
                  <a:gd name="connsiteY16" fmla="*/ 3620 h 71343"/>
                  <a:gd name="connsiteX17" fmla="*/ 75320 w 84340"/>
                  <a:gd name="connsiteY17" fmla="*/ 1 h 71343"/>
                  <a:gd name="connsiteX18" fmla="*/ 80749 w 84340"/>
                  <a:gd name="connsiteY18" fmla="*/ 1811 h 71343"/>
                  <a:gd name="connsiteX19" fmla="*/ 84274 w 84340"/>
                  <a:gd name="connsiteY19" fmla="*/ 7716 h 71343"/>
                  <a:gd name="connsiteX20" fmla="*/ 82559 w 84340"/>
                  <a:gd name="connsiteY20" fmla="*/ 14384 h 71343"/>
                  <a:gd name="connsiteX21" fmla="*/ 42745 w 84340"/>
                  <a:gd name="connsiteY21" fmla="*/ 67438 h 71343"/>
                  <a:gd name="connsiteX22" fmla="*/ 41983 w 84340"/>
                  <a:gd name="connsiteY22" fmla="*/ 68105 h 71343"/>
                  <a:gd name="connsiteX23" fmla="*/ 41411 w 84340"/>
                  <a:gd name="connsiteY23" fmla="*/ 68962 h 71343"/>
                  <a:gd name="connsiteX24" fmla="*/ 40840 w 84340"/>
                  <a:gd name="connsiteY24" fmla="*/ 68962 h 71343"/>
                  <a:gd name="connsiteX25" fmla="*/ 39887 w 84340"/>
                  <a:gd name="connsiteY25" fmla="*/ 69533 h 71343"/>
                  <a:gd name="connsiteX26" fmla="*/ 39030 w 84340"/>
                  <a:gd name="connsiteY26" fmla="*/ 70105 h 71343"/>
                  <a:gd name="connsiteX27" fmla="*/ 39030 w 84340"/>
                  <a:gd name="connsiteY27" fmla="*/ 70105 h 71343"/>
                  <a:gd name="connsiteX28" fmla="*/ 35601 w 84340"/>
                  <a:gd name="connsiteY28" fmla="*/ 70962 h 71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340" h="71343">
                    <a:moveTo>
                      <a:pt x="35410" y="71343"/>
                    </a:moveTo>
                    <a:cubicBezTo>
                      <a:pt x="34389" y="71343"/>
                      <a:pt x="33381" y="71115"/>
                      <a:pt x="32458" y="70677"/>
                    </a:cubicBezTo>
                    <a:lnTo>
                      <a:pt x="32458" y="70677"/>
                    </a:lnTo>
                    <a:lnTo>
                      <a:pt x="31791" y="70677"/>
                    </a:lnTo>
                    <a:lnTo>
                      <a:pt x="30934" y="70677"/>
                    </a:lnTo>
                    <a:lnTo>
                      <a:pt x="30934" y="70677"/>
                    </a:lnTo>
                    <a:lnTo>
                      <a:pt x="30267" y="70105"/>
                    </a:lnTo>
                    <a:lnTo>
                      <a:pt x="28838" y="68486"/>
                    </a:lnTo>
                    <a:lnTo>
                      <a:pt x="2454" y="42102"/>
                    </a:lnTo>
                    <a:cubicBezTo>
                      <a:pt x="-818" y="38472"/>
                      <a:pt x="-818" y="32967"/>
                      <a:pt x="2454" y="29338"/>
                    </a:cubicBezTo>
                    <a:cubicBezTo>
                      <a:pt x="4106" y="27652"/>
                      <a:pt x="6380" y="26718"/>
                      <a:pt x="8740" y="26766"/>
                    </a:cubicBezTo>
                    <a:cubicBezTo>
                      <a:pt x="11125" y="26738"/>
                      <a:pt x="13422" y="27661"/>
                      <a:pt x="15122" y="29338"/>
                    </a:cubicBezTo>
                    <a:lnTo>
                      <a:pt x="30934" y="45245"/>
                    </a:lnTo>
                    <a:cubicBezTo>
                      <a:pt x="31799" y="46016"/>
                      <a:pt x="32915" y="46464"/>
                      <a:pt x="34077" y="46483"/>
                    </a:cubicBezTo>
                    <a:lnTo>
                      <a:pt x="34077" y="46483"/>
                    </a:lnTo>
                    <a:cubicBezTo>
                      <a:pt x="35342" y="46369"/>
                      <a:pt x="36508" y="45750"/>
                      <a:pt x="37315" y="44769"/>
                    </a:cubicBezTo>
                    <a:lnTo>
                      <a:pt x="68176" y="3620"/>
                    </a:lnTo>
                    <a:cubicBezTo>
                      <a:pt x="69845" y="1344"/>
                      <a:pt x="72498" y="1"/>
                      <a:pt x="75320" y="1"/>
                    </a:cubicBezTo>
                    <a:cubicBezTo>
                      <a:pt x="77282" y="-28"/>
                      <a:pt x="79197" y="610"/>
                      <a:pt x="80749" y="1811"/>
                    </a:cubicBezTo>
                    <a:cubicBezTo>
                      <a:pt x="82618" y="3268"/>
                      <a:pt x="83875" y="5373"/>
                      <a:pt x="84274" y="7716"/>
                    </a:cubicBezTo>
                    <a:cubicBezTo>
                      <a:pt x="84554" y="10078"/>
                      <a:pt x="83942" y="12450"/>
                      <a:pt x="82559" y="14384"/>
                    </a:cubicBezTo>
                    <a:lnTo>
                      <a:pt x="42745" y="67438"/>
                    </a:lnTo>
                    <a:cubicBezTo>
                      <a:pt x="42745" y="67438"/>
                      <a:pt x="42745" y="67438"/>
                      <a:pt x="41983" y="68105"/>
                    </a:cubicBezTo>
                    <a:cubicBezTo>
                      <a:pt x="41749" y="68362"/>
                      <a:pt x="41556" y="68648"/>
                      <a:pt x="41411" y="68962"/>
                    </a:cubicBezTo>
                    <a:lnTo>
                      <a:pt x="40840" y="68962"/>
                    </a:lnTo>
                    <a:lnTo>
                      <a:pt x="39887" y="69533"/>
                    </a:lnTo>
                    <a:lnTo>
                      <a:pt x="39030" y="70105"/>
                    </a:lnTo>
                    <a:lnTo>
                      <a:pt x="39030" y="70105"/>
                    </a:lnTo>
                    <a:cubicBezTo>
                      <a:pt x="37970" y="70657"/>
                      <a:pt x="36795" y="70953"/>
                      <a:pt x="35601" y="70962"/>
                    </a:cubicBezTo>
                    <a:close/>
                  </a:path>
                </a:pathLst>
              </a:custGeom>
              <a:solidFill>
                <a:srgbClr val="265998"/>
              </a:solidFill>
              <a:ln w="9525" cap="flat">
                <a:noFill/>
                <a:prstDash val="solid"/>
                <a:miter/>
              </a:ln>
            </p:spPr>
            <p:txBody>
              <a:bodyPr rtlCol="0" anchor="ctr"/>
              <a:lstStyle/>
              <a:p>
                <a:endParaRPr lang="en-AU" sz="153"/>
              </a:p>
            </p:txBody>
          </p:sp>
          <p:sp>
            <p:nvSpPr>
              <p:cNvPr id="58" name="Freeform: Shape 79">
                <a:extLst>
                  <a:ext uri="{FF2B5EF4-FFF2-40B4-BE49-F238E27FC236}">
                    <a16:creationId xmlns:a16="http://schemas.microsoft.com/office/drawing/2014/main" id="{11A25791-CAB8-0261-3C64-8360605C92F3}"/>
                  </a:ext>
                </a:extLst>
              </p:cNvPr>
              <p:cNvSpPr/>
              <p:nvPr/>
            </p:nvSpPr>
            <p:spPr>
              <a:xfrm>
                <a:off x="3181879" y="3323920"/>
                <a:ext cx="31098" cy="31098"/>
              </a:xfrm>
              <a:custGeom>
                <a:avLst/>
                <a:gdLst>
                  <a:gd name="connsiteX0" fmla="*/ 17907 w 17906"/>
                  <a:gd name="connsiteY0" fmla="*/ 8954 h 17906"/>
                  <a:gd name="connsiteX1" fmla="*/ 8954 w 17906"/>
                  <a:gd name="connsiteY1" fmla="*/ 17907 h 17906"/>
                  <a:gd name="connsiteX2" fmla="*/ 0 w 17906"/>
                  <a:gd name="connsiteY2" fmla="*/ 8954 h 17906"/>
                  <a:gd name="connsiteX3" fmla="*/ 8954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8" y="17907"/>
                      <a:pt x="8954" y="17907"/>
                    </a:cubicBezTo>
                    <a:cubicBezTo>
                      <a:pt x="4009" y="17907"/>
                      <a:pt x="0" y="13898"/>
                      <a:pt x="0" y="8954"/>
                    </a:cubicBezTo>
                    <a:cubicBezTo>
                      <a:pt x="0" y="4009"/>
                      <a:pt x="4009" y="0"/>
                      <a:pt x="8954" y="0"/>
                    </a:cubicBezTo>
                    <a:cubicBezTo>
                      <a:pt x="13898" y="0"/>
                      <a:pt x="17907" y="4009"/>
                      <a:pt x="17907" y="8954"/>
                    </a:cubicBezTo>
                    <a:close/>
                  </a:path>
                </a:pathLst>
              </a:custGeom>
              <a:solidFill>
                <a:srgbClr val="265998"/>
              </a:solidFill>
              <a:ln w="9525" cap="flat">
                <a:noFill/>
                <a:prstDash val="solid"/>
                <a:miter/>
              </a:ln>
            </p:spPr>
            <p:txBody>
              <a:bodyPr rtlCol="0" anchor="ctr"/>
              <a:lstStyle/>
              <a:p>
                <a:endParaRPr lang="en-AU" sz="153"/>
              </a:p>
            </p:txBody>
          </p:sp>
          <p:sp>
            <p:nvSpPr>
              <p:cNvPr id="59" name="Freeform: Shape 88">
                <a:extLst>
                  <a:ext uri="{FF2B5EF4-FFF2-40B4-BE49-F238E27FC236}">
                    <a16:creationId xmlns:a16="http://schemas.microsoft.com/office/drawing/2014/main" id="{6C16BE74-735C-F0A6-A48F-5ED881DEA3C0}"/>
                  </a:ext>
                </a:extLst>
              </p:cNvPr>
              <p:cNvSpPr/>
              <p:nvPr/>
            </p:nvSpPr>
            <p:spPr>
              <a:xfrm>
                <a:off x="3550418" y="3426980"/>
                <a:ext cx="85605" cy="384610"/>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rgbClr val="C7E4F1"/>
              </a:solidFill>
              <a:ln w="9525" cap="flat">
                <a:noFill/>
                <a:prstDash val="solid"/>
                <a:miter/>
              </a:ln>
            </p:spPr>
            <p:txBody>
              <a:bodyPr rtlCol="0" anchor="ctr"/>
              <a:lstStyle/>
              <a:p>
                <a:endParaRPr lang="en-AU" sz="153"/>
              </a:p>
            </p:txBody>
          </p:sp>
          <p:sp>
            <p:nvSpPr>
              <p:cNvPr id="60" name="Freeform: Shape 75">
                <a:extLst>
                  <a:ext uri="{FF2B5EF4-FFF2-40B4-BE49-F238E27FC236}">
                    <a16:creationId xmlns:a16="http://schemas.microsoft.com/office/drawing/2014/main" id="{FEB4B505-F3E9-B74B-64B0-E8FC1278B611}"/>
                  </a:ext>
                </a:extLst>
              </p:cNvPr>
              <p:cNvSpPr/>
              <p:nvPr/>
            </p:nvSpPr>
            <p:spPr>
              <a:xfrm>
                <a:off x="3529268" y="3347080"/>
                <a:ext cx="124894" cy="634896"/>
              </a:xfrm>
              <a:custGeom>
                <a:avLst/>
                <a:gdLst>
                  <a:gd name="connsiteX0" fmla="*/ 36195 w 71913"/>
                  <a:gd name="connsiteY0" fmla="*/ 365570 h 365569"/>
                  <a:gd name="connsiteX1" fmla="*/ 27241 w 71913"/>
                  <a:gd name="connsiteY1" fmla="*/ 356616 h 365569"/>
                  <a:gd name="connsiteX2" fmla="*/ 27241 w 71913"/>
                  <a:gd name="connsiteY2" fmla="*/ 329851 h 365569"/>
                  <a:gd name="connsiteX3" fmla="*/ 22860 w 71913"/>
                  <a:gd name="connsiteY3" fmla="*/ 325469 h 365569"/>
                  <a:gd name="connsiteX4" fmla="*/ 13906 w 71913"/>
                  <a:gd name="connsiteY4" fmla="*/ 316516 h 365569"/>
                  <a:gd name="connsiteX5" fmla="*/ 13906 w 71913"/>
                  <a:gd name="connsiteY5" fmla="*/ 290227 h 365569"/>
                  <a:gd name="connsiteX6" fmla="*/ 9525 w 71913"/>
                  <a:gd name="connsiteY6" fmla="*/ 285845 h 365569"/>
                  <a:gd name="connsiteX7" fmla="*/ 0 w 71913"/>
                  <a:gd name="connsiteY7" fmla="*/ 276892 h 365569"/>
                  <a:gd name="connsiteX8" fmla="*/ 0 w 71913"/>
                  <a:gd name="connsiteY8" fmla="*/ 49054 h 365569"/>
                  <a:gd name="connsiteX9" fmla="*/ 9525 w 71913"/>
                  <a:gd name="connsiteY9" fmla="*/ 40100 h 365569"/>
                  <a:gd name="connsiteX10" fmla="*/ 13906 w 71913"/>
                  <a:gd name="connsiteY10" fmla="*/ 35719 h 365569"/>
                  <a:gd name="connsiteX11" fmla="*/ 13906 w 71913"/>
                  <a:gd name="connsiteY11" fmla="*/ 8954 h 365569"/>
                  <a:gd name="connsiteX12" fmla="*/ 22860 w 71913"/>
                  <a:gd name="connsiteY12" fmla="*/ 0 h 365569"/>
                  <a:gd name="connsiteX13" fmla="*/ 49625 w 71913"/>
                  <a:gd name="connsiteY13" fmla="*/ 0 h 365569"/>
                  <a:gd name="connsiteX14" fmla="*/ 58579 w 71913"/>
                  <a:gd name="connsiteY14" fmla="*/ 8954 h 365569"/>
                  <a:gd name="connsiteX15" fmla="*/ 58579 w 71913"/>
                  <a:gd name="connsiteY15" fmla="*/ 35719 h 365569"/>
                  <a:gd name="connsiteX16" fmla="*/ 62960 w 71913"/>
                  <a:gd name="connsiteY16" fmla="*/ 40100 h 365569"/>
                  <a:gd name="connsiteX17" fmla="*/ 71914 w 71913"/>
                  <a:gd name="connsiteY17" fmla="*/ 49054 h 365569"/>
                  <a:gd name="connsiteX18" fmla="*/ 71914 w 71913"/>
                  <a:gd name="connsiteY18" fmla="*/ 276415 h 365569"/>
                  <a:gd name="connsiteX19" fmla="*/ 62960 w 71913"/>
                  <a:gd name="connsiteY19" fmla="*/ 285369 h 365569"/>
                  <a:gd name="connsiteX20" fmla="*/ 58579 w 71913"/>
                  <a:gd name="connsiteY20" fmla="*/ 289751 h 365569"/>
                  <a:gd name="connsiteX21" fmla="*/ 58579 w 71913"/>
                  <a:gd name="connsiteY21" fmla="*/ 316516 h 365569"/>
                  <a:gd name="connsiteX22" fmla="*/ 49625 w 71913"/>
                  <a:gd name="connsiteY22" fmla="*/ 325469 h 365569"/>
                  <a:gd name="connsiteX23" fmla="*/ 45244 w 71913"/>
                  <a:gd name="connsiteY23" fmla="*/ 329851 h 365569"/>
                  <a:gd name="connsiteX24" fmla="*/ 45244 w 71913"/>
                  <a:gd name="connsiteY24" fmla="*/ 356902 h 365569"/>
                  <a:gd name="connsiteX25" fmla="*/ 36195 w 71913"/>
                  <a:gd name="connsiteY25" fmla="*/ 365570 h 365569"/>
                  <a:gd name="connsiteX26" fmla="*/ 22860 w 71913"/>
                  <a:gd name="connsiteY26" fmla="*/ 58103 h 365569"/>
                  <a:gd name="connsiteX27" fmla="*/ 18478 w 71913"/>
                  <a:gd name="connsiteY27" fmla="*/ 62484 h 365569"/>
                  <a:gd name="connsiteX28" fmla="*/ 18478 w 71913"/>
                  <a:gd name="connsiteY28" fmla="*/ 262509 h 365569"/>
                  <a:gd name="connsiteX29" fmla="*/ 22860 w 71913"/>
                  <a:gd name="connsiteY29" fmla="*/ 266986 h 365569"/>
                  <a:gd name="connsiteX30" fmla="*/ 49625 w 71913"/>
                  <a:gd name="connsiteY30" fmla="*/ 266986 h 365569"/>
                  <a:gd name="connsiteX31" fmla="*/ 54007 w 71913"/>
                  <a:gd name="connsiteY31" fmla="*/ 262509 h 365569"/>
                  <a:gd name="connsiteX32" fmla="*/ 54007 w 71913"/>
                  <a:gd name="connsiteY32" fmla="*/ 62484 h 365569"/>
                  <a:gd name="connsiteX33" fmla="*/ 49625 w 71913"/>
                  <a:gd name="connsiteY33" fmla="*/ 58103 h 36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1913" h="365569">
                    <a:moveTo>
                      <a:pt x="36195" y="365570"/>
                    </a:moveTo>
                    <a:cubicBezTo>
                      <a:pt x="31250" y="365570"/>
                      <a:pt x="27241" y="361560"/>
                      <a:pt x="27241" y="356616"/>
                    </a:cubicBezTo>
                    <a:lnTo>
                      <a:pt x="27241" y="329851"/>
                    </a:lnTo>
                    <a:cubicBezTo>
                      <a:pt x="27191" y="327450"/>
                      <a:pt x="25258" y="325517"/>
                      <a:pt x="22860" y="325469"/>
                    </a:cubicBezTo>
                    <a:cubicBezTo>
                      <a:pt x="17915" y="325469"/>
                      <a:pt x="13906" y="321459"/>
                      <a:pt x="13906" y="316516"/>
                    </a:cubicBezTo>
                    <a:lnTo>
                      <a:pt x="13906" y="290227"/>
                    </a:lnTo>
                    <a:cubicBezTo>
                      <a:pt x="13856" y="287826"/>
                      <a:pt x="11923" y="285893"/>
                      <a:pt x="9525" y="285845"/>
                    </a:cubicBezTo>
                    <a:cubicBezTo>
                      <a:pt x="4480" y="285855"/>
                      <a:pt x="303" y="281930"/>
                      <a:pt x="0" y="276892"/>
                    </a:cubicBezTo>
                    <a:lnTo>
                      <a:pt x="0" y="49054"/>
                    </a:lnTo>
                    <a:cubicBezTo>
                      <a:pt x="303" y="44015"/>
                      <a:pt x="4480" y="40091"/>
                      <a:pt x="9525" y="40100"/>
                    </a:cubicBezTo>
                    <a:cubicBezTo>
                      <a:pt x="11923" y="40053"/>
                      <a:pt x="13856" y="38119"/>
                      <a:pt x="13906" y="35719"/>
                    </a:cubicBezTo>
                    <a:lnTo>
                      <a:pt x="13906" y="8954"/>
                    </a:lnTo>
                    <a:cubicBezTo>
                      <a:pt x="13906" y="4010"/>
                      <a:pt x="17916" y="0"/>
                      <a:pt x="22860" y="0"/>
                    </a:cubicBezTo>
                    <a:lnTo>
                      <a:pt x="49625" y="0"/>
                    </a:lnTo>
                    <a:cubicBezTo>
                      <a:pt x="54571" y="0"/>
                      <a:pt x="58579" y="4010"/>
                      <a:pt x="58579" y="8954"/>
                    </a:cubicBezTo>
                    <a:lnTo>
                      <a:pt x="58579" y="35719"/>
                    </a:lnTo>
                    <a:cubicBezTo>
                      <a:pt x="58629" y="38119"/>
                      <a:pt x="60562" y="40053"/>
                      <a:pt x="62960" y="40100"/>
                    </a:cubicBezTo>
                    <a:cubicBezTo>
                      <a:pt x="67905" y="40100"/>
                      <a:pt x="71914" y="44110"/>
                      <a:pt x="71914" y="49054"/>
                    </a:cubicBezTo>
                    <a:lnTo>
                      <a:pt x="71914" y="276415"/>
                    </a:lnTo>
                    <a:cubicBezTo>
                      <a:pt x="71914" y="281359"/>
                      <a:pt x="67905" y="285369"/>
                      <a:pt x="62960" y="285369"/>
                    </a:cubicBezTo>
                    <a:cubicBezTo>
                      <a:pt x="60562" y="285417"/>
                      <a:pt x="58629" y="287350"/>
                      <a:pt x="58579" y="289751"/>
                    </a:cubicBezTo>
                    <a:lnTo>
                      <a:pt x="58579" y="316516"/>
                    </a:lnTo>
                    <a:cubicBezTo>
                      <a:pt x="58579" y="321459"/>
                      <a:pt x="54570" y="325469"/>
                      <a:pt x="49625" y="325469"/>
                    </a:cubicBezTo>
                    <a:cubicBezTo>
                      <a:pt x="47205" y="325469"/>
                      <a:pt x="45244" y="327431"/>
                      <a:pt x="45244" y="329851"/>
                    </a:cubicBezTo>
                    <a:lnTo>
                      <a:pt x="45244" y="356902"/>
                    </a:lnTo>
                    <a:cubicBezTo>
                      <a:pt x="44820" y="361645"/>
                      <a:pt x="40955" y="365350"/>
                      <a:pt x="36195" y="365570"/>
                    </a:cubicBezTo>
                    <a:close/>
                    <a:moveTo>
                      <a:pt x="22860" y="58103"/>
                    </a:moveTo>
                    <a:cubicBezTo>
                      <a:pt x="20440" y="58103"/>
                      <a:pt x="18478" y="60065"/>
                      <a:pt x="18478" y="62484"/>
                    </a:cubicBezTo>
                    <a:lnTo>
                      <a:pt x="18478" y="262509"/>
                    </a:lnTo>
                    <a:cubicBezTo>
                      <a:pt x="18478" y="264948"/>
                      <a:pt x="20424" y="266938"/>
                      <a:pt x="22860" y="266986"/>
                    </a:cubicBezTo>
                    <a:lnTo>
                      <a:pt x="49625" y="266986"/>
                    </a:lnTo>
                    <a:cubicBezTo>
                      <a:pt x="52061" y="266938"/>
                      <a:pt x="54008" y="264948"/>
                      <a:pt x="54007" y="262509"/>
                    </a:cubicBezTo>
                    <a:lnTo>
                      <a:pt x="54007" y="62484"/>
                    </a:lnTo>
                    <a:cubicBezTo>
                      <a:pt x="54007" y="60065"/>
                      <a:pt x="52046" y="58103"/>
                      <a:pt x="49625" y="58103"/>
                    </a:cubicBezTo>
                    <a:close/>
                  </a:path>
                </a:pathLst>
              </a:custGeom>
              <a:solidFill>
                <a:srgbClr val="265998"/>
              </a:solidFill>
              <a:ln w="9525" cap="flat">
                <a:noFill/>
                <a:prstDash val="solid"/>
                <a:miter/>
              </a:ln>
            </p:spPr>
            <p:txBody>
              <a:bodyPr rtlCol="0" anchor="ctr"/>
              <a:lstStyle/>
              <a:p>
                <a:endParaRPr lang="en-AU" sz="153"/>
              </a:p>
            </p:txBody>
          </p:sp>
        </p:grpSp>
      </p:grpSp>
      <p:sp>
        <p:nvSpPr>
          <p:cNvPr id="96" name="TextBox 95">
            <a:extLst>
              <a:ext uri="{FF2B5EF4-FFF2-40B4-BE49-F238E27FC236}">
                <a16:creationId xmlns:a16="http://schemas.microsoft.com/office/drawing/2014/main" id="{6C83C7F4-082C-4E21-343F-0986B215A55A}"/>
              </a:ext>
            </a:extLst>
          </p:cNvPr>
          <p:cNvSpPr txBox="1"/>
          <p:nvPr/>
        </p:nvSpPr>
        <p:spPr>
          <a:xfrm>
            <a:off x="569994" y="1107422"/>
            <a:ext cx="9158556" cy="1613903"/>
          </a:xfrm>
          <a:prstGeom prst="rect">
            <a:avLst/>
          </a:prstGeom>
          <a:noFill/>
        </p:spPr>
        <p:txBody>
          <a:bodyPr wrap="square">
            <a:spAutoFit/>
          </a:bodyPr>
          <a:lstStyle/>
          <a:p>
            <a:pPr>
              <a:lnSpc>
                <a:spcPts val="2400"/>
              </a:lnSpc>
              <a:spcAft>
                <a:spcPts val="800"/>
              </a:spcAft>
            </a:pPr>
            <a:r>
              <a:rPr lang="en-AU" sz="1800" b="0">
                <a:solidFill>
                  <a:schemeClr val="tx1"/>
                </a:solidFill>
                <a:latin typeface="Open Sans" panose="020B0606030504020204" pitchFamily="34" charset="0"/>
                <a:ea typeface="Open Sans" panose="020B0606030504020204" pitchFamily="34" charset="0"/>
                <a:cs typeface="Open Sans" panose="020B0606030504020204" pitchFamily="34" charset="0"/>
              </a:rPr>
              <a:t>We heard from people with lived and living experience of mental ill health and suicide, their supporters, family</a:t>
            </a:r>
            <a:r>
              <a:rPr lang="en-AU">
                <a:latin typeface="Open Sans" panose="020B0606030504020204" pitchFamily="34" charset="0"/>
                <a:ea typeface="Open Sans" panose="020B0606030504020204" pitchFamily="34" charset="0"/>
                <a:cs typeface="Open Sans" panose="020B0606030504020204" pitchFamily="34" charset="0"/>
              </a:rPr>
              <a:t>, </a:t>
            </a:r>
            <a:r>
              <a:rPr lang="en-AU" sz="1800" b="0">
                <a:solidFill>
                  <a:schemeClr val="tx1"/>
                </a:solidFill>
                <a:latin typeface="Open Sans" panose="020B0606030504020204" pitchFamily="34" charset="0"/>
                <a:ea typeface="Open Sans" panose="020B0606030504020204" pitchFamily="34" charset="0"/>
                <a:cs typeface="Open Sans" panose="020B0606030504020204" pitchFamily="34" charset="0"/>
              </a:rPr>
              <a:t>carers and kin, peer workers, service providers, practitioners and researchers, peak bodies and associations, primary health networks, hospitals, mental health commissions and government departments</a:t>
            </a:r>
            <a:br>
              <a:rPr lang="en-AU" sz="1800" b="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AU" sz="1800" b="0">
                <a:solidFill>
                  <a:schemeClr val="tx1"/>
                </a:solidFill>
                <a:latin typeface="Open Sans" panose="020B0606030504020204" pitchFamily="34" charset="0"/>
                <a:ea typeface="Open Sans" panose="020B0606030504020204" pitchFamily="34" charset="0"/>
                <a:cs typeface="Open Sans" panose="020B0606030504020204" pitchFamily="34" charset="0"/>
              </a:rPr>
              <a:t>in all states and territories </a:t>
            </a:r>
          </a:p>
        </p:txBody>
      </p:sp>
      <p:grpSp>
        <p:nvGrpSpPr>
          <p:cNvPr id="242" name="Group 241">
            <a:extLst>
              <a:ext uri="{FF2B5EF4-FFF2-40B4-BE49-F238E27FC236}">
                <a16:creationId xmlns:a16="http://schemas.microsoft.com/office/drawing/2014/main" id="{7DFF099A-C056-E13D-C9CC-F6C7FEB84B13}"/>
              </a:ext>
            </a:extLst>
          </p:cNvPr>
          <p:cNvGrpSpPr/>
          <p:nvPr/>
        </p:nvGrpSpPr>
        <p:grpSpPr>
          <a:xfrm>
            <a:off x="586078" y="3120463"/>
            <a:ext cx="5504945" cy="807872"/>
            <a:chOff x="586078" y="3671005"/>
            <a:chExt cx="5504945" cy="807872"/>
          </a:xfrm>
        </p:grpSpPr>
        <p:sp>
          <p:nvSpPr>
            <p:cNvPr id="115" name="Rectangle 114">
              <a:extLst>
                <a:ext uri="{FF2B5EF4-FFF2-40B4-BE49-F238E27FC236}">
                  <a16:creationId xmlns:a16="http://schemas.microsoft.com/office/drawing/2014/main" id="{B4AF59CE-4C22-609D-E964-14EE2E00A5B0}"/>
                </a:ext>
              </a:extLst>
            </p:cNvPr>
            <p:cNvSpPr/>
            <p:nvPr/>
          </p:nvSpPr>
          <p:spPr>
            <a:xfrm>
              <a:off x="586078" y="3671005"/>
              <a:ext cx="5504945"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TextBox 115">
              <a:extLst>
                <a:ext uri="{FF2B5EF4-FFF2-40B4-BE49-F238E27FC236}">
                  <a16:creationId xmlns:a16="http://schemas.microsoft.com/office/drawing/2014/main" id="{344B5EFB-734A-72C6-C63C-9BEF07B3053F}"/>
                </a:ext>
              </a:extLst>
            </p:cNvPr>
            <p:cNvSpPr txBox="1"/>
            <p:nvPr/>
          </p:nvSpPr>
          <p:spPr>
            <a:xfrm>
              <a:off x="1769598" y="3859328"/>
              <a:ext cx="2581156" cy="461665"/>
            </a:xfrm>
            <a:prstGeom prst="rect">
              <a:avLst/>
            </a:prstGeom>
            <a:noFill/>
          </p:spPr>
          <p:txBody>
            <a:bodyPr wrap="non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244</a:t>
              </a:r>
              <a:r>
                <a:rPr lang="en-US" sz="2400">
                  <a:solidFill>
                    <a:schemeClr val="bg2"/>
                  </a:solidFill>
                  <a:latin typeface="+mj-lt"/>
                  <a:ea typeface="Open Sans Extrabold" panose="020B0606030504020204" pitchFamily="34" charset="0"/>
                  <a:cs typeface="Open Sans Extrabold" panose="020B0606030504020204" pitchFamily="34" charset="0"/>
                </a:rPr>
                <a:t> </a:t>
              </a:r>
              <a:r>
                <a:rPr lang="en-US" sz="2400">
                  <a:solidFill>
                    <a:schemeClr val="bg2"/>
                  </a:solidFill>
                  <a:latin typeface="+mj-lt"/>
                  <a:ea typeface="Open Sans" panose="020B0606030504020204" pitchFamily="34" charset="0"/>
                  <a:cs typeface="Open Sans" panose="020B0606030504020204" pitchFamily="34" charset="0"/>
                </a:rPr>
                <a:t>submissions</a:t>
              </a:r>
              <a:endParaRPr lang="en-US" sz="2400">
                <a:solidFill>
                  <a:schemeClr val="bg2"/>
                </a:solidFill>
                <a:latin typeface="+mj-lt"/>
                <a:ea typeface="Open Sans Extrabold" panose="020B0606030504020204" pitchFamily="34" charset="0"/>
                <a:cs typeface="Open Sans Extrabold" panose="020B0606030504020204" pitchFamily="34" charset="0"/>
              </a:endParaRPr>
            </a:p>
          </p:txBody>
        </p:sp>
        <p:grpSp>
          <p:nvGrpSpPr>
            <p:cNvPr id="151" name="Group 150">
              <a:extLst>
                <a:ext uri="{FF2B5EF4-FFF2-40B4-BE49-F238E27FC236}">
                  <a16:creationId xmlns:a16="http://schemas.microsoft.com/office/drawing/2014/main" id="{E7C6C902-7C91-0BD3-3FE9-4E0D1B185564}"/>
                </a:ext>
              </a:extLst>
            </p:cNvPr>
            <p:cNvGrpSpPr/>
            <p:nvPr/>
          </p:nvGrpSpPr>
          <p:grpSpPr>
            <a:xfrm>
              <a:off x="934504" y="3773831"/>
              <a:ext cx="516889" cy="593108"/>
              <a:chOff x="1836133" y="2179542"/>
              <a:chExt cx="365244" cy="419100"/>
            </a:xfrm>
          </p:grpSpPr>
          <p:sp>
            <p:nvSpPr>
              <p:cNvPr id="152" name="Graphic 2">
                <a:extLst>
                  <a:ext uri="{FF2B5EF4-FFF2-40B4-BE49-F238E27FC236}">
                    <a16:creationId xmlns:a16="http://schemas.microsoft.com/office/drawing/2014/main" id="{CCDE4F08-82B3-0331-DFA0-820C0449649C}"/>
                  </a:ext>
                </a:extLst>
              </p:cNvPr>
              <p:cNvSpPr/>
              <p:nvPr/>
            </p:nvSpPr>
            <p:spPr>
              <a:xfrm>
                <a:off x="2086927" y="2348801"/>
                <a:ext cx="98107" cy="109537"/>
              </a:xfrm>
              <a:custGeom>
                <a:avLst/>
                <a:gdLst>
                  <a:gd name="connsiteX0" fmla="*/ 98107 w 98107"/>
                  <a:gd name="connsiteY0" fmla="*/ 37529 h 109537"/>
                  <a:gd name="connsiteX1" fmla="*/ 41815 w 98107"/>
                  <a:gd name="connsiteY1" fmla="*/ 109538 h 109537"/>
                  <a:gd name="connsiteX2" fmla="*/ 16288 w 98107"/>
                  <a:gd name="connsiteY2" fmla="*/ 108966 h 109537"/>
                  <a:gd name="connsiteX3" fmla="*/ 1429 w 98107"/>
                  <a:gd name="connsiteY3" fmla="*/ 91916 h 109537"/>
                  <a:gd name="connsiteX4" fmla="*/ 0 w 98107"/>
                  <a:gd name="connsiteY4" fmla="*/ 78772 h 109537"/>
                  <a:gd name="connsiteX5" fmla="*/ 62674 w 98107"/>
                  <a:gd name="connsiteY5" fmla="*/ 0 h 109537"/>
                  <a:gd name="connsiteX6" fmla="*/ 98107 w 98107"/>
                  <a:gd name="connsiteY6" fmla="*/ 3752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107" h="109537">
                    <a:moveTo>
                      <a:pt x="98107" y="37529"/>
                    </a:moveTo>
                    <a:lnTo>
                      <a:pt x="41815" y="109538"/>
                    </a:lnTo>
                    <a:lnTo>
                      <a:pt x="16288" y="108966"/>
                    </a:lnTo>
                    <a:lnTo>
                      <a:pt x="1429" y="91916"/>
                    </a:lnTo>
                    <a:lnTo>
                      <a:pt x="0" y="78772"/>
                    </a:lnTo>
                    <a:lnTo>
                      <a:pt x="62674" y="0"/>
                    </a:lnTo>
                    <a:lnTo>
                      <a:pt x="98107" y="37529"/>
                    </a:ln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3" name="Graphic 2">
                <a:extLst>
                  <a:ext uri="{FF2B5EF4-FFF2-40B4-BE49-F238E27FC236}">
                    <a16:creationId xmlns:a16="http://schemas.microsoft.com/office/drawing/2014/main" id="{28ACDAAA-F8E5-5C70-9EA8-397DED357120}"/>
                  </a:ext>
                </a:extLst>
              </p:cNvPr>
              <p:cNvSpPr/>
              <p:nvPr/>
            </p:nvSpPr>
            <p:spPr>
              <a:xfrm>
                <a:off x="2079116" y="2193353"/>
                <a:ext cx="89439" cy="89439"/>
              </a:xfrm>
              <a:custGeom>
                <a:avLst/>
                <a:gdLst>
                  <a:gd name="connsiteX0" fmla="*/ 0 w 89439"/>
                  <a:gd name="connsiteY0" fmla="*/ 0 h 89439"/>
                  <a:gd name="connsiteX1" fmla="*/ 89440 w 89439"/>
                  <a:gd name="connsiteY1" fmla="*/ 89440 h 89439"/>
                  <a:gd name="connsiteX2" fmla="*/ 0 w 89439"/>
                  <a:gd name="connsiteY2" fmla="*/ 89440 h 89439"/>
                  <a:gd name="connsiteX3" fmla="*/ 0 w 89439"/>
                  <a:gd name="connsiteY3" fmla="*/ 0 h 89439"/>
                </a:gdLst>
                <a:ahLst/>
                <a:cxnLst>
                  <a:cxn ang="0">
                    <a:pos x="connsiteX0" y="connsiteY0"/>
                  </a:cxn>
                  <a:cxn ang="0">
                    <a:pos x="connsiteX1" y="connsiteY1"/>
                  </a:cxn>
                  <a:cxn ang="0">
                    <a:pos x="connsiteX2" y="connsiteY2"/>
                  </a:cxn>
                  <a:cxn ang="0">
                    <a:pos x="connsiteX3" y="connsiteY3"/>
                  </a:cxn>
                </a:cxnLst>
                <a:rect l="l" t="t" r="r" b="b"/>
                <a:pathLst>
                  <a:path w="89439" h="89439">
                    <a:moveTo>
                      <a:pt x="0" y="0"/>
                    </a:moveTo>
                    <a:lnTo>
                      <a:pt x="89440" y="89440"/>
                    </a:lnTo>
                    <a:lnTo>
                      <a:pt x="0" y="89440"/>
                    </a:lnTo>
                    <a:lnTo>
                      <a:pt x="0" y="0"/>
                    </a:ln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4" name="Graphic 2">
                <a:extLst>
                  <a:ext uri="{FF2B5EF4-FFF2-40B4-BE49-F238E27FC236}">
                    <a16:creationId xmlns:a16="http://schemas.microsoft.com/office/drawing/2014/main" id="{B2B00C33-D7AC-0736-4D31-F462996AF1C7}"/>
                  </a:ext>
                </a:extLst>
              </p:cNvPr>
              <p:cNvSpPr/>
              <p:nvPr/>
            </p:nvSpPr>
            <p:spPr>
              <a:xfrm>
                <a:off x="1836133" y="2179542"/>
                <a:ext cx="338994" cy="419100"/>
              </a:xfrm>
              <a:custGeom>
                <a:avLst/>
                <a:gdLst>
                  <a:gd name="connsiteX0" fmla="*/ 22384 w 338994"/>
                  <a:gd name="connsiteY0" fmla="*/ 419100 h 419100"/>
                  <a:gd name="connsiteX1" fmla="*/ 0 w 338994"/>
                  <a:gd name="connsiteY1" fmla="*/ 396716 h 419100"/>
                  <a:gd name="connsiteX2" fmla="*/ 0 w 338994"/>
                  <a:gd name="connsiteY2" fmla="*/ 22288 h 419100"/>
                  <a:gd name="connsiteX3" fmla="*/ 22384 w 338994"/>
                  <a:gd name="connsiteY3" fmla="*/ 0 h 419100"/>
                  <a:gd name="connsiteX4" fmla="*/ 249841 w 338994"/>
                  <a:gd name="connsiteY4" fmla="*/ 0 h 419100"/>
                  <a:gd name="connsiteX5" fmla="*/ 256127 w 338994"/>
                  <a:gd name="connsiteY5" fmla="*/ 2572 h 419100"/>
                  <a:gd name="connsiteX6" fmla="*/ 336328 w 338994"/>
                  <a:gd name="connsiteY6" fmla="*/ 82867 h 419100"/>
                  <a:gd name="connsiteX7" fmla="*/ 338995 w 338994"/>
                  <a:gd name="connsiteY7" fmla="*/ 89154 h 419100"/>
                  <a:gd name="connsiteX8" fmla="*/ 338995 w 338994"/>
                  <a:gd name="connsiteY8" fmla="*/ 129350 h 419100"/>
                  <a:gd name="connsiteX9" fmla="*/ 329070 w 338994"/>
                  <a:gd name="connsiteY9" fmla="*/ 137427 h 419100"/>
                  <a:gd name="connsiteX10" fmla="*/ 320993 w 338994"/>
                  <a:gd name="connsiteY10" fmla="*/ 129350 h 419100"/>
                  <a:gd name="connsiteX11" fmla="*/ 320993 w 338994"/>
                  <a:gd name="connsiteY11" fmla="*/ 115919 h 419100"/>
                  <a:gd name="connsiteX12" fmla="*/ 316611 w 338994"/>
                  <a:gd name="connsiteY12" fmla="*/ 111538 h 419100"/>
                  <a:gd name="connsiteX13" fmla="*/ 247555 w 338994"/>
                  <a:gd name="connsiteY13" fmla="*/ 111538 h 419100"/>
                  <a:gd name="connsiteX14" fmla="*/ 227457 w 338994"/>
                  <a:gd name="connsiteY14" fmla="*/ 91440 h 419100"/>
                  <a:gd name="connsiteX15" fmla="*/ 227457 w 338994"/>
                  <a:gd name="connsiteY15" fmla="*/ 22288 h 419100"/>
                  <a:gd name="connsiteX16" fmla="*/ 223076 w 338994"/>
                  <a:gd name="connsiteY16" fmla="*/ 17907 h 419100"/>
                  <a:gd name="connsiteX17" fmla="*/ 22384 w 338994"/>
                  <a:gd name="connsiteY17" fmla="*/ 17907 h 419100"/>
                  <a:gd name="connsiteX18" fmla="*/ 18002 w 338994"/>
                  <a:gd name="connsiteY18" fmla="*/ 22288 h 419100"/>
                  <a:gd name="connsiteX19" fmla="*/ 18002 w 338994"/>
                  <a:gd name="connsiteY19" fmla="*/ 396716 h 419100"/>
                  <a:gd name="connsiteX20" fmla="*/ 22384 w 338994"/>
                  <a:gd name="connsiteY20" fmla="*/ 401098 h 419100"/>
                  <a:gd name="connsiteX21" fmla="*/ 316516 w 338994"/>
                  <a:gd name="connsiteY21" fmla="*/ 401098 h 419100"/>
                  <a:gd name="connsiteX22" fmla="*/ 320897 w 338994"/>
                  <a:gd name="connsiteY22" fmla="*/ 396907 h 419100"/>
                  <a:gd name="connsiteX23" fmla="*/ 320897 w 338994"/>
                  <a:gd name="connsiteY23" fmla="*/ 396716 h 419100"/>
                  <a:gd name="connsiteX24" fmla="*/ 320897 w 338994"/>
                  <a:gd name="connsiteY24" fmla="*/ 303085 h 419100"/>
                  <a:gd name="connsiteX25" fmla="*/ 330822 w 338994"/>
                  <a:gd name="connsiteY25" fmla="*/ 295008 h 419100"/>
                  <a:gd name="connsiteX26" fmla="*/ 338900 w 338994"/>
                  <a:gd name="connsiteY26" fmla="*/ 303085 h 419100"/>
                  <a:gd name="connsiteX27" fmla="*/ 338900 w 338994"/>
                  <a:gd name="connsiteY27" fmla="*/ 396716 h 419100"/>
                  <a:gd name="connsiteX28" fmla="*/ 316516 w 338994"/>
                  <a:gd name="connsiteY28" fmla="*/ 419100 h 419100"/>
                  <a:gd name="connsiteX29" fmla="*/ 249841 w 338994"/>
                  <a:gd name="connsiteY29" fmla="*/ 23908 h 419100"/>
                  <a:gd name="connsiteX30" fmla="*/ 248126 w 338994"/>
                  <a:gd name="connsiteY30" fmla="*/ 23908 h 419100"/>
                  <a:gd name="connsiteX31" fmla="*/ 245364 w 338994"/>
                  <a:gd name="connsiteY31" fmla="*/ 28003 h 419100"/>
                  <a:gd name="connsiteX32" fmla="*/ 245364 w 338994"/>
                  <a:gd name="connsiteY32" fmla="*/ 89249 h 419100"/>
                  <a:gd name="connsiteX33" fmla="*/ 249746 w 338994"/>
                  <a:gd name="connsiteY33" fmla="*/ 93631 h 419100"/>
                  <a:gd name="connsiteX34" fmla="*/ 249841 w 338994"/>
                  <a:gd name="connsiteY34" fmla="*/ 93631 h 419100"/>
                  <a:gd name="connsiteX35" fmla="*/ 311086 w 338994"/>
                  <a:gd name="connsiteY35" fmla="*/ 93631 h 419100"/>
                  <a:gd name="connsiteX36" fmla="*/ 315468 w 338994"/>
                  <a:gd name="connsiteY36" fmla="*/ 89249 h 419100"/>
                  <a:gd name="connsiteX37" fmla="*/ 314230 w 338994"/>
                  <a:gd name="connsiteY37" fmla="*/ 86201 h 419100"/>
                  <a:gd name="connsiteX38" fmla="*/ 252889 w 338994"/>
                  <a:gd name="connsiteY38" fmla="*/ 24860 h 419100"/>
                  <a:gd name="connsiteX39" fmla="*/ 249841 w 338994"/>
                  <a:gd name="connsiteY39" fmla="*/ 23908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338994" h="419100">
                    <a:moveTo>
                      <a:pt x="22384" y="419100"/>
                    </a:moveTo>
                    <a:cubicBezTo>
                      <a:pt x="10020" y="419100"/>
                      <a:pt x="0" y="409080"/>
                      <a:pt x="0" y="396716"/>
                    </a:cubicBezTo>
                    <a:lnTo>
                      <a:pt x="0" y="22288"/>
                    </a:lnTo>
                    <a:cubicBezTo>
                      <a:pt x="57" y="9963"/>
                      <a:pt x="10058" y="0"/>
                      <a:pt x="22384" y="0"/>
                    </a:cubicBezTo>
                    <a:lnTo>
                      <a:pt x="249841" y="0"/>
                    </a:lnTo>
                    <a:cubicBezTo>
                      <a:pt x="252184" y="57"/>
                      <a:pt x="254422" y="971"/>
                      <a:pt x="256127" y="2572"/>
                    </a:cubicBezTo>
                    <a:lnTo>
                      <a:pt x="336328" y="82867"/>
                    </a:lnTo>
                    <a:cubicBezTo>
                      <a:pt x="338033" y="84515"/>
                      <a:pt x="338995" y="86782"/>
                      <a:pt x="338995" y="89154"/>
                    </a:cubicBezTo>
                    <a:lnTo>
                      <a:pt x="338995" y="129350"/>
                    </a:lnTo>
                    <a:cubicBezTo>
                      <a:pt x="338480" y="134321"/>
                      <a:pt x="334042" y="137931"/>
                      <a:pt x="329070" y="137427"/>
                    </a:cubicBezTo>
                    <a:cubicBezTo>
                      <a:pt x="324803" y="136988"/>
                      <a:pt x="321431" y="133617"/>
                      <a:pt x="320993" y="129350"/>
                    </a:cubicBezTo>
                    <a:lnTo>
                      <a:pt x="320993" y="115919"/>
                    </a:lnTo>
                    <a:cubicBezTo>
                      <a:pt x="320993" y="113500"/>
                      <a:pt x="319030" y="111538"/>
                      <a:pt x="316611" y="111538"/>
                    </a:cubicBezTo>
                    <a:lnTo>
                      <a:pt x="247555" y="111538"/>
                    </a:lnTo>
                    <a:cubicBezTo>
                      <a:pt x="236477" y="111490"/>
                      <a:pt x="227505" y="102518"/>
                      <a:pt x="227457" y="91440"/>
                    </a:cubicBezTo>
                    <a:lnTo>
                      <a:pt x="227457" y="22288"/>
                    </a:lnTo>
                    <a:cubicBezTo>
                      <a:pt x="227409" y="19888"/>
                      <a:pt x="225476" y="17955"/>
                      <a:pt x="223076" y="17907"/>
                    </a:cubicBezTo>
                    <a:lnTo>
                      <a:pt x="22384" y="17907"/>
                    </a:lnTo>
                    <a:cubicBezTo>
                      <a:pt x="19983" y="17955"/>
                      <a:pt x="18050" y="19888"/>
                      <a:pt x="18002" y="22288"/>
                    </a:cubicBezTo>
                    <a:lnTo>
                      <a:pt x="18002" y="396716"/>
                    </a:lnTo>
                    <a:cubicBezTo>
                      <a:pt x="18002" y="399136"/>
                      <a:pt x="19964" y="401098"/>
                      <a:pt x="22384" y="401098"/>
                    </a:cubicBezTo>
                    <a:lnTo>
                      <a:pt x="316516" y="401098"/>
                    </a:lnTo>
                    <a:cubicBezTo>
                      <a:pt x="318878" y="401155"/>
                      <a:pt x="320840" y="399278"/>
                      <a:pt x="320897" y="396907"/>
                    </a:cubicBezTo>
                    <a:cubicBezTo>
                      <a:pt x="320897" y="396840"/>
                      <a:pt x="320897" y="396783"/>
                      <a:pt x="320897" y="396716"/>
                    </a:cubicBezTo>
                    <a:lnTo>
                      <a:pt x="320897" y="303085"/>
                    </a:lnTo>
                    <a:cubicBezTo>
                      <a:pt x="321412" y="298113"/>
                      <a:pt x="325850" y="294503"/>
                      <a:pt x="330822" y="295008"/>
                    </a:cubicBezTo>
                    <a:cubicBezTo>
                      <a:pt x="335090" y="295446"/>
                      <a:pt x="338461" y="298818"/>
                      <a:pt x="338900" y="303085"/>
                    </a:cubicBezTo>
                    <a:lnTo>
                      <a:pt x="338900" y="396716"/>
                    </a:lnTo>
                    <a:cubicBezTo>
                      <a:pt x="338900" y="409080"/>
                      <a:pt x="328879" y="419100"/>
                      <a:pt x="316516" y="419100"/>
                    </a:cubicBezTo>
                    <a:close/>
                    <a:moveTo>
                      <a:pt x="249841" y="23908"/>
                    </a:moveTo>
                    <a:cubicBezTo>
                      <a:pt x="249269" y="23813"/>
                      <a:pt x="248698" y="23813"/>
                      <a:pt x="248126" y="23908"/>
                    </a:cubicBezTo>
                    <a:cubicBezTo>
                      <a:pt x="246469" y="24594"/>
                      <a:pt x="245383" y="26203"/>
                      <a:pt x="245364" y="28003"/>
                    </a:cubicBezTo>
                    <a:lnTo>
                      <a:pt x="245364" y="89249"/>
                    </a:lnTo>
                    <a:cubicBezTo>
                      <a:pt x="245364" y="91669"/>
                      <a:pt x="247326" y="93631"/>
                      <a:pt x="249746" y="93631"/>
                    </a:cubicBezTo>
                    <a:cubicBezTo>
                      <a:pt x="249774" y="93631"/>
                      <a:pt x="249812" y="93631"/>
                      <a:pt x="249841" y="93631"/>
                    </a:cubicBezTo>
                    <a:lnTo>
                      <a:pt x="311086" y="93631"/>
                    </a:lnTo>
                    <a:cubicBezTo>
                      <a:pt x="313506" y="93631"/>
                      <a:pt x="315468" y="91669"/>
                      <a:pt x="315468" y="89249"/>
                    </a:cubicBezTo>
                    <a:cubicBezTo>
                      <a:pt x="315459" y="88106"/>
                      <a:pt x="315020" y="87020"/>
                      <a:pt x="314230" y="86201"/>
                    </a:cubicBezTo>
                    <a:lnTo>
                      <a:pt x="252889" y="24860"/>
                    </a:lnTo>
                    <a:cubicBezTo>
                      <a:pt x="252031" y="24165"/>
                      <a:pt x="250946" y="23822"/>
                      <a:pt x="249841" y="23908"/>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5" name="Graphic 2">
                <a:extLst>
                  <a:ext uri="{FF2B5EF4-FFF2-40B4-BE49-F238E27FC236}">
                    <a16:creationId xmlns:a16="http://schemas.microsoft.com/office/drawing/2014/main" id="{A21F2F78-4286-315D-A6CB-58D7E109B7E4}"/>
                  </a:ext>
                </a:extLst>
              </p:cNvPr>
              <p:cNvSpPr/>
              <p:nvPr/>
            </p:nvSpPr>
            <p:spPr>
              <a:xfrm>
                <a:off x="1970694" y="2299747"/>
                <a:ext cx="69779" cy="18002"/>
              </a:xfrm>
              <a:custGeom>
                <a:avLst/>
                <a:gdLst>
                  <a:gd name="connsiteX0" fmla="*/ 8124 w 69779"/>
                  <a:gd name="connsiteY0" fmla="*/ 18002 h 18002"/>
                  <a:gd name="connsiteX1" fmla="*/ 47 w 69779"/>
                  <a:gd name="connsiteY1" fmla="*/ 8077 h 18002"/>
                  <a:gd name="connsiteX2" fmla="*/ 8124 w 69779"/>
                  <a:gd name="connsiteY2" fmla="*/ 0 h 18002"/>
                  <a:gd name="connsiteX3" fmla="*/ 61655 w 69779"/>
                  <a:gd name="connsiteY3" fmla="*/ 0 h 18002"/>
                  <a:gd name="connsiteX4" fmla="*/ 69732 w 69779"/>
                  <a:gd name="connsiteY4" fmla="*/ 9925 h 18002"/>
                  <a:gd name="connsiteX5" fmla="*/ 61655 w 69779"/>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779" h="18002">
                    <a:moveTo>
                      <a:pt x="8124" y="18002"/>
                    </a:moveTo>
                    <a:cubicBezTo>
                      <a:pt x="3152" y="17488"/>
                      <a:pt x="-458" y="13049"/>
                      <a:pt x="47" y="8077"/>
                    </a:cubicBezTo>
                    <a:cubicBezTo>
                      <a:pt x="485" y="3810"/>
                      <a:pt x="3857" y="438"/>
                      <a:pt x="8124" y="0"/>
                    </a:cubicBezTo>
                    <a:lnTo>
                      <a:pt x="61655" y="0"/>
                    </a:lnTo>
                    <a:cubicBezTo>
                      <a:pt x="66627" y="514"/>
                      <a:pt x="70237" y="4953"/>
                      <a:pt x="69732" y="9925"/>
                    </a:cubicBezTo>
                    <a:cubicBezTo>
                      <a:pt x="69294" y="14192"/>
                      <a:pt x="65922" y="17564"/>
                      <a:pt x="61655" y="18002"/>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6" name="Graphic 2">
                <a:extLst>
                  <a:ext uri="{FF2B5EF4-FFF2-40B4-BE49-F238E27FC236}">
                    <a16:creationId xmlns:a16="http://schemas.microsoft.com/office/drawing/2014/main" id="{0702A081-910B-E6B7-F3D8-C2AE7E93C4E0}"/>
                  </a:ext>
                </a:extLst>
              </p:cNvPr>
              <p:cNvSpPr/>
              <p:nvPr/>
            </p:nvSpPr>
            <p:spPr>
              <a:xfrm>
                <a:off x="1916429" y="2353373"/>
                <a:ext cx="164973" cy="17906"/>
              </a:xfrm>
              <a:custGeom>
                <a:avLst/>
                <a:gdLst>
                  <a:gd name="connsiteX0" fmla="*/ 8954 w 164973"/>
                  <a:gd name="connsiteY0" fmla="*/ 17907 h 17906"/>
                  <a:gd name="connsiteX1" fmla="*/ 0 w 164973"/>
                  <a:gd name="connsiteY1" fmla="*/ 8953 h 17906"/>
                  <a:gd name="connsiteX2" fmla="*/ 8954 w 164973"/>
                  <a:gd name="connsiteY2" fmla="*/ 0 h 17906"/>
                  <a:gd name="connsiteX3" fmla="*/ 156020 w 164973"/>
                  <a:gd name="connsiteY3" fmla="*/ 0 h 17906"/>
                  <a:gd name="connsiteX4" fmla="*/ 164973 w 164973"/>
                  <a:gd name="connsiteY4" fmla="*/ 8953 h 17906"/>
                  <a:gd name="connsiteX5" fmla="*/ 156020 w 164973"/>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3" h="17906">
                    <a:moveTo>
                      <a:pt x="8954" y="17907"/>
                    </a:moveTo>
                    <a:cubicBezTo>
                      <a:pt x="4010" y="17907"/>
                      <a:pt x="0" y="13897"/>
                      <a:pt x="0" y="8953"/>
                    </a:cubicBezTo>
                    <a:cubicBezTo>
                      <a:pt x="0" y="4010"/>
                      <a:pt x="4010" y="0"/>
                      <a:pt x="8954" y="0"/>
                    </a:cubicBezTo>
                    <a:lnTo>
                      <a:pt x="156020" y="0"/>
                    </a:lnTo>
                    <a:cubicBezTo>
                      <a:pt x="160963" y="0"/>
                      <a:pt x="164973" y="4010"/>
                      <a:pt x="164973" y="8953"/>
                    </a:cubicBezTo>
                    <a:cubicBezTo>
                      <a:pt x="164973" y="13897"/>
                      <a:pt x="160963" y="17907"/>
                      <a:pt x="156020" y="17907"/>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7" name="Graphic 2">
                <a:extLst>
                  <a:ext uri="{FF2B5EF4-FFF2-40B4-BE49-F238E27FC236}">
                    <a16:creationId xmlns:a16="http://schemas.microsoft.com/office/drawing/2014/main" id="{E619ED3D-1BBF-3444-2B38-632863E97FBA}"/>
                  </a:ext>
                </a:extLst>
              </p:cNvPr>
              <p:cNvSpPr/>
              <p:nvPr/>
            </p:nvSpPr>
            <p:spPr>
              <a:xfrm>
                <a:off x="1917259" y="2406808"/>
                <a:ext cx="110165" cy="18002"/>
              </a:xfrm>
              <a:custGeom>
                <a:avLst/>
                <a:gdLst>
                  <a:gd name="connsiteX0" fmla="*/ 8124 w 110165"/>
                  <a:gd name="connsiteY0" fmla="*/ 18002 h 18002"/>
                  <a:gd name="connsiteX1" fmla="*/ 47 w 110165"/>
                  <a:gd name="connsiteY1" fmla="*/ 8077 h 18002"/>
                  <a:gd name="connsiteX2" fmla="*/ 8124 w 110165"/>
                  <a:gd name="connsiteY2" fmla="*/ 0 h 18002"/>
                  <a:gd name="connsiteX3" fmla="*/ 102041 w 110165"/>
                  <a:gd name="connsiteY3" fmla="*/ 0 h 18002"/>
                  <a:gd name="connsiteX4" fmla="*/ 110118 w 110165"/>
                  <a:gd name="connsiteY4" fmla="*/ 9925 h 18002"/>
                  <a:gd name="connsiteX5" fmla="*/ 102041 w 110165"/>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0165" h="18002">
                    <a:moveTo>
                      <a:pt x="8124" y="18002"/>
                    </a:moveTo>
                    <a:cubicBezTo>
                      <a:pt x="3152" y="17488"/>
                      <a:pt x="-458" y="13049"/>
                      <a:pt x="47" y="8077"/>
                    </a:cubicBezTo>
                    <a:cubicBezTo>
                      <a:pt x="485" y="3810"/>
                      <a:pt x="3857" y="438"/>
                      <a:pt x="8124" y="0"/>
                    </a:cubicBezTo>
                    <a:lnTo>
                      <a:pt x="102041" y="0"/>
                    </a:lnTo>
                    <a:cubicBezTo>
                      <a:pt x="107013" y="514"/>
                      <a:pt x="110623" y="4953"/>
                      <a:pt x="110118" y="9925"/>
                    </a:cubicBezTo>
                    <a:cubicBezTo>
                      <a:pt x="109680" y="14192"/>
                      <a:pt x="106308" y="17564"/>
                      <a:pt x="102041" y="18002"/>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8" name="Graphic 2">
                <a:extLst>
                  <a:ext uri="{FF2B5EF4-FFF2-40B4-BE49-F238E27FC236}">
                    <a16:creationId xmlns:a16="http://schemas.microsoft.com/office/drawing/2014/main" id="{FBBE25C5-58D1-474C-5F12-0F9A0B965B1B}"/>
                  </a:ext>
                </a:extLst>
              </p:cNvPr>
              <p:cNvSpPr/>
              <p:nvPr/>
            </p:nvSpPr>
            <p:spPr>
              <a:xfrm>
                <a:off x="1916429" y="2460339"/>
                <a:ext cx="71342" cy="17907"/>
              </a:xfrm>
              <a:custGeom>
                <a:avLst/>
                <a:gdLst>
                  <a:gd name="connsiteX0" fmla="*/ 8954 w 71342"/>
                  <a:gd name="connsiteY0" fmla="*/ 17907 h 17907"/>
                  <a:gd name="connsiteX1" fmla="*/ 0 w 71342"/>
                  <a:gd name="connsiteY1" fmla="*/ 8954 h 17907"/>
                  <a:gd name="connsiteX2" fmla="*/ 8954 w 71342"/>
                  <a:gd name="connsiteY2" fmla="*/ 0 h 17907"/>
                  <a:gd name="connsiteX3" fmla="*/ 62389 w 71342"/>
                  <a:gd name="connsiteY3" fmla="*/ 0 h 17907"/>
                  <a:gd name="connsiteX4" fmla="*/ 71342 w 71342"/>
                  <a:gd name="connsiteY4" fmla="*/ 8954 h 17907"/>
                  <a:gd name="connsiteX5" fmla="*/ 62389 w 7134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342" h="17907">
                    <a:moveTo>
                      <a:pt x="8954" y="17907"/>
                    </a:moveTo>
                    <a:cubicBezTo>
                      <a:pt x="4010" y="17907"/>
                      <a:pt x="0" y="13897"/>
                      <a:pt x="0" y="8954"/>
                    </a:cubicBezTo>
                    <a:cubicBezTo>
                      <a:pt x="0" y="4010"/>
                      <a:pt x="4010" y="0"/>
                      <a:pt x="8954" y="0"/>
                    </a:cubicBezTo>
                    <a:lnTo>
                      <a:pt x="62389" y="0"/>
                    </a:lnTo>
                    <a:cubicBezTo>
                      <a:pt x="67332" y="0"/>
                      <a:pt x="71342" y="4010"/>
                      <a:pt x="71342" y="8954"/>
                    </a:cubicBezTo>
                    <a:cubicBezTo>
                      <a:pt x="71342" y="13897"/>
                      <a:pt x="67332" y="17907"/>
                      <a:pt x="62389" y="17907"/>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59" name="Graphic 2">
                <a:extLst>
                  <a:ext uri="{FF2B5EF4-FFF2-40B4-BE49-F238E27FC236}">
                    <a16:creationId xmlns:a16="http://schemas.microsoft.com/office/drawing/2014/main" id="{FF1439C4-3B8F-A2EF-89B5-DEEB8940FDC4}"/>
                  </a:ext>
                </a:extLst>
              </p:cNvPr>
              <p:cNvSpPr/>
              <p:nvPr/>
            </p:nvSpPr>
            <p:spPr>
              <a:xfrm>
                <a:off x="1916429" y="2527204"/>
                <a:ext cx="58007" cy="17906"/>
              </a:xfrm>
              <a:custGeom>
                <a:avLst/>
                <a:gdLst>
                  <a:gd name="connsiteX0" fmla="*/ 8954 w 58007"/>
                  <a:gd name="connsiteY0" fmla="*/ 17907 h 17906"/>
                  <a:gd name="connsiteX1" fmla="*/ 0 w 58007"/>
                  <a:gd name="connsiteY1" fmla="*/ 8953 h 17906"/>
                  <a:gd name="connsiteX2" fmla="*/ 8954 w 58007"/>
                  <a:gd name="connsiteY2" fmla="*/ 0 h 17906"/>
                  <a:gd name="connsiteX3" fmla="*/ 49054 w 58007"/>
                  <a:gd name="connsiteY3" fmla="*/ 0 h 17906"/>
                  <a:gd name="connsiteX4" fmla="*/ 58007 w 58007"/>
                  <a:gd name="connsiteY4" fmla="*/ 8953 h 17906"/>
                  <a:gd name="connsiteX5" fmla="*/ 49054 w 58007"/>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8007" h="17906">
                    <a:moveTo>
                      <a:pt x="8954" y="17907"/>
                    </a:moveTo>
                    <a:cubicBezTo>
                      <a:pt x="4010" y="17907"/>
                      <a:pt x="0" y="13897"/>
                      <a:pt x="0" y="8953"/>
                    </a:cubicBezTo>
                    <a:cubicBezTo>
                      <a:pt x="0" y="4010"/>
                      <a:pt x="4010" y="0"/>
                      <a:pt x="8954" y="0"/>
                    </a:cubicBezTo>
                    <a:lnTo>
                      <a:pt x="49054" y="0"/>
                    </a:lnTo>
                    <a:cubicBezTo>
                      <a:pt x="53997" y="0"/>
                      <a:pt x="58007" y="4010"/>
                      <a:pt x="58007" y="8953"/>
                    </a:cubicBezTo>
                    <a:cubicBezTo>
                      <a:pt x="58007" y="13897"/>
                      <a:pt x="53997" y="17907"/>
                      <a:pt x="49054" y="17907"/>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60" name="Graphic 2">
                <a:extLst>
                  <a:ext uri="{FF2B5EF4-FFF2-40B4-BE49-F238E27FC236}">
                    <a16:creationId xmlns:a16="http://schemas.microsoft.com/office/drawing/2014/main" id="{E0735E48-5629-63A9-952C-B3D8FD97CCC3}"/>
                  </a:ext>
                </a:extLst>
              </p:cNvPr>
              <p:cNvSpPr/>
              <p:nvPr/>
            </p:nvSpPr>
            <p:spPr>
              <a:xfrm>
                <a:off x="1996640" y="2340326"/>
                <a:ext cx="204737" cy="204786"/>
              </a:xfrm>
              <a:custGeom>
                <a:avLst/>
                <a:gdLst>
                  <a:gd name="connsiteX0" fmla="*/ 8944 w 204737"/>
                  <a:gd name="connsiteY0" fmla="*/ 204786 h 204786"/>
                  <a:gd name="connsiteX1" fmla="*/ 0 w 204737"/>
                  <a:gd name="connsiteY1" fmla="*/ 195823 h 204786"/>
                  <a:gd name="connsiteX2" fmla="*/ 276 w 204737"/>
                  <a:gd name="connsiteY2" fmla="*/ 193641 h 204786"/>
                  <a:gd name="connsiteX3" fmla="*/ 13611 w 204737"/>
                  <a:gd name="connsiteY3" fmla="*/ 140206 h 204786"/>
                  <a:gd name="connsiteX4" fmla="*/ 15992 w 204737"/>
                  <a:gd name="connsiteY4" fmla="*/ 136015 h 204786"/>
                  <a:gd name="connsiteX5" fmla="*/ 149342 w 204737"/>
                  <a:gd name="connsiteY5" fmla="*/ 2665 h 204786"/>
                  <a:gd name="connsiteX6" fmla="*/ 161868 w 204737"/>
                  <a:gd name="connsiteY6" fmla="*/ 2522 h 204786"/>
                  <a:gd name="connsiteX7" fmla="*/ 162011 w 204737"/>
                  <a:gd name="connsiteY7" fmla="*/ 2665 h 204786"/>
                  <a:gd name="connsiteX8" fmla="*/ 202111 w 204737"/>
                  <a:gd name="connsiteY8" fmla="*/ 42765 h 204786"/>
                  <a:gd name="connsiteX9" fmla="*/ 202121 w 204737"/>
                  <a:gd name="connsiteY9" fmla="*/ 55424 h 204786"/>
                  <a:gd name="connsiteX10" fmla="*/ 202111 w 204737"/>
                  <a:gd name="connsiteY10" fmla="*/ 55434 h 204786"/>
                  <a:gd name="connsiteX11" fmla="*/ 68761 w 204737"/>
                  <a:gd name="connsiteY11" fmla="*/ 188784 h 204786"/>
                  <a:gd name="connsiteX12" fmla="*/ 64665 w 204737"/>
                  <a:gd name="connsiteY12" fmla="*/ 191165 h 204786"/>
                  <a:gd name="connsiteX13" fmla="*/ 11135 w 204737"/>
                  <a:gd name="connsiteY13" fmla="*/ 204500 h 204786"/>
                  <a:gd name="connsiteX14" fmla="*/ 8944 w 204737"/>
                  <a:gd name="connsiteY14" fmla="*/ 204786 h 204786"/>
                  <a:gd name="connsiteX15" fmla="*/ 49044 w 204737"/>
                  <a:gd name="connsiteY15" fmla="*/ 130110 h 204786"/>
                  <a:gd name="connsiteX16" fmla="*/ 45996 w 204737"/>
                  <a:gd name="connsiteY16" fmla="*/ 131443 h 204786"/>
                  <a:gd name="connsiteX17" fmla="*/ 31328 w 204737"/>
                  <a:gd name="connsiteY17" fmla="*/ 146112 h 204786"/>
                  <a:gd name="connsiteX18" fmla="*/ 30185 w 204737"/>
                  <a:gd name="connsiteY18" fmla="*/ 148112 h 204786"/>
                  <a:gd name="connsiteX19" fmla="*/ 23041 w 204737"/>
                  <a:gd name="connsiteY19" fmla="*/ 176687 h 204786"/>
                  <a:gd name="connsiteX20" fmla="*/ 24279 w 204737"/>
                  <a:gd name="connsiteY20" fmla="*/ 180878 h 204786"/>
                  <a:gd name="connsiteX21" fmla="*/ 27327 w 204737"/>
                  <a:gd name="connsiteY21" fmla="*/ 182116 h 204786"/>
                  <a:gd name="connsiteX22" fmla="*/ 28375 w 204737"/>
                  <a:gd name="connsiteY22" fmla="*/ 182116 h 204786"/>
                  <a:gd name="connsiteX23" fmla="*/ 56950 w 204737"/>
                  <a:gd name="connsiteY23" fmla="*/ 174973 h 204786"/>
                  <a:gd name="connsiteX24" fmla="*/ 58950 w 204737"/>
                  <a:gd name="connsiteY24" fmla="*/ 173829 h 204786"/>
                  <a:gd name="connsiteX25" fmla="*/ 73714 w 204737"/>
                  <a:gd name="connsiteY25" fmla="*/ 159161 h 204786"/>
                  <a:gd name="connsiteX26" fmla="*/ 74952 w 204737"/>
                  <a:gd name="connsiteY26" fmla="*/ 156113 h 204786"/>
                  <a:gd name="connsiteX27" fmla="*/ 73714 w 204737"/>
                  <a:gd name="connsiteY27" fmla="*/ 152970 h 204786"/>
                  <a:gd name="connsiteX28" fmla="*/ 52473 w 204737"/>
                  <a:gd name="connsiteY28" fmla="*/ 131824 h 204786"/>
                  <a:gd name="connsiteX29" fmla="*/ 49044 w 204737"/>
                  <a:gd name="connsiteY29" fmla="*/ 129824 h 204786"/>
                  <a:gd name="connsiteX30" fmla="*/ 75809 w 204737"/>
                  <a:gd name="connsiteY30" fmla="*/ 103344 h 204786"/>
                  <a:gd name="connsiteX31" fmla="*/ 72761 w 204737"/>
                  <a:gd name="connsiteY31" fmla="*/ 104678 h 204786"/>
                  <a:gd name="connsiteX32" fmla="*/ 64856 w 204737"/>
                  <a:gd name="connsiteY32" fmla="*/ 112488 h 204786"/>
                  <a:gd name="connsiteX33" fmla="*/ 64856 w 204737"/>
                  <a:gd name="connsiteY33" fmla="*/ 118680 h 204786"/>
                  <a:gd name="connsiteX34" fmla="*/ 86096 w 204737"/>
                  <a:gd name="connsiteY34" fmla="*/ 139920 h 204786"/>
                  <a:gd name="connsiteX35" fmla="*/ 89240 w 204737"/>
                  <a:gd name="connsiteY35" fmla="*/ 141159 h 204786"/>
                  <a:gd name="connsiteX36" fmla="*/ 92288 w 204737"/>
                  <a:gd name="connsiteY36" fmla="*/ 139920 h 204786"/>
                  <a:gd name="connsiteX37" fmla="*/ 100098 w 204737"/>
                  <a:gd name="connsiteY37" fmla="*/ 132110 h 204786"/>
                  <a:gd name="connsiteX38" fmla="*/ 100098 w 204737"/>
                  <a:gd name="connsiteY38" fmla="*/ 125823 h 204786"/>
                  <a:gd name="connsiteX39" fmla="*/ 78953 w 204737"/>
                  <a:gd name="connsiteY39" fmla="*/ 104678 h 204786"/>
                  <a:gd name="connsiteX40" fmla="*/ 75809 w 204737"/>
                  <a:gd name="connsiteY40" fmla="*/ 103344 h 204786"/>
                  <a:gd name="connsiteX41" fmla="*/ 156010 w 204737"/>
                  <a:gd name="connsiteY41" fmla="*/ 23144 h 204786"/>
                  <a:gd name="connsiteX42" fmla="*/ 152962 w 204737"/>
                  <a:gd name="connsiteY42" fmla="*/ 24477 h 204786"/>
                  <a:gd name="connsiteX43" fmla="*/ 91621 w 204737"/>
                  <a:gd name="connsiteY43" fmla="*/ 85723 h 204786"/>
                  <a:gd name="connsiteX44" fmla="*/ 91621 w 204737"/>
                  <a:gd name="connsiteY44" fmla="*/ 91915 h 204786"/>
                  <a:gd name="connsiteX45" fmla="*/ 112862 w 204737"/>
                  <a:gd name="connsiteY45" fmla="*/ 113155 h 204786"/>
                  <a:gd name="connsiteX46" fmla="*/ 115910 w 204737"/>
                  <a:gd name="connsiteY46" fmla="*/ 114489 h 204786"/>
                  <a:gd name="connsiteX47" fmla="*/ 119053 w 204737"/>
                  <a:gd name="connsiteY47" fmla="*/ 113155 h 204786"/>
                  <a:gd name="connsiteX48" fmla="*/ 180394 w 204737"/>
                  <a:gd name="connsiteY48" fmla="*/ 51814 h 204786"/>
                  <a:gd name="connsiteX49" fmla="*/ 180394 w 204737"/>
                  <a:gd name="connsiteY49" fmla="*/ 45623 h 204786"/>
                  <a:gd name="connsiteX50" fmla="*/ 159153 w 204737"/>
                  <a:gd name="connsiteY50" fmla="*/ 24477 h 204786"/>
                  <a:gd name="connsiteX51" fmla="*/ 156010 w 204737"/>
                  <a:gd name="connsiteY51" fmla="*/ 23144 h 2047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204737" h="204786">
                    <a:moveTo>
                      <a:pt x="8944" y="204786"/>
                    </a:moveTo>
                    <a:cubicBezTo>
                      <a:pt x="4000" y="204776"/>
                      <a:pt x="0" y="200766"/>
                      <a:pt x="0" y="195823"/>
                    </a:cubicBezTo>
                    <a:cubicBezTo>
                      <a:pt x="9" y="195089"/>
                      <a:pt x="95" y="194356"/>
                      <a:pt x="276" y="193641"/>
                    </a:cubicBezTo>
                    <a:lnTo>
                      <a:pt x="13611" y="140206"/>
                    </a:lnTo>
                    <a:cubicBezTo>
                      <a:pt x="14002" y="138616"/>
                      <a:pt x="14821" y="137158"/>
                      <a:pt x="15992" y="136015"/>
                    </a:cubicBezTo>
                    <a:lnTo>
                      <a:pt x="149342" y="2665"/>
                    </a:lnTo>
                    <a:cubicBezTo>
                      <a:pt x="152762" y="-830"/>
                      <a:pt x="158372" y="-897"/>
                      <a:pt x="161868" y="2522"/>
                    </a:cubicBezTo>
                    <a:cubicBezTo>
                      <a:pt x="161915" y="2570"/>
                      <a:pt x="161963" y="2618"/>
                      <a:pt x="162011" y="2665"/>
                    </a:cubicBezTo>
                    <a:lnTo>
                      <a:pt x="202111" y="42765"/>
                    </a:lnTo>
                    <a:cubicBezTo>
                      <a:pt x="205607" y="46261"/>
                      <a:pt x="205616" y="51929"/>
                      <a:pt x="202121" y="55424"/>
                    </a:cubicBezTo>
                    <a:cubicBezTo>
                      <a:pt x="202111" y="55434"/>
                      <a:pt x="202111" y="55434"/>
                      <a:pt x="202111" y="55434"/>
                    </a:cubicBezTo>
                    <a:lnTo>
                      <a:pt x="68761" y="188784"/>
                    </a:lnTo>
                    <a:cubicBezTo>
                      <a:pt x="67637" y="189927"/>
                      <a:pt x="66218" y="190755"/>
                      <a:pt x="64665" y="191165"/>
                    </a:cubicBezTo>
                    <a:lnTo>
                      <a:pt x="11135" y="204500"/>
                    </a:lnTo>
                    <a:cubicBezTo>
                      <a:pt x="10420" y="204690"/>
                      <a:pt x="9687" y="204795"/>
                      <a:pt x="8944" y="204786"/>
                    </a:cubicBezTo>
                    <a:close/>
                    <a:moveTo>
                      <a:pt x="49044" y="130110"/>
                    </a:moveTo>
                    <a:cubicBezTo>
                      <a:pt x="47882" y="130100"/>
                      <a:pt x="46777" y="130586"/>
                      <a:pt x="45996" y="131443"/>
                    </a:cubicBezTo>
                    <a:lnTo>
                      <a:pt x="31328" y="146112"/>
                    </a:lnTo>
                    <a:cubicBezTo>
                      <a:pt x="30775" y="146664"/>
                      <a:pt x="30375" y="147350"/>
                      <a:pt x="30185" y="148112"/>
                    </a:cubicBezTo>
                    <a:lnTo>
                      <a:pt x="23041" y="176687"/>
                    </a:lnTo>
                    <a:cubicBezTo>
                      <a:pt x="22679" y="178201"/>
                      <a:pt x="23146" y="179802"/>
                      <a:pt x="24279" y="180878"/>
                    </a:cubicBezTo>
                    <a:cubicBezTo>
                      <a:pt x="25098" y="181668"/>
                      <a:pt x="26184" y="182116"/>
                      <a:pt x="27327" y="182116"/>
                    </a:cubicBezTo>
                    <a:lnTo>
                      <a:pt x="28375" y="182116"/>
                    </a:lnTo>
                    <a:lnTo>
                      <a:pt x="56950" y="174973"/>
                    </a:lnTo>
                    <a:cubicBezTo>
                      <a:pt x="57721" y="174811"/>
                      <a:pt x="58417" y="174410"/>
                      <a:pt x="58950" y="173829"/>
                    </a:cubicBezTo>
                    <a:lnTo>
                      <a:pt x="73714" y="159161"/>
                    </a:lnTo>
                    <a:cubicBezTo>
                      <a:pt x="74504" y="158342"/>
                      <a:pt x="74952" y="157256"/>
                      <a:pt x="74952" y="156113"/>
                    </a:cubicBezTo>
                    <a:cubicBezTo>
                      <a:pt x="74933" y="154951"/>
                      <a:pt x="74485" y="153836"/>
                      <a:pt x="73714" y="152970"/>
                    </a:cubicBezTo>
                    <a:lnTo>
                      <a:pt x="52473" y="131824"/>
                    </a:lnTo>
                    <a:cubicBezTo>
                      <a:pt x="51730" y="130634"/>
                      <a:pt x="50444" y="129891"/>
                      <a:pt x="49044" y="129824"/>
                    </a:cubicBezTo>
                    <a:close/>
                    <a:moveTo>
                      <a:pt x="75809" y="103344"/>
                    </a:moveTo>
                    <a:cubicBezTo>
                      <a:pt x="74657" y="103364"/>
                      <a:pt x="73552" y="103840"/>
                      <a:pt x="72761" y="104678"/>
                    </a:cubicBezTo>
                    <a:lnTo>
                      <a:pt x="64856" y="112488"/>
                    </a:lnTo>
                    <a:cubicBezTo>
                      <a:pt x="63151" y="114203"/>
                      <a:pt x="63151" y="116965"/>
                      <a:pt x="64856" y="118680"/>
                    </a:cubicBezTo>
                    <a:lnTo>
                      <a:pt x="86096" y="139920"/>
                    </a:lnTo>
                    <a:cubicBezTo>
                      <a:pt x="86935" y="140740"/>
                      <a:pt x="88068" y="141187"/>
                      <a:pt x="89240" y="141159"/>
                    </a:cubicBezTo>
                    <a:cubicBezTo>
                      <a:pt x="90383" y="141168"/>
                      <a:pt x="91478" y="140721"/>
                      <a:pt x="92288" y="139920"/>
                    </a:cubicBezTo>
                    <a:lnTo>
                      <a:pt x="100098" y="132110"/>
                    </a:lnTo>
                    <a:cubicBezTo>
                      <a:pt x="101813" y="130367"/>
                      <a:pt x="101813" y="127567"/>
                      <a:pt x="100098" y="125823"/>
                    </a:cubicBezTo>
                    <a:lnTo>
                      <a:pt x="78953" y="104678"/>
                    </a:lnTo>
                    <a:cubicBezTo>
                      <a:pt x="78124" y="103840"/>
                      <a:pt x="76991" y="103354"/>
                      <a:pt x="75809" y="103344"/>
                    </a:cubicBezTo>
                    <a:close/>
                    <a:moveTo>
                      <a:pt x="156010" y="23144"/>
                    </a:moveTo>
                    <a:cubicBezTo>
                      <a:pt x="154857" y="23182"/>
                      <a:pt x="153772" y="23658"/>
                      <a:pt x="152962" y="24477"/>
                    </a:cubicBezTo>
                    <a:lnTo>
                      <a:pt x="91621" y="85723"/>
                    </a:lnTo>
                    <a:cubicBezTo>
                      <a:pt x="89916" y="87438"/>
                      <a:pt x="89916" y="90200"/>
                      <a:pt x="91621" y="91915"/>
                    </a:cubicBezTo>
                    <a:lnTo>
                      <a:pt x="112862" y="113155"/>
                    </a:lnTo>
                    <a:cubicBezTo>
                      <a:pt x="113652" y="113993"/>
                      <a:pt x="114757" y="114470"/>
                      <a:pt x="115910" y="114489"/>
                    </a:cubicBezTo>
                    <a:cubicBezTo>
                      <a:pt x="117091" y="114479"/>
                      <a:pt x="118224" y="113993"/>
                      <a:pt x="119053" y="113155"/>
                    </a:cubicBezTo>
                    <a:lnTo>
                      <a:pt x="180394" y="51814"/>
                    </a:lnTo>
                    <a:cubicBezTo>
                      <a:pt x="182099" y="50100"/>
                      <a:pt x="182099" y="47337"/>
                      <a:pt x="180394" y="45623"/>
                    </a:cubicBezTo>
                    <a:lnTo>
                      <a:pt x="159153" y="24477"/>
                    </a:lnTo>
                    <a:cubicBezTo>
                      <a:pt x="158325" y="23639"/>
                      <a:pt x="157191" y="23153"/>
                      <a:pt x="156010" y="23144"/>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grpSp>
      </p:grpSp>
      <p:grpSp>
        <p:nvGrpSpPr>
          <p:cNvPr id="245" name="Group 244">
            <a:extLst>
              <a:ext uri="{FF2B5EF4-FFF2-40B4-BE49-F238E27FC236}">
                <a16:creationId xmlns:a16="http://schemas.microsoft.com/office/drawing/2014/main" id="{5FE773C1-F85C-AD9A-772A-D02A33E25A14}"/>
              </a:ext>
            </a:extLst>
          </p:cNvPr>
          <p:cNvGrpSpPr/>
          <p:nvPr/>
        </p:nvGrpSpPr>
        <p:grpSpPr>
          <a:xfrm>
            <a:off x="6210524" y="5038474"/>
            <a:ext cx="6127140" cy="807872"/>
            <a:chOff x="6223780" y="2818474"/>
            <a:chExt cx="6127140" cy="807872"/>
          </a:xfrm>
        </p:grpSpPr>
        <p:sp>
          <p:nvSpPr>
            <p:cNvPr id="162" name="Rectangle 161">
              <a:extLst>
                <a:ext uri="{FF2B5EF4-FFF2-40B4-BE49-F238E27FC236}">
                  <a16:creationId xmlns:a16="http://schemas.microsoft.com/office/drawing/2014/main" id="{0F1B934C-724F-B9BC-F02A-D10DCC3575DF}"/>
                </a:ext>
              </a:extLst>
            </p:cNvPr>
            <p:cNvSpPr/>
            <p:nvPr/>
          </p:nvSpPr>
          <p:spPr>
            <a:xfrm>
              <a:off x="6223780" y="2818474"/>
              <a:ext cx="5504945"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 name="TextBox 162">
              <a:extLst>
                <a:ext uri="{FF2B5EF4-FFF2-40B4-BE49-F238E27FC236}">
                  <a16:creationId xmlns:a16="http://schemas.microsoft.com/office/drawing/2014/main" id="{B62A14ED-F0A8-BDE5-8BA0-388D704E5FD6}"/>
                </a:ext>
              </a:extLst>
            </p:cNvPr>
            <p:cNvSpPr txBox="1"/>
            <p:nvPr/>
          </p:nvSpPr>
          <p:spPr>
            <a:xfrm>
              <a:off x="7425951" y="2893423"/>
              <a:ext cx="4924969" cy="677108"/>
            </a:xfrm>
            <a:prstGeom prst="rect">
              <a:avLst/>
            </a:prstGeom>
            <a:noFill/>
          </p:spPr>
          <p:txBody>
            <a:bodyPr wrap="squar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5</a:t>
              </a:r>
              <a:r>
                <a:rPr lang="en-US" sz="2400">
                  <a:solidFill>
                    <a:schemeClr val="bg2"/>
                  </a:solidFill>
                  <a:latin typeface="+mj-lt"/>
                  <a:ea typeface="Open Sans Extrabold" panose="020B0606030504020204" pitchFamily="34" charset="0"/>
                  <a:cs typeface="Open Sans Extrabold" panose="020B0606030504020204" pitchFamily="34" charset="0"/>
                </a:rPr>
                <a:t> days of in person meetings</a:t>
              </a:r>
            </a:p>
            <a:p>
              <a:r>
                <a:rPr lang="en-US" sz="1250">
                  <a:solidFill>
                    <a:schemeClr val="bg2"/>
                  </a:solidFill>
                  <a:ea typeface="Open Sans"/>
                  <a:cs typeface="Open Sans"/>
                </a:rPr>
                <a:t>in Canberra, Brisbane, Ipswich, Hobart and Launceston</a:t>
              </a:r>
            </a:p>
          </p:txBody>
        </p:sp>
        <p:grpSp>
          <p:nvGrpSpPr>
            <p:cNvPr id="195" name="Group 194">
              <a:extLst>
                <a:ext uri="{FF2B5EF4-FFF2-40B4-BE49-F238E27FC236}">
                  <a16:creationId xmlns:a16="http://schemas.microsoft.com/office/drawing/2014/main" id="{8C5ECB2C-31C4-AB53-7B78-BCD69E3EE73E}"/>
                </a:ext>
              </a:extLst>
            </p:cNvPr>
            <p:cNvGrpSpPr/>
            <p:nvPr/>
          </p:nvGrpSpPr>
          <p:grpSpPr>
            <a:xfrm>
              <a:off x="6526605" y="2991070"/>
              <a:ext cx="598407" cy="524969"/>
              <a:chOff x="3200369" y="4304741"/>
              <a:chExt cx="449419" cy="394264"/>
            </a:xfrm>
          </p:grpSpPr>
          <p:sp>
            <p:nvSpPr>
              <p:cNvPr id="196" name="Freeform: Shape 2">
                <a:extLst>
                  <a:ext uri="{FF2B5EF4-FFF2-40B4-BE49-F238E27FC236}">
                    <a16:creationId xmlns:a16="http://schemas.microsoft.com/office/drawing/2014/main" id="{A43BA4B0-7B60-2B65-7C8B-10943F4B70CF}"/>
                  </a:ext>
                </a:extLst>
              </p:cNvPr>
              <p:cNvSpPr/>
              <p:nvPr/>
            </p:nvSpPr>
            <p:spPr>
              <a:xfrm>
                <a:off x="3205272" y="4304741"/>
                <a:ext cx="439308" cy="329855"/>
              </a:xfrm>
              <a:custGeom>
                <a:avLst/>
                <a:gdLst>
                  <a:gd name="connsiteX0" fmla="*/ 436135 w 439308"/>
                  <a:gd name="connsiteY0" fmla="*/ 202139 h 329855"/>
                  <a:gd name="connsiteX1" fmla="*/ 418990 w 439308"/>
                  <a:gd name="connsiteY1" fmla="*/ 147846 h 329855"/>
                  <a:gd name="connsiteX2" fmla="*/ 406608 w 439308"/>
                  <a:gd name="connsiteY2" fmla="*/ 139655 h 329855"/>
                  <a:gd name="connsiteX3" fmla="*/ 373461 w 439308"/>
                  <a:gd name="connsiteY3" fmla="*/ 97840 h 329855"/>
                  <a:gd name="connsiteX4" fmla="*/ 362412 w 439308"/>
                  <a:gd name="connsiteY4" fmla="*/ 65550 h 329855"/>
                  <a:gd name="connsiteX5" fmla="*/ 357935 w 439308"/>
                  <a:gd name="connsiteY5" fmla="*/ 43453 h 329855"/>
                  <a:gd name="connsiteX6" fmla="*/ 346029 w 439308"/>
                  <a:gd name="connsiteY6" fmla="*/ 40690 h 329855"/>
                  <a:gd name="connsiteX7" fmla="*/ 336980 w 439308"/>
                  <a:gd name="connsiteY7" fmla="*/ 5924 h 329855"/>
                  <a:gd name="connsiteX8" fmla="*/ 298213 w 439308"/>
                  <a:gd name="connsiteY8" fmla="*/ 75837 h 329855"/>
                  <a:gd name="connsiteX9" fmla="*/ 265828 w 439308"/>
                  <a:gd name="connsiteY9" fmla="*/ 13258 h 329855"/>
                  <a:gd name="connsiteX10" fmla="*/ 255160 w 439308"/>
                  <a:gd name="connsiteY10" fmla="*/ 12782 h 329855"/>
                  <a:gd name="connsiteX11" fmla="*/ 218203 w 439308"/>
                  <a:gd name="connsiteY11" fmla="*/ 18 h 329855"/>
                  <a:gd name="connsiteX12" fmla="*/ 195057 w 439308"/>
                  <a:gd name="connsiteY12" fmla="*/ 10115 h 329855"/>
                  <a:gd name="connsiteX13" fmla="*/ 178198 w 439308"/>
                  <a:gd name="connsiteY13" fmla="*/ 31832 h 329855"/>
                  <a:gd name="connsiteX14" fmla="*/ 182103 w 439308"/>
                  <a:gd name="connsiteY14" fmla="*/ 44405 h 329855"/>
                  <a:gd name="connsiteX15" fmla="*/ 136860 w 439308"/>
                  <a:gd name="connsiteY15" fmla="*/ 34880 h 329855"/>
                  <a:gd name="connsiteX16" fmla="*/ 128954 w 439308"/>
                  <a:gd name="connsiteY16" fmla="*/ 41452 h 329855"/>
                  <a:gd name="connsiteX17" fmla="*/ 119429 w 439308"/>
                  <a:gd name="connsiteY17" fmla="*/ 56216 h 329855"/>
                  <a:gd name="connsiteX18" fmla="*/ 110475 w 439308"/>
                  <a:gd name="connsiteY18" fmla="*/ 63645 h 329855"/>
                  <a:gd name="connsiteX19" fmla="*/ 102570 w 439308"/>
                  <a:gd name="connsiteY19" fmla="*/ 59359 h 329855"/>
                  <a:gd name="connsiteX20" fmla="*/ 76757 w 439308"/>
                  <a:gd name="connsiteY20" fmla="*/ 97459 h 329855"/>
                  <a:gd name="connsiteX21" fmla="*/ 10082 w 439308"/>
                  <a:gd name="connsiteY21" fmla="*/ 126034 h 329855"/>
                  <a:gd name="connsiteX22" fmla="*/ 557 w 439308"/>
                  <a:gd name="connsiteY22" fmla="*/ 130130 h 329855"/>
                  <a:gd name="connsiteX23" fmla="*/ 5891 w 439308"/>
                  <a:gd name="connsiteY23" fmla="*/ 173183 h 329855"/>
                  <a:gd name="connsiteX24" fmla="*/ 14178 w 439308"/>
                  <a:gd name="connsiteY24" fmla="*/ 204901 h 329855"/>
                  <a:gd name="connsiteX25" fmla="*/ 33228 w 439308"/>
                  <a:gd name="connsiteY25" fmla="*/ 262051 h 329855"/>
                  <a:gd name="connsiteX26" fmla="*/ 48849 w 439308"/>
                  <a:gd name="connsiteY26" fmla="*/ 279482 h 329855"/>
                  <a:gd name="connsiteX27" fmla="*/ 112761 w 439308"/>
                  <a:gd name="connsiteY27" fmla="*/ 267099 h 329855"/>
                  <a:gd name="connsiteX28" fmla="*/ 238301 w 439308"/>
                  <a:gd name="connsiteY28" fmla="*/ 272910 h 329855"/>
                  <a:gd name="connsiteX29" fmla="*/ 263256 w 439308"/>
                  <a:gd name="connsiteY29" fmla="*/ 254812 h 329855"/>
                  <a:gd name="connsiteX30" fmla="*/ 255065 w 439308"/>
                  <a:gd name="connsiteY30" fmla="*/ 282435 h 329855"/>
                  <a:gd name="connsiteX31" fmla="*/ 269829 w 439308"/>
                  <a:gd name="connsiteY31" fmla="*/ 278720 h 329855"/>
                  <a:gd name="connsiteX32" fmla="*/ 283354 w 439308"/>
                  <a:gd name="connsiteY32" fmla="*/ 308533 h 329855"/>
                  <a:gd name="connsiteX33" fmla="*/ 335551 w 439308"/>
                  <a:gd name="connsiteY33" fmla="*/ 325202 h 329855"/>
                  <a:gd name="connsiteX34" fmla="*/ 374318 w 439308"/>
                  <a:gd name="connsiteY34" fmla="*/ 320439 h 329855"/>
                  <a:gd name="connsiteX35" fmla="*/ 436135 w 439308"/>
                  <a:gd name="connsiteY35" fmla="*/ 202139 h 3298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439308" h="329855">
                    <a:moveTo>
                      <a:pt x="436135" y="202139"/>
                    </a:moveTo>
                    <a:cubicBezTo>
                      <a:pt x="448041" y="178707"/>
                      <a:pt x="422895" y="165182"/>
                      <a:pt x="418990" y="147846"/>
                    </a:cubicBezTo>
                    <a:cubicBezTo>
                      <a:pt x="422514" y="138321"/>
                      <a:pt x="409465" y="140417"/>
                      <a:pt x="406608" y="139655"/>
                    </a:cubicBezTo>
                    <a:cubicBezTo>
                      <a:pt x="404988" y="118224"/>
                      <a:pt x="390605" y="106889"/>
                      <a:pt x="373461" y="97840"/>
                    </a:cubicBezTo>
                    <a:cubicBezTo>
                      <a:pt x="369079" y="87363"/>
                      <a:pt x="374413" y="72218"/>
                      <a:pt x="362412" y="65550"/>
                    </a:cubicBezTo>
                    <a:cubicBezTo>
                      <a:pt x="361840" y="57740"/>
                      <a:pt x="365936" y="48310"/>
                      <a:pt x="357935" y="43453"/>
                    </a:cubicBezTo>
                    <a:cubicBezTo>
                      <a:pt x="355363" y="35261"/>
                      <a:pt x="350981" y="39738"/>
                      <a:pt x="346029" y="40690"/>
                    </a:cubicBezTo>
                    <a:cubicBezTo>
                      <a:pt x="342980" y="27831"/>
                      <a:pt x="344028" y="17735"/>
                      <a:pt x="336980" y="5924"/>
                    </a:cubicBezTo>
                    <a:cubicBezTo>
                      <a:pt x="314025" y="-27604"/>
                      <a:pt x="329264" y="92887"/>
                      <a:pt x="298213" y="75837"/>
                    </a:cubicBezTo>
                    <a:cubicBezTo>
                      <a:pt x="268400" y="49929"/>
                      <a:pt x="229538" y="53549"/>
                      <a:pt x="265828" y="13258"/>
                    </a:cubicBezTo>
                    <a:cubicBezTo>
                      <a:pt x="265828" y="5448"/>
                      <a:pt x="258494" y="10115"/>
                      <a:pt x="255160" y="12782"/>
                    </a:cubicBezTo>
                    <a:cubicBezTo>
                      <a:pt x="245635" y="4305"/>
                      <a:pt x="227538" y="8496"/>
                      <a:pt x="218203" y="18"/>
                    </a:cubicBezTo>
                    <a:cubicBezTo>
                      <a:pt x="214203" y="12591"/>
                      <a:pt x="205630" y="7448"/>
                      <a:pt x="195057" y="10115"/>
                    </a:cubicBezTo>
                    <a:cubicBezTo>
                      <a:pt x="185532" y="14782"/>
                      <a:pt x="186104" y="26022"/>
                      <a:pt x="178198" y="31832"/>
                    </a:cubicBezTo>
                    <a:cubicBezTo>
                      <a:pt x="175531" y="36880"/>
                      <a:pt x="184294" y="39166"/>
                      <a:pt x="182103" y="44405"/>
                    </a:cubicBezTo>
                    <a:cubicBezTo>
                      <a:pt x="163053" y="49644"/>
                      <a:pt x="150004" y="10877"/>
                      <a:pt x="136860" y="34880"/>
                    </a:cubicBezTo>
                    <a:cubicBezTo>
                      <a:pt x="131049" y="34213"/>
                      <a:pt x="127335" y="36595"/>
                      <a:pt x="128954" y="41452"/>
                    </a:cubicBezTo>
                    <a:cubicBezTo>
                      <a:pt x="120477" y="42309"/>
                      <a:pt x="119429" y="48977"/>
                      <a:pt x="119429" y="56216"/>
                    </a:cubicBezTo>
                    <a:cubicBezTo>
                      <a:pt x="114762" y="58692"/>
                      <a:pt x="104379" y="53549"/>
                      <a:pt x="110475" y="63645"/>
                    </a:cubicBezTo>
                    <a:cubicBezTo>
                      <a:pt x="110475" y="73170"/>
                      <a:pt x="105046" y="61169"/>
                      <a:pt x="102570" y="59359"/>
                    </a:cubicBezTo>
                    <a:cubicBezTo>
                      <a:pt x="91997" y="71170"/>
                      <a:pt x="94283" y="90030"/>
                      <a:pt x="76757" y="97459"/>
                    </a:cubicBezTo>
                    <a:cubicBezTo>
                      <a:pt x="54849" y="104412"/>
                      <a:pt x="25322" y="106413"/>
                      <a:pt x="10082" y="126034"/>
                    </a:cubicBezTo>
                    <a:cubicBezTo>
                      <a:pt x="3795" y="120605"/>
                      <a:pt x="1509" y="120891"/>
                      <a:pt x="557" y="130130"/>
                    </a:cubicBezTo>
                    <a:cubicBezTo>
                      <a:pt x="-1034" y="144703"/>
                      <a:pt x="795" y="159438"/>
                      <a:pt x="5891" y="173183"/>
                    </a:cubicBezTo>
                    <a:cubicBezTo>
                      <a:pt x="-9063" y="170135"/>
                      <a:pt x="16083" y="196233"/>
                      <a:pt x="14178" y="204901"/>
                    </a:cubicBezTo>
                    <a:cubicBezTo>
                      <a:pt x="23703" y="220713"/>
                      <a:pt x="36942" y="243478"/>
                      <a:pt x="33228" y="262051"/>
                    </a:cubicBezTo>
                    <a:cubicBezTo>
                      <a:pt x="19035" y="270052"/>
                      <a:pt x="41705" y="277291"/>
                      <a:pt x="48849" y="279482"/>
                    </a:cubicBezTo>
                    <a:cubicBezTo>
                      <a:pt x="73995" y="278529"/>
                      <a:pt x="85425" y="258622"/>
                      <a:pt x="112761" y="267099"/>
                    </a:cubicBezTo>
                    <a:cubicBezTo>
                      <a:pt x="143622" y="238524"/>
                      <a:pt x="218203" y="221189"/>
                      <a:pt x="238301" y="272910"/>
                    </a:cubicBezTo>
                    <a:cubicBezTo>
                      <a:pt x="243635" y="280625"/>
                      <a:pt x="261828" y="263385"/>
                      <a:pt x="263256" y="254812"/>
                    </a:cubicBezTo>
                    <a:cubicBezTo>
                      <a:pt x="270591" y="263670"/>
                      <a:pt x="256589" y="273862"/>
                      <a:pt x="255065" y="282435"/>
                    </a:cubicBezTo>
                    <a:cubicBezTo>
                      <a:pt x="260113" y="291960"/>
                      <a:pt x="264018" y="271195"/>
                      <a:pt x="269829" y="278720"/>
                    </a:cubicBezTo>
                    <a:cubicBezTo>
                      <a:pt x="266019" y="294722"/>
                      <a:pt x="286688" y="286245"/>
                      <a:pt x="283354" y="308533"/>
                    </a:cubicBezTo>
                    <a:cubicBezTo>
                      <a:pt x="295070" y="328917"/>
                      <a:pt x="318311" y="322630"/>
                      <a:pt x="335551" y="325202"/>
                    </a:cubicBezTo>
                    <a:cubicBezTo>
                      <a:pt x="349553" y="338918"/>
                      <a:pt x="358983" y="317677"/>
                      <a:pt x="374318" y="320439"/>
                    </a:cubicBezTo>
                    <a:cubicBezTo>
                      <a:pt x="395178" y="293198"/>
                      <a:pt x="443660" y="239763"/>
                      <a:pt x="436135" y="202139"/>
                    </a:cubicBez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97" name="Freeform: Shape 3">
                <a:extLst>
                  <a:ext uri="{FF2B5EF4-FFF2-40B4-BE49-F238E27FC236}">
                    <a16:creationId xmlns:a16="http://schemas.microsoft.com/office/drawing/2014/main" id="{467F5E37-041B-4185-D9D1-290ACF0665FA}"/>
                  </a:ext>
                </a:extLst>
              </p:cNvPr>
              <p:cNvSpPr/>
              <p:nvPr/>
            </p:nvSpPr>
            <p:spPr>
              <a:xfrm>
                <a:off x="3531961" y="4658020"/>
                <a:ext cx="35497" cy="29990"/>
              </a:xfrm>
              <a:custGeom>
                <a:avLst/>
                <a:gdLst>
                  <a:gd name="connsiteX0" fmla="*/ 34579 w 35497"/>
                  <a:gd name="connsiteY0" fmla="*/ 974 h 29990"/>
                  <a:gd name="connsiteX1" fmla="*/ 5337 w 35497"/>
                  <a:gd name="connsiteY1" fmla="*/ 13071 h 29990"/>
                  <a:gd name="connsiteX2" fmla="*/ 34579 w 35497"/>
                  <a:gd name="connsiteY2" fmla="*/ 974 h 29990"/>
                </a:gdLst>
                <a:ahLst/>
                <a:cxnLst>
                  <a:cxn ang="0">
                    <a:pos x="connsiteX0" y="connsiteY0"/>
                  </a:cxn>
                  <a:cxn ang="0">
                    <a:pos x="connsiteX1" y="connsiteY1"/>
                  </a:cxn>
                  <a:cxn ang="0">
                    <a:pos x="connsiteX2" y="connsiteY2"/>
                  </a:cxn>
                </a:cxnLst>
                <a:rect l="l" t="t" r="r" b="b"/>
                <a:pathLst>
                  <a:path w="35497" h="29990">
                    <a:moveTo>
                      <a:pt x="34579" y="974"/>
                    </a:moveTo>
                    <a:cubicBezTo>
                      <a:pt x="20863" y="8403"/>
                      <a:pt x="-13046" y="-12266"/>
                      <a:pt x="5337" y="13071"/>
                    </a:cubicBezTo>
                    <a:cubicBezTo>
                      <a:pt x="1813" y="47075"/>
                      <a:pt x="42009" y="22882"/>
                      <a:pt x="34579" y="974"/>
                    </a:cubicBezTo>
                    <a:close/>
                  </a:path>
                </a:pathLst>
              </a:custGeom>
              <a:solidFill>
                <a:schemeClr val="accent6">
                  <a:lumMod val="20000"/>
                  <a:lumOff val="8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98" name="Freeform: Shape 4">
                <a:extLst>
                  <a:ext uri="{FF2B5EF4-FFF2-40B4-BE49-F238E27FC236}">
                    <a16:creationId xmlns:a16="http://schemas.microsoft.com/office/drawing/2014/main" id="{9DBE8DCF-D189-B6C2-2183-B96941E628F4}"/>
                  </a:ext>
                </a:extLst>
              </p:cNvPr>
              <p:cNvSpPr/>
              <p:nvPr/>
            </p:nvSpPr>
            <p:spPr>
              <a:xfrm>
                <a:off x="3200369" y="4305190"/>
                <a:ext cx="449419" cy="340850"/>
              </a:xfrm>
              <a:custGeom>
                <a:avLst/>
                <a:gdLst>
                  <a:gd name="connsiteX0" fmla="*/ 351027 w 449419"/>
                  <a:gd name="connsiteY0" fmla="*/ 340850 h 340850"/>
                  <a:gd name="connsiteX1" fmla="*/ 338930 w 449419"/>
                  <a:gd name="connsiteY1" fmla="*/ 335897 h 340850"/>
                  <a:gd name="connsiteX2" fmla="*/ 327501 w 449419"/>
                  <a:gd name="connsiteY2" fmla="*/ 335326 h 340850"/>
                  <a:gd name="connsiteX3" fmla="*/ 284447 w 449419"/>
                  <a:gd name="connsiteY3" fmla="*/ 316752 h 340850"/>
                  <a:gd name="connsiteX4" fmla="*/ 283685 w 449419"/>
                  <a:gd name="connsiteY4" fmla="*/ 313132 h 340850"/>
                  <a:gd name="connsiteX5" fmla="*/ 278447 w 449419"/>
                  <a:gd name="connsiteY5" fmla="*/ 300845 h 340850"/>
                  <a:gd name="connsiteX6" fmla="*/ 270446 w 449419"/>
                  <a:gd name="connsiteY6" fmla="*/ 292558 h 340850"/>
                  <a:gd name="connsiteX7" fmla="*/ 263207 w 449419"/>
                  <a:gd name="connsiteY7" fmla="*/ 295892 h 340850"/>
                  <a:gd name="connsiteX8" fmla="*/ 255968 w 449419"/>
                  <a:gd name="connsiteY8" fmla="*/ 290463 h 340850"/>
                  <a:gd name="connsiteX9" fmla="*/ 255396 w 449419"/>
                  <a:gd name="connsiteY9" fmla="*/ 286843 h 340850"/>
                  <a:gd name="connsiteX10" fmla="*/ 256444 w 449419"/>
                  <a:gd name="connsiteY10" fmla="*/ 283129 h 340850"/>
                  <a:gd name="connsiteX11" fmla="*/ 250729 w 449419"/>
                  <a:gd name="connsiteY11" fmla="*/ 285510 h 340850"/>
                  <a:gd name="connsiteX12" fmla="*/ 239585 w 449419"/>
                  <a:gd name="connsiteY12" fmla="*/ 281509 h 340850"/>
                  <a:gd name="connsiteX13" fmla="*/ 238918 w 449419"/>
                  <a:gd name="connsiteY13" fmla="*/ 280366 h 340850"/>
                  <a:gd name="connsiteX14" fmla="*/ 206438 w 449419"/>
                  <a:gd name="connsiteY14" fmla="*/ 252554 h 340850"/>
                  <a:gd name="connsiteX15" fmla="*/ 122427 w 449419"/>
                  <a:gd name="connsiteY15" fmla="*/ 276556 h 340850"/>
                  <a:gd name="connsiteX16" fmla="*/ 116998 w 449419"/>
                  <a:gd name="connsiteY16" fmla="*/ 277795 h 340850"/>
                  <a:gd name="connsiteX17" fmla="*/ 83375 w 449419"/>
                  <a:gd name="connsiteY17" fmla="*/ 282367 h 340850"/>
                  <a:gd name="connsiteX18" fmla="*/ 54800 w 449419"/>
                  <a:gd name="connsiteY18" fmla="*/ 290463 h 340850"/>
                  <a:gd name="connsiteX19" fmla="*/ 52990 w 449419"/>
                  <a:gd name="connsiteY19" fmla="*/ 290463 h 340850"/>
                  <a:gd name="connsiteX20" fmla="*/ 28796 w 449419"/>
                  <a:gd name="connsiteY20" fmla="*/ 274080 h 340850"/>
                  <a:gd name="connsiteX21" fmla="*/ 33750 w 449419"/>
                  <a:gd name="connsiteY21" fmla="*/ 264555 h 340850"/>
                  <a:gd name="connsiteX22" fmla="*/ 15271 w 449419"/>
                  <a:gd name="connsiteY22" fmla="*/ 214072 h 340850"/>
                  <a:gd name="connsiteX23" fmla="*/ 14223 w 449419"/>
                  <a:gd name="connsiteY23" fmla="*/ 209405 h 340850"/>
                  <a:gd name="connsiteX24" fmla="*/ 7937 w 449419"/>
                  <a:gd name="connsiteY24" fmla="*/ 196642 h 340850"/>
                  <a:gd name="connsiteX25" fmla="*/ 2508 w 449419"/>
                  <a:gd name="connsiteY25" fmla="*/ 176258 h 340850"/>
                  <a:gd name="connsiteX26" fmla="*/ 4127 w 449419"/>
                  <a:gd name="connsiteY26" fmla="*/ 174639 h 340850"/>
                  <a:gd name="connsiteX27" fmla="*/ 602 w 449419"/>
                  <a:gd name="connsiteY27" fmla="*/ 135301 h 340850"/>
                  <a:gd name="connsiteX28" fmla="*/ 6508 w 449419"/>
                  <a:gd name="connsiteY28" fmla="*/ 123204 h 340850"/>
                  <a:gd name="connsiteX29" fmla="*/ 14509 w 449419"/>
                  <a:gd name="connsiteY29" fmla="*/ 124156 h 340850"/>
                  <a:gd name="connsiteX30" fmla="*/ 63182 w 449419"/>
                  <a:gd name="connsiteY30" fmla="*/ 102439 h 340850"/>
                  <a:gd name="connsiteX31" fmla="*/ 79946 w 449419"/>
                  <a:gd name="connsiteY31" fmla="*/ 97963 h 340850"/>
                  <a:gd name="connsiteX32" fmla="*/ 93852 w 449419"/>
                  <a:gd name="connsiteY32" fmla="*/ 78913 h 340850"/>
                  <a:gd name="connsiteX33" fmla="*/ 103377 w 449419"/>
                  <a:gd name="connsiteY33" fmla="*/ 61196 h 340850"/>
                  <a:gd name="connsiteX34" fmla="*/ 109664 w 449419"/>
                  <a:gd name="connsiteY34" fmla="*/ 59767 h 340850"/>
                  <a:gd name="connsiteX35" fmla="*/ 118617 w 449419"/>
                  <a:gd name="connsiteY35" fmla="*/ 57005 h 340850"/>
                  <a:gd name="connsiteX36" fmla="*/ 118617 w 449419"/>
                  <a:gd name="connsiteY36" fmla="*/ 57005 h 340850"/>
                  <a:gd name="connsiteX37" fmla="*/ 127666 w 449419"/>
                  <a:gd name="connsiteY37" fmla="*/ 42813 h 340850"/>
                  <a:gd name="connsiteX38" fmla="*/ 129476 w 449419"/>
                  <a:gd name="connsiteY38" fmla="*/ 38908 h 340850"/>
                  <a:gd name="connsiteX39" fmla="*/ 138239 w 449419"/>
                  <a:gd name="connsiteY39" fmla="*/ 34812 h 340850"/>
                  <a:gd name="connsiteX40" fmla="*/ 148716 w 449419"/>
                  <a:gd name="connsiteY40" fmla="*/ 27001 h 340850"/>
                  <a:gd name="connsiteX41" fmla="*/ 168433 w 449419"/>
                  <a:gd name="connsiteY41" fmla="*/ 36050 h 340850"/>
                  <a:gd name="connsiteX42" fmla="*/ 177482 w 449419"/>
                  <a:gd name="connsiteY42" fmla="*/ 42813 h 340850"/>
                  <a:gd name="connsiteX43" fmla="*/ 177482 w 449419"/>
                  <a:gd name="connsiteY43" fmla="*/ 34431 h 340850"/>
                  <a:gd name="connsiteX44" fmla="*/ 179101 w 449419"/>
                  <a:gd name="connsiteY44" fmla="*/ 32621 h 340850"/>
                  <a:gd name="connsiteX45" fmla="*/ 184626 w 449419"/>
                  <a:gd name="connsiteY45" fmla="*/ 24525 h 340850"/>
                  <a:gd name="connsiteX46" fmla="*/ 196722 w 449419"/>
                  <a:gd name="connsiteY46" fmla="*/ 10333 h 340850"/>
                  <a:gd name="connsiteX47" fmla="*/ 197865 w 449419"/>
                  <a:gd name="connsiteY47" fmla="*/ 10333 h 340850"/>
                  <a:gd name="connsiteX48" fmla="*/ 208057 w 449419"/>
                  <a:gd name="connsiteY48" fmla="*/ 9190 h 340850"/>
                  <a:gd name="connsiteX49" fmla="*/ 217010 w 449419"/>
                  <a:gd name="connsiteY49" fmla="*/ 3951 h 340850"/>
                  <a:gd name="connsiteX50" fmla="*/ 220820 w 449419"/>
                  <a:gd name="connsiteY50" fmla="*/ 236 h 340850"/>
                  <a:gd name="connsiteX51" fmla="*/ 226059 w 449419"/>
                  <a:gd name="connsiteY51" fmla="*/ 1474 h 340850"/>
                  <a:gd name="connsiteX52" fmla="*/ 241680 w 449419"/>
                  <a:gd name="connsiteY52" fmla="*/ 6523 h 340850"/>
                  <a:gd name="connsiteX53" fmla="*/ 259301 w 449419"/>
                  <a:gd name="connsiteY53" fmla="*/ 11571 h 340850"/>
                  <a:gd name="connsiteX54" fmla="*/ 270351 w 449419"/>
                  <a:gd name="connsiteY54" fmla="*/ 9666 h 340850"/>
                  <a:gd name="connsiteX55" fmla="*/ 275589 w 449419"/>
                  <a:gd name="connsiteY55" fmla="*/ 18619 h 340850"/>
                  <a:gd name="connsiteX56" fmla="*/ 274160 w 449419"/>
                  <a:gd name="connsiteY56" fmla="*/ 22620 h 340850"/>
                  <a:gd name="connsiteX57" fmla="*/ 261016 w 449419"/>
                  <a:gd name="connsiteY57" fmla="*/ 45671 h 340850"/>
                  <a:gd name="connsiteX58" fmla="*/ 278828 w 449419"/>
                  <a:gd name="connsiteY58" fmla="*/ 59577 h 340850"/>
                  <a:gd name="connsiteX59" fmla="*/ 305593 w 449419"/>
                  <a:gd name="connsiteY59" fmla="*/ 76817 h 340850"/>
                  <a:gd name="connsiteX60" fmla="*/ 308927 w 449419"/>
                  <a:gd name="connsiteY60" fmla="*/ 77293 h 340850"/>
                  <a:gd name="connsiteX61" fmla="*/ 319690 w 449419"/>
                  <a:gd name="connsiteY61" fmla="*/ 36050 h 340850"/>
                  <a:gd name="connsiteX62" fmla="*/ 332263 w 449419"/>
                  <a:gd name="connsiteY62" fmla="*/ 236 h 340850"/>
                  <a:gd name="connsiteX63" fmla="*/ 345693 w 449419"/>
                  <a:gd name="connsiteY63" fmla="*/ 8428 h 340850"/>
                  <a:gd name="connsiteX64" fmla="*/ 353694 w 449419"/>
                  <a:gd name="connsiteY64" fmla="*/ 33764 h 340850"/>
                  <a:gd name="connsiteX65" fmla="*/ 354456 w 449419"/>
                  <a:gd name="connsiteY65" fmla="*/ 39098 h 340850"/>
                  <a:gd name="connsiteX66" fmla="*/ 361695 w 449419"/>
                  <a:gd name="connsiteY66" fmla="*/ 39574 h 340850"/>
                  <a:gd name="connsiteX67" fmla="*/ 366839 w 449419"/>
                  <a:gd name="connsiteY67" fmla="*/ 45575 h 340850"/>
                  <a:gd name="connsiteX68" fmla="*/ 372459 w 449419"/>
                  <a:gd name="connsiteY68" fmla="*/ 64625 h 340850"/>
                  <a:gd name="connsiteX69" fmla="*/ 372459 w 449419"/>
                  <a:gd name="connsiteY69" fmla="*/ 67864 h 340850"/>
                  <a:gd name="connsiteX70" fmla="*/ 381317 w 449419"/>
                  <a:gd name="connsiteY70" fmla="*/ 90343 h 340850"/>
                  <a:gd name="connsiteX71" fmla="*/ 382460 w 449419"/>
                  <a:gd name="connsiteY71" fmla="*/ 99296 h 340850"/>
                  <a:gd name="connsiteX72" fmla="*/ 416083 w 449419"/>
                  <a:gd name="connsiteY72" fmla="*/ 139777 h 340850"/>
                  <a:gd name="connsiteX73" fmla="*/ 428085 w 449419"/>
                  <a:gd name="connsiteY73" fmla="*/ 144826 h 340850"/>
                  <a:gd name="connsiteX74" fmla="*/ 429323 w 449419"/>
                  <a:gd name="connsiteY74" fmla="*/ 153303 h 340850"/>
                  <a:gd name="connsiteX75" fmla="*/ 437514 w 449419"/>
                  <a:gd name="connsiteY75" fmla="*/ 167400 h 340850"/>
                  <a:gd name="connsiteX76" fmla="*/ 446468 w 449419"/>
                  <a:gd name="connsiteY76" fmla="*/ 208262 h 340850"/>
                  <a:gd name="connsiteX77" fmla="*/ 396271 w 449419"/>
                  <a:gd name="connsiteY77" fmla="*/ 313513 h 340850"/>
                  <a:gd name="connsiteX78" fmla="*/ 384269 w 449419"/>
                  <a:gd name="connsiteY78" fmla="*/ 329230 h 340850"/>
                  <a:gd name="connsiteX79" fmla="*/ 378745 w 449419"/>
                  <a:gd name="connsiteY79" fmla="*/ 331516 h 340850"/>
                  <a:gd name="connsiteX80" fmla="*/ 365410 w 449419"/>
                  <a:gd name="connsiteY80" fmla="*/ 335707 h 340850"/>
                  <a:gd name="connsiteX81" fmla="*/ 351027 w 449419"/>
                  <a:gd name="connsiteY81" fmla="*/ 340850 h 340850"/>
                  <a:gd name="connsiteX82" fmla="*/ 295020 w 449419"/>
                  <a:gd name="connsiteY82" fmla="*/ 312275 h 340850"/>
                  <a:gd name="connsiteX83" fmla="*/ 327786 w 449419"/>
                  <a:gd name="connsiteY83" fmla="*/ 323705 h 340850"/>
                  <a:gd name="connsiteX84" fmla="*/ 342264 w 449419"/>
                  <a:gd name="connsiteY84" fmla="*/ 324563 h 340850"/>
                  <a:gd name="connsiteX85" fmla="*/ 345312 w 449419"/>
                  <a:gd name="connsiteY85" fmla="*/ 326182 h 340850"/>
                  <a:gd name="connsiteX86" fmla="*/ 360362 w 449419"/>
                  <a:gd name="connsiteY86" fmla="*/ 325420 h 340850"/>
                  <a:gd name="connsiteX87" fmla="*/ 377411 w 449419"/>
                  <a:gd name="connsiteY87" fmla="*/ 319609 h 340850"/>
                  <a:gd name="connsiteX88" fmla="*/ 377411 w 449419"/>
                  <a:gd name="connsiteY88" fmla="*/ 319609 h 340850"/>
                  <a:gd name="connsiteX89" fmla="*/ 387699 w 449419"/>
                  <a:gd name="connsiteY89" fmla="*/ 306084 h 340850"/>
                  <a:gd name="connsiteX90" fmla="*/ 435324 w 449419"/>
                  <a:gd name="connsiteY90" fmla="*/ 208072 h 340850"/>
                  <a:gd name="connsiteX91" fmla="*/ 435324 w 449419"/>
                  <a:gd name="connsiteY91" fmla="*/ 204357 h 340850"/>
                  <a:gd name="connsiteX92" fmla="*/ 428085 w 449419"/>
                  <a:gd name="connsiteY92" fmla="*/ 173401 h 340850"/>
                  <a:gd name="connsiteX93" fmla="*/ 417702 w 449419"/>
                  <a:gd name="connsiteY93" fmla="*/ 154351 h 340850"/>
                  <a:gd name="connsiteX94" fmla="*/ 417702 w 449419"/>
                  <a:gd name="connsiteY94" fmla="*/ 151112 h 340850"/>
                  <a:gd name="connsiteX95" fmla="*/ 417702 w 449419"/>
                  <a:gd name="connsiteY95" fmla="*/ 151112 h 340850"/>
                  <a:gd name="connsiteX96" fmla="*/ 413321 w 449419"/>
                  <a:gd name="connsiteY96" fmla="*/ 151112 h 340850"/>
                  <a:gd name="connsiteX97" fmla="*/ 409320 w 449419"/>
                  <a:gd name="connsiteY97" fmla="*/ 151112 h 340850"/>
                  <a:gd name="connsiteX98" fmla="*/ 405034 w 449419"/>
                  <a:gd name="connsiteY98" fmla="*/ 146064 h 340850"/>
                  <a:gd name="connsiteX99" fmla="*/ 374744 w 449419"/>
                  <a:gd name="connsiteY99" fmla="*/ 108821 h 340850"/>
                  <a:gd name="connsiteX100" fmla="*/ 372173 w 449419"/>
                  <a:gd name="connsiteY100" fmla="*/ 106059 h 340850"/>
                  <a:gd name="connsiteX101" fmla="*/ 369601 w 449419"/>
                  <a:gd name="connsiteY101" fmla="*/ 91771 h 340850"/>
                  <a:gd name="connsiteX102" fmla="*/ 363695 w 449419"/>
                  <a:gd name="connsiteY102" fmla="*/ 76436 h 340850"/>
                  <a:gd name="connsiteX103" fmla="*/ 360838 w 449419"/>
                  <a:gd name="connsiteY103" fmla="*/ 71959 h 340850"/>
                  <a:gd name="connsiteX104" fmla="*/ 360838 w 449419"/>
                  <a:gd name="connsiteY104" fmla="*/ 64339 h 340850"/>
                  <a:gd name="connsiteX105" fmla="*/ 358838 w 449419"/>
                  <a:gd name="connsiteY105" fmla="*/ 54338 h 340850"/>
                  <a:gd name="connsiteX106" fmla="*/ 356361 w 449419"/>
                  <a:gd name="connsiteY106" fmla="*/ 51195 h 340850"/>
                  <a:gd name="connsiteX107" fmla="*/ 356361 w 449419"/>
                  <a:gd name="connsiteY107" fmla="*/ 50528 h 340850"/>
                  <a:gd name="connsiteX108" fmla="*/ 355313 w 449419"/>
                  <a:gd name="connsiteY108" fmla="*/ 50528 h 340850"/>
                  <a:gd name="connsiteX109" fmla="*/ 351027 w 449419"/>
                  <a:gd name="connsiteY109" fmla="*/ 51766 h 340850"/>
                  <a:gd name="connsiteX110" fmla="*/ 344550 w 449419"/>
                  <a:gd name="connsiteY110" fmla="*/ 47575 h 340850"/>
                  <a:gd name="connsiteX111" fmla="*/ 342360 w 449419"/>
                  <a:gd name="connsiteY111" fmla="*/ 35383 h 340850"/>
                  <a:gd name="connsiteX112" fmla="*/ 336073 w 449419"/>
                  <a:gd name="connsiteY112" fmla="*/ 14429 h 340850"/>
                  <a:gd name="connsiteX113" fmla="*/ 334740 w 449419"/>
                  <a:gd name="connsiteY113" fmla="*/ 12714 h 340850"/>
                  <a:gd name="connsiteX114" fmla="*/ 330644 w 449419"/>
                  <a:gd name="connsiteY114" fmla="*/ 37384 h 340850"/>
                  <a:gd name="connsiteX115" fmla="*/ 313880 w 449419"/>
                  <a:gd name="connsiteY115" fmla="*/ 87295 h 340850"/>
                  <a:gd name="connsiteX116" fmla="*/ 299497 w 449419"/>
                  <a:gd name="connsiteY116" fmla="*/ 86342 h 340850"/>
                  <a:gd name="connsiteX117" fmla="*/ 298544 w 449419"/>
                  <a:gd name="connsiteY117" fmla="*/ 85675 h 340850"/>
                  <a:gd name="connsiteX118" fmla="*/ 273303 w 449419"/>
                  <a:gd name="connsiteY118" fmla="*/ 69483 h 340850"/>
                  <a:gd name="connsiteX119" fmla="*/ 249776 w 449419"/>
                  <a:gd name="connsiteY119" fmla="*/ 47671 h 340850"/>
                  <a:gd name="connsiteX120" fmla="*/ 258349 w 449419"/>
                  <a:gd name="connsiteY120" fmla="*/ 24049 h 340850"/>
                  <a:gd name="connsiteX121" fmla="*/ 255301 w 449419"/>
                  <a:gd name="connsiteY121" fmla="*/ 22620 h 340850"/>
                  <a:gd name="connsiteX122" fmla="*/ 239775 w 449419"/>
                  <a:gd name="connsiteY122" fmla="*/ 17572 h 340850"/>
                  <a:gd name="connsiteX123" fmla="*/ 224440 w 449419"/>
                  <a:gd name="connsiteY123" fmla="*/ 13762 h 340850"/>
                  <a:gd name="connsiteX124" fmla="*/ 208247 w 449419"/>
                  <a:gd name="connsiteY124" fmla="*/ 20334 h 340850"/>
                  <a:gd name="connsiteX125" fmla="*/ 201009 w 449419"/>
                  <a:gd name="connsiteY125" fmla="*/ 21096 h 340850"/>
                  <a:gd name="connsiteX126" fmla="*/ 194436 w 449419"/>
                  <a:gd name="connsiteY126" fmla="*/ 29764 h 340850"/>
                  <a:gd name="connsiteX127" fmla="*/ 188054 w 449419"/>
                  <a:gd name="connsiteY127" fmla="*/ 39860 h 340850"/>
                  <a:gd name="connsiteX128" fmla="*/ 188054 w 449419"/>
                  <a:gd name="connsiteY128" fmla="*/ 39860 h 340850"/>
                  <a:gd name="connsiteX129" fmla="*/ 191102 w 449419"/>
                  <a:gd name="connsiteY129" fmla="*/ 51862 h 340850"/>
                  <a:gd name="connsiteX130" fmla="*/ 187388 w 449419"/>
                  <a:gd name="connsiteY130" fmla="*/ 55196 h 340850"/>
                  <a:gd name="connsiteX131" fmla="*/ 160432 w 449419"/>
                  <a:gd name="connsiteY131" fmla="*/ 44718 h 340850"/>
                  <a:gd name="connsiteX132" fmla="*/ 150050 w 449419"/>
                  <a:gd name="connsiteY132" fmla="*/ 38146 h 340850"/>
                  <a:gd name="connsiteX133" fmla="*/ 145573 w 449419"/>
                  <a:gd name="connsiteY133" fmla="*/ 43289 h 340850"/>
                  <a:gd name="connsiteX134" fmla="*/ 139953 w 449419"/>
                  <a:gd name="connsiteY134" fmla="*/ 46242 h 340850"/>
                  <a:gd name="connsiteX135" fmla="*/ 138239 w 449419"/>
                  <a:gd name="connsiteY135" fmla="*/ 46242 h 340850"/>
                  <a:gd name="connsiteX136" fmla="*/ 133286 w 449419"/>
                  <a:gd name="connsiteY136" fmla="*/ 52909 h 340850"/>
                  <a:gd name="connsiteX137" fmla="*/ 129000 w 449419"/>
                  <a:gd name="connsiteY137" fmla="*/ 61672 h 340850"/>
                  <a:gd name="connsiteX138" fmla="*/ 126047 w 449419"/>
                  <a:gd name="connsiteY138" fmla="*/ 67006 h 340850"/>
                  <a:gd name="connsiteX139" fmla="*/ 119951 w 449419"/>
                  <a:gd name="connsiteY139" fmla="*/ 68435 h 340850"/>
                  <a:gd name="connsiteX140" fmla="*/ 119951 w 449419"/>
                  <a:gd name="connsiteY140" fmla="*/ 69769 h 340850"/>
                  <a:gd name="connsiteX141" fmla="*/ 114712 w 449419"/>
                  <a:gd name="connsiteY141" fmla="*/ 78722 h 340850"/>
                  <a:gd name="connsiteX142" fmla="*/ 106616 w 449419"/>
                  <a:gd name="connsiteY142" fmla="*/ 75007 h 340850"/>
                  <a:gd name="connsiteX143" fmla="*/ 103282 w 449419"/>
                  <a:gd name="connsiteY143" fmla="*/ 83104 h 340850"/>
                  <a:gd name="connsiteX144" fmla="*/ 82708 w 449419"/>
                  <a:gd name="connsiteY144" fmla="*/ 108345 h 340850"/>
                  <a:gd name="connsiteX145" fmla="*/ 64801 w 449419"/>
                  <a:gd name="connsiteY145" fmla="*/ 113107 h 340850"/>
                  <a:gd name="connsiteX146" fmla="*/ 18795 w 449419"/>
                  <a:gd name="connsiteY146" fmla="*/ 135015 h 340850"/>
                  <a:gd name="connsiteX147" fmla="*/ 14890 w 449419"/>
                  <a:gd name="connsiteY147" fmla="*/ 137206 h 340850"/>
                  <a:gd name="connsiteX148" fmla="*/ 10699 w 449419"/>
                  <a:gd name="connsiteY148" fmla="*/ 135872 h 340850"/>
                  <a:gd name="connsiteX149" fmla="*/ 10699 w 449419"/>
                  <a:gd name="connsiteY149" fmla="*/ 135872 h 340850"/>
                  <a:gd name="connsiteX150" fmla="*/ 15747 w 449419"/>
                  <a:gd name="connsiteY150" fmla="*/ 176639 h 340850"/>
                  <a:gd name="connsiteX151" fmla="*/ 14700 w 449419"/>
                  <a:gd name="connsiteY151" fmla="*/ 182259 h 340850"/>
                  <a:gd name="connsiteX152" fmla="*/ 12604 w 449419"/>
                  <a:gd name="connsiteY152" fmla="*/ 183688 h 340850"/>
                  <a:gd name="connsiteX153" fmla="*/ 16509 w 449419"/>
                  <a:gd name="connsiteY153" fmla="*/ 190546 h 340850"/>
                  <a:gd name="connsiteX154" fmla="*/ 24415 w 449419"/>
                  <a:gd name="connsiteY154" fmla="*/ 208929 h 340850"/>
                  <a:gd name="connsiteX155" fmla="*/ 43465 w 449419"/>
                  <a:gd name="connsiteY155" fmla="*/ 268555 h 340850"/>
                  <a:gd name="connsiteX156" fmla="*/ 40703 w 449419"/>
                  <a:gd name="connsiteY156" fmla="*/ 272461 h 340850"/>
                  <a:gd name="connsiteX157" fmla="*/ 39845 w 449419"/>
                  <a:gd name="connsiteY157" fmla="*/ 273032 h 340850"/>
                  <a:gd name="connsiteX158" fmla="*/ 54324 w 449419"/>
                  <a:gd name="connsiteY158" fmla="*/ 279319 h 340850"/>
                  <a:gd name="connsiteX159" fmla="*/ 77565 w 449419"/>
                  <a:gd name="connsiteY159" fmla="*/ 272270 h 340850"/>
                  <a:gd name="connsiteX160" fmla="*/ 116141 w 449419"/>
                  <a:gd name="connsiteY160" fmla="*/ 266365 h 340850"/>
                  <a:gd name="connsiteX161" fmla="*/ 207867 w 449419"/>
                  <a:gd name="connsiteY161" fmla="*/ 241695 h 340850"/>
                  <a:gd name="connsiteX162" fmla="*/ 247491 w 449419"/>
                  <a:gd name="connsiteY162" fmla="*/ 274556 h 340850"/>
                  <a:gd name="connsiteX163" fmla="*/ 262540 w 449419"/>
                  <a:gd name="connsiteY163" fmla="*/ 259221 h 340850"/>
                  <a:gd name="connsiteX164" fmla="*/ 266636 w 449419"/>
                  <a:gd name="connsiteY164" fmla="*/ 254839 h 340850"/>
                  <a:gd name="connsiteX165" fmla="*/ 272351 w 449419"/>
                  <a:gd name="connsiteY165" fmla="*/ 256649 h 340850"/>
                  <a:gd name="connsiteX166" fmla="*/ 272351 w 449419"/>
                  <a:gd name="connsiteY166" fmla="*/ 276842 h 340850"/>
                  <a:gd name="connsiteX167" fmla="*/ 279304 w 449419"/>
                  <a:gd name="connsiteY167" fmla="*/ 280747 h 340850"/>
                  <a:gd name="connsiteX168" fmla="*/ 280257 w 449419"/>
                  <a:gd name="connsiteY168" fmla="*/ 285510 h 340850"/>
                  <a:gd name="connsiteX169" fmla="*/ 283400 w 449419"/>
                  <a:gd name="connsiteY169" fmla="*/ 291320 h 340850"/>
                  <a:gd name="connsiteX170" fmla="*/ 295306 w 449419"/>
                  <a:gd name="connsiteY170" fmla="*/ 312656 h 3408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Lst>
                <a:rect l="l" t="t" r="r" b="b"/>
                <a:pathLst>
                  <a:path w="449419" h="340850">
                    <a:moveTo>
                      <a:pt x="351027" y="340850"/>
                    </a:moveTo>
                    <a:cubicBezTo>
                      <a:pt x="346522" y="340755"/>
                      <a:pt x="342207" y="338993"/>
                      <a:pt x="338930" y="335897"/>
                    </a:cubicBezTo>
                    <a:cubicBezTo>
                      <a:pt x="335130" y="335507"/>
                      <a:pt x="331320" y="335316"/>
                      <a:pt x="327501" y="335326"/>
                    </a:cubicBezTo>
                    <a:cubicBezTo>
                      <a:pt x="312927" y="335326"/>
                      <a:pt x="294830" y="334659"/>
                      <a:pt x="284447" y="316752"/>
                    </a:cubicBezTo>
                    <a:cubicBezTo>
                      <a:pt x="283781" y="315676"/>
                      <a:pt x="283504" y="314390"/>
                      <a:pt x="283685" y="313132"/>
                    </a:cubicBezTo>
                    <a:cubicBezTo>
                      <a:pt x="284924" y="304846"/>
                      <a:pt x="282447" y="303607"/>
                      <a:pt x="278447" y="300845"/>
                    </a:cubicBezTo>
                    <a:cubicBezTo>
                      <a:pt x="274894" y="299102"/>
                      <a:pt x="272065" y="296168"/>
                      <a:pt x="270446" y="292558"/>
                    </a:cubicBezTo>
                    <a:cubicBezTo>
                      <a:pt x="268636" y="294673"/>
                      <a:pt x="265988" y="295892"/>
                      <a:pt x="263207" y="295892"/>
                    </a:cubicBezTo>
                    <a:cubicBezTo>
                      <a:pt x="259978" y="295540"/>
                      <a:pt x="257206" y="293463"/>
                      <a:pt x="255968" y="290463"/>
                    </a:cubicBezTo>
                    <a:cubicBezTo>
                      <a:pt x="255349" y="289368"/>
                      <a:pt x="255149" y="288082"/>
                      <a:pt x="255396" y="286843"/>
                    </a:cubicBezTo>
                    <a:cubicBezTo>
                      <a:pt x="255615" y="285567"/>
                      <a:pt x="255968" y="284329"/>
                      <a:pt x="256444" y="283129"/>
                    </a:cubicBezTo>
                    <a:cubicBezTo>
                      <a:pt x="254672" y="284205"/>
                      <a:pt x="252739" y="285005"/>
                      <a:pt x="250729" y="285510"/>
                    </a:cubicBezTo>
                    <a:cubicBezTo>
                      <a:pt x="246538" y="286691"/>
                      <a:pt x="242061" y="285081"/>
                      <a:pt x="239585" y="281509"/>
                    </a:cubicBezTo>
                    <a:cubicBezTo>
                      <a:pt x="239327" y="281147"/>
                      <a:pt x="239109" y="280766"/>
                      <a:pt x="238918" y="280366"/>
                    </a:cubicBezTo>
                    <a:cubicBezTo>
                      <a:pt x="233765" y="266003"/>
                      <a:pt x="221421" y="255430"/>
                      <a:pt x="206438" y="252554"/>
                    </a:cubicBezTo>
                    <a:cubicBezTo>
                      <a:pt x="177863" y="245886"/>
                      <a:pt x="140715" y="259888"/>
                      <a:pt x="122427" y="276556"/>
                    </a:cubicBezTo>
                    <a:cubicBezTo>
                      <a:pt x="120979" y="277937"/>
                      <a:pt x="118893" y="278414"/>
                      <a:pt x="116998" y="277795"/>
                    </a:cubicBezTo>
                    <a:cubicBezTo>
                      <a:pt x="105644" y="274566"/>
                      <a:pt x="93462" y="276223"/>
                      <a:pt x="83375" y="282367"/>
                    </a:cubicBezTo>
                    <a:cubicBezTo>
                      <a:pt x="74507" y="287005"/>
                      <a:pt x="64782" y="289758"/>
                      <a:pt x="54800" y="290463"/>
                    </a:cubicBezTo>
                    <a:cubicBezTo>
                      <a:pt x="54200" y="290558"/>
                      <a:pt x="53590" y="290558"/>
                      <a:pt x="52990" y="290463"/>
                    </a:cubicBezTo>
                    <a:cubicBezTo>
                      <a:pt x="36702" y="285605"/>
                      <a:pt x="29559" y="280938"/>
                      <a:pt x="28796" y="274080"/>
                    </a:cubicBezTo>
                    <a:cubicBezTo>
                      <a:pt x="28549" y="270232"/>
                      <a:pt x="30454" y="266565"/>
                      <a:pt x="33750" y="264555"/>
                    </a:cubicBezTo>
                    <a:cubicBezTo>
                      <a:pt x="35369" y="248458"/>
                      <a:pt x="23367" y="227884"/>
                      <a:pt x="15271" y="214072"/>
                    </a:cubicBezTo>
                    <a:cubicBezTo>
                      <a:pt x="14414" y="212682"/>
                      <a:pt x="14042" y="211034"/>
                      <a:pt x="14223" y="209405"/>
                    </a:cubicBezTo>
                    <a:cubicBezTo>
                      <a:pt x="12728" y="204881"/>
                      <a:pt x="10613" y="200585"/>
                      <a:pt x="7937" y="196642"/>
                    </a:cubicBezTo>
                    <a:cubicBezTo>
                      <a:pt x="2698" y="187783"/>
                      <a:pt x="-1588" y="181402"/>
                      <a:pt x="2508" y="176258"/>
                    </a:cubicBezTo>
                    <a:cubicBezTo>
                      <a:pt x="2974" y="175649"/>
                      <a:pt x="3517" y="175106"/>
                      <a:pt x="4127" y="174639"/>
                    </a:cubicBezTo>
                    <a:cubicBezTo>
                      <a:pt x="336" y="161895"/>
                      <a:pt x="-855" y="148521"/>
                      <a:pt x="602" y="135301"/>
                    </a:cubicBezTo>
                    <a:cubicBezTo>
                      <a:pt x="602" y="131872"/>
                      <a:pt x="1269" y="125299"/>
                      <a:pt x="6508" y="123204"/>
                    </a:cubicBezTo>
                    <a:cubicBezTo>
                      <a:pt x="9175" y="122204"/>
                      <a:pt x="12156" y="122556"/>
                      <a:pt x="14509" y="124156"/>
                    </a:cubicBezTo>
                    <a:cubicBezTo>
                      <a:pt x="27177" y="111107"/>
                      <a:pt x="46227" y="106535"/>
                      <a:pt x="63182" y="102439"/>
                    </a:cubicBezTo>
                    <a:cubicBezTo>
                      <a:pt x="69183" y="101011"/>
                      <a:pt x="74802" y="99582"/>
                      <a:pt x="79946" y="97963"/>
                    </a:cubicBezTo>
                    <a:cubicBezTo>
                      <a:pt x="88042" y="94629"/>
                      <a:pt x="90518" y="87866"/>
                      <a:pt x="93852" y="78913"/>
                    </a:cubicBezTo>
                    <a:cubicBezTo>
                      <a:pt x="95881" y="72455"/>
                      <a:pt x="99110" y="66445"/>
                      <a:pt x="103377" y="61196"/>
                    </a:cubicBezTo>
                    <a:cubicBezTo>
                      <a:pt x="104968" y="59444"/>
                      <a:pt x="107473" y="58872"/>
                      <a:pt x="109664" y="59767"/>
                    </a:cubicBezTo>
                    <a:cubicBezTo>
                      <a:pt x="112102" y="57586"/>
                      <a:pt x="115369" y="56577"/>
                      <a:pt x="118617" y="57005"/>
                    </a:cubicBezTo>
                    <a:lnTo>
                      <a:pt x="118617" y="57005"/>
                    </a:lnTo>
                    <a:cubicBezTo>
                      <a:pt x="118532" y="50890"/>
                      <a:pt x="122094" y="45318"/>
                      <a:pt x="127666" y="42813"/>
                    </a:cubicBezTo>
                    <a:cubicBezTo>
                      <a:pt x="127961" y="41394"/>
                      <a:pt x="128580" y="40051"/>
                      <a:pt x="129476" y="38908"/>
                    </a:cubicBezTo>
                    <a:cubicBezTo>
                      <a:pt x="131724" y="36412"/>
                      <a:pt x="134886" y="34936"/>
                      <a:pt x="138239" y="34812"/>
                    </a:cubicBezTo>
                    <a:cubicBezTo>
                      <a:pt x="140515" y="30888"/>
                      <a:pt x="144306" y="28059"/>
                      <a:pt x="148716" y="27001"/>
                    </a:cubicBezTo>
                    <a:cubicBezTo>
                      <a:pt x="156146" y="25573"/>
                      <a:pt x="162432" y="30907"/>
                      <a:pt x="168433" y="36050"/>
                    </a:cubicBezTo>
                    <a:cubicBezTo>
                      <a:pt x="171214" y="38603"/>
                      <a:pt x="174243" y="40870"/>
                      <a:pt x="177482" y="42813"/>
                    </a:cubicBezTo>
                    <a:cubicBezTo>
                      <a:pt x="176186" y="40165"/>
                      <a:pt x="176186" y="37079"/>
                      <a:pt x="177482" y="34431"/>
                    </a:cubicBezTo>
                    <a:cubicBezTo>
                      <a:pt x="177891" y="33717"/>
                      <a:pt x="178444" y="33107"/>
                      <a:pt x="179101" y="32621"/>
                    </a:cubicBezTo>
                    <a:cubicBezTo>
                      <a:pt x="181539" y="30383"/>
                      <a:pt x="183425" y="27611"/>
                      <a:pt x="184626" y="24525"/>
                    </a:cubicBezTo>
                    <a:cubicBezTo>
                      <a:pt x="186807" y="18486"/>
                      <a:pt x="191112" y="13447"/>
                      <a:pt x="196722" y="10333"/>
                    </a:cubicBezTo>
                    <a:lnTo>
                      <a:pt x="197865" y="10333"/>
                    </a:lnTo>
                    <a:cubicBezTo>
                      <a:pt x="201209" y="9571"/>
                      <a:pt x="204628" y="9190"/>
                      <a:pt x="208057" y="9190"/>
                    </a:cubicBezTo>
                    <a:cubicBezTo>
                      <a:pt x="214153" y="9190"/>
                      <a:pt x="215391" y="9190"/>
                      <a:pt x="217010" y="3951"/>
                    </a:cubicBezTo>
                    <a:cubicBezTo>
                      <a:pt x="217563" y="2141"/>
                      <a:pt x="219001" y="741"/>
                      <a:pt x="220820" y="236"/>
                    </a:cubicBezTo>
                    <a:cubicBezTo>
                      <a:pt x="222668" y="-230"/>
                      <a:pt x="224621" y="226"/>
                      <a:pt x="226059" y="1474"/>
                    </a:cubicBezTo>
                    <a:cubicBezTo>
                      <a:pt x="230726" y="4522"/>
                      <a:pt x="236118" y="6265"/>
                      <a:pt x="241680" y="6523"/>
                    </a:cubicBezTo>
                    <a:cubicBezTo>
                      <a:pt x="247824" y="7066"/>
                      <a:pt x="253806" y="8780"/>
                      <a:pt x="259301" y="11571"/>
                    </a:cubicBezTo>
                    <a:cubicBezTo>
                      <a:pt x="262426" y="9104"/>
                      <a:pt x="266579" y="8380"/>
                      <a:pt x="270351" y="9666"/>
                    </a:cubicBezTo>
                    <a:cubicBezTo>
                      <a:pt x="273713" y="11352"/>
                      <a:pt x="275761" y="14867"/>
                      <a:pt x="275589" y="18619"/>
                    </a:cubicBezTo>
                    <a:cubicBezTo>
                      <a:pt x="275723" y="20096"/>
                      <a:pt x="275199" y="21563"/>
                      <a:pt x="274160" y="22620"/>
                    </a:cubicBezTo>
                    <a:cubicBezTo>
                      <a:pt x="264635" y="33288"/>
                      <a:pt x="260254" y="41003"/>
                      <a:pt x="261016" y="45671"/>
                    </a:cubicBezTo>
                    <a:cubicBezTo>
                      <a:pt x="261778" y="50338"/>
                      <a:pt x="269779" y="55196"/>
                      <a:pt x="278828" y="59577"/>
                    </a:cubicBezTo>
                    <a:cubicBezTo>
                      <a:pt x="288343" y="64349"/>
                      <a:pt x="297316" y="70131"/>
                      <a:pt x="305593" y="76817"/>
                    </a:cubicBezTo>
                    <a:cubicBezTo>
                      <a:pt x="307784" y="77960"/>
                      <a:pt x="308641" y="77484"/>
                      <a:pt x="308927" y="77293"/>
                    </a:cubicBezTo>
                    <a:cubicBezTo>
                      <a:pt x="315023" y="74150"/>
                      <a:pt x="317976" y="50338"/>
                      <a:pt x="319690" y="36050"/>
                    </a:cubicBezTo>
                    <a:cubicBezTo>
                      <a:pt x="322262" y="15000"/>
                      <a:pt x="323786" y="2332"/>
                      <a:pt x="332263" y="236"/>
                    </a:cubicBezTo>
                    <a:cubicBezTo>
                      <a:pt x="338930" y="-1383"/>
                      <a:pt x="343884" y="5761"/>
                      <a:pt x="345693" y="8428"/>
                    </a:cubicBezTo>
                    <a:cubicBezTo>
                      <a:pt x="350141" y="16200"/>
                      <a:pt x="352866" y="24839"/>
                      <a:pt x="353694" y="33764"/>
                    </a:cubicBezTo>
                    <a:cubicBezTo>
                      <a:pt x="353694" y="35479"/>
                      <a:pt x="354170" y="37288"/>
                      <a:pt x="354456" y="39098"/>
                    </a:cubicBezTo>
                    <a:cubicBezTo>
                      <a:pt x="356847" y="38365"/>
                      <a:pt x="359419" y="38536"/>
                      <a:pt x="361695" y="39574"/>
                    </a:cubicBezTo>
                    <a:cubicBezTo>
                      <a:pt x="364076" y="40889"/>
                      <a:pt x="365905" y="43022"/>
                      <a:pt x="366839" y="45575"/>
                    </a:cubicBezTo>
                    <a:cubicBezTo>
                      <a:pt x="371925" y="50500"/>
                      <a:pt x="374049" y="57729"/>
                      <a:pt x="372459" y="64625"/>
                    </a:cubicBezTo>
                    <a:lnTo>
                      <a:pt x="372459" y="67864"/>
                    </a:lnTo>
                    <a:cubicBezTo>
                      <a:pt x="378592" y="73674"/>
                      <a:pt x="381831" y="81913"/>
                      <a:pt x="381317" y="90343"/>
                    </a:cubicBezTo>
                    <a:cubicBezTo>
                      <a:pt x="381374" y="93362"/>
                      <a:pt x="381755" y="96362"/>
                      <a:pt x="382460" y="99296"/>
                    </a:cubicBezTo>
                    <a:cubicBezTo>
                      <a:pt x="397509" y="107488"/>
                      <a:pt x="412654" y="118346"/>
                      <a:pt x="416083" y="139777"/>
                    </a:cubicBezTo>
                    <a:cubicBezTo>
                      <a:pt x="420655" y="139482"/>
                      <a:pt x="425103" y="141349"/>
                      <a:pt x="428085" y="144826"/>
                    </a:cubicBezTo>
                    <a:cubicBezTo>
                      <a:pt x="429694" y="147340"/>
                      <a:pt x="430152" y="150426"/>
                      <a:pt x="429323" y="153303"/>
                    </a:cubicBezTo>
                    <a:cubicBezTo>
                      <a:pt x="431275" y="158408"/>
                      <a:pt x="434038" y="163171"/>
                      <a:pt x="437514" y="167400"/>
                    </a:cubicBezTo>
                    <a:cubicBezTo>
                      <a:pt x="444944" y="177973"/>
                      <a:pt x="454278" y="190927"/>
                      <a:pt x="446468" y="208262"/>
                    </a:cubicBezTo>
                    <a:cubicBezTo>
                      <a:pt x="451611" y="241695"/>
                      <a:pt x="419702" y="283129"/>
                      <a:pt x="396271" y="313513"/>
                    </a:cubicBezTo>
                    <a:cubicBezTo>
                      <a:pt x="391699" y="319324"/>
                      <a:pt x="387603" y="324658"/>
                      <a:pt x="384269" y="329230"/>
                    </a:cubicBezTo>
                    <a:cubicBezTo>
                      <a:pt x="383031" y="331011"/>
                      <a:pt x="380879" y="331906"/>
                      <a:pt x="378745" y="331516"/>
                    </a:cubicBezTo>
                    <a:cubicBezTo>
                      <a:pt x="373954" y="331363"/>
                      <a:pt x="369249" y="332840"/>
                      <a:pt x="365410" y="335707"/>
                    </a:cubicBezTo>
                    <a:cubicBezTo>
                      <a:pt x="361124" y="338593"/>
                      <a:pt x="356180" y="340364"/>
                      <a:pt x="351027" y="340850"/>
                    </a:cubicBezTo>
                    <a:close/>
                    <a:moveTo>
                      <a:pt x="295020" y="312275"/>
                    </a:moveTo>
                    <a:cubicBezTo>
                      <a:pt x="302450" y="323229"/>
                      <a:pt x="314737" y="323515"/>
                      <a:pt x="327786" y="323705"/>
                    </a:cubicBezTo>
                    <a:cubicBezTo>
                      <a:pt x="332625" y="323705"/>
                      <a:pt x="337464" y="323991"/>
                      <a:pt x="342264" y="324563"/>
                    </a:cubicBezTo>
                    <a:cubicBezTo>
                      <a:pt x="343426" y="324772"/>
                      <a:pt x="344493" y="325334"/>
                      <a:pt x="345312" y="326182"/>
                    </a:cubicBezTo>
                    <a:cubicBezTo>
                      <a:pt x="350170" y="330849"/>
                      <a:pt x="352932" y="329611"/>
                      <a:pt x="360362" y="325420"/>
                    </a:cubicBezTo>
                    <a:cubicBezTo>
                      <a:pt x="365429" y="322000"/>
                      <a:pt x="371316" y="319990"/>
                      <a:pt x="377411" y="319609"/>
                    </a:cubicBezTo>
                    <a:lnTo>
                      <a:pt x="377411" y="319609"/>
                    </a:lnTo>
                    <a:lnTo>
                      <a:pt x="387699" y="306084"/>
                    </a:lnTo>
                    <a:cubicBezTo>
                      <a:pt x="409035" y="278462"/>
                      <a:pt x="441229" y="236742"/>
                      <a:pt x="435324" y="208072"/>
                    </a:cubicBezTo>
                    <a:cubicBezTo>
                      <a:pt x="434904" y="206871"/>
                      <a:pt x="434904" y="205557"/>
                      <a:pt x="435324" y="204357"/>
                    </a:cubicBezTo>
                    <a:cubicBezTo>
                      <a:pt x="441515" y="192260"/>
                      <a:pt x="435324" y="183497"/>
                      <a:pt x="428085" y="173401"/>
                    </a:cubicBezTo>
                    <a:cubicBezTo>
                      <a:pt x="423455" y="167762"/>
                      <a:pt x="419931" y="161294"/>
                      <a:pt x="417702" y="154351"/>
                    </a:cubicBezTo>
                    <a:cubicBezTo>
                      <a:pt x="417417" y="153293"/>
                      <a:pt x="417417" y="152170"/>
                      <a:pt x="417702" y="151112"/>
                    </a:cubicBezTo>
                    <a:lnTo>
                      <a:pt x="417702" y="151112"/>
                    </a:lnTo>
                    <a:cubicBezTo>
                      <a:pt x="416245" y="151026"/>
                      <a:pt x="414778" y="151026"/>
                      <a:pt x="413321" y="151112"/>
                    </a:cubicBezTo>
                    <a:cubicBezTo>
                      <a:pt x="411997" y="151293"/>
                      <a:pt x="410644" y="151293"/>
                      <a:pt x="409320" y="151112"/>
                    </a:cubicBezTo>
                    <a:cubicBezTo>
                      <a:pt x="406911" y="150598"/>
                      <a:pt x="405148" y="148521"/>
                      <a:pt x="405034" y="146064"/>
                    </a:cubicBezTo>
                    <a:cubicBezTo>
                      <a:pt x="403510" y="127014"/>
                      <a:pt x="389603" y="116632"/>
                      <a:pt x="374744" y="108821"/>
                    </a:cubicBezTo>
                    <a:cubicBezTo>
                      <a:pt x="373611" y="108202"/>
                      <a:pt x="372706" y="107230"/>
                      <a:pt x="372173" y="106059"/>
                    </a:cubicBezTo>
                    <a:cubicBezTo>
                      <a:pt x="370573" y="101458"/>
                      <a:pt x="369706" y="96639"/>
                      <a:pt x="369601" y="91771"/>
                    </a:cubicBezTo>
                    <a:cubicBezTo>
                      <a:pt x="369029" y="83771"/>
                      <a:pt x="368458" y="79103"/>
                      <a:pt x="363695" y="76436"/>
                    </a:cubicBezTo>
                    <a:cubicBezTo>
                      <a:pt x="362019" y="75560"/>
                      <a:pt x="360924" y="73855"/>
                      <a:pt x="360838" y="71959"/>
                    </a:cubicBezTo>
                    <a:cubicBezTo>
                      <a:pt x="360647" y="69426"/>
                      <a:pt x="360647" y="66873"/>
                      <a:pt x="360838" y="64339"/>
                    </a:cubicBezTo>
                    <a:cubicBezTo>
                      <a:pt x="361410" y="57863"/>
                      <a:pt x="360838" y="55767"/>
                      <a:pt x="358838" y="54338"/>
                    </a:cubicBezTo>
                    <a:cubicBezTo>
                      <a:pt x="357695" y="53586"/>
                      <a:pt x="356819" y="52481"/>
                      <a:pt x="356361" y="51195"/>
                    </a:cubicBezTo>
                    <a:cubicBezTo>
                      <a:pt x="356418" y="50976"/>
                      <a:pt x="356418" y="50747"/>
                      <a:pt x="356361" y="50528"/>
                    </a:cubicBezTo>
                    <a:lnTo>
                      <a:pt x="355313" y="50528"/>
                    </a:lnTo>
                    <a:cubicBezTo>
                      <a:pt x="353923" y="51071"/>
                      <a:pt x="352494" y="51490"/>
                      <a:pt x="351027" y="51766"/>
                    </a:cubicBezTo>
                    <a:cubicBezTo>
                      <a:pt x="348084" y="52357"/>
                      <a:pt x="345217" y="50500"/>
                      <a:pt x="344550" y="47575"/>
                    </a:cubicBezTo>
                    <a:cubicBezTo>
                      <a:pt x="343502" y="43289"/>
                      <a:pt x="342931" y="39289"/>
                      <a:pt x="342360" y="35383"/>
                    </a:cubicBezTo>
                    <a:cubicBezTo>
                      <a:pt x="341826" y="28020"/>
                      <a:pt x="339683" y="20867"/>
                      <a:pt x="336073" y="14429"/>
                    </a:cubicBezTo>
                    <a:lnTo>
                      <a:pt x="334740" y="12714"/>
                    </a:lnTo>
                    <a:cubicBezTo>
                      <a:pt x="332749" y="20820"/>
                      <a:pt x="331377" y="29068"/>
                      <a:pt x="330644" y="37384"/>
                    </a:cubicBezTo>
                    <a:cubicBezTo>
                      <a:pt x="327977" y="59005"/>
                      <a:pt x="325310" y="81484"/>
                      <a:pt x="313880" y="87295"/>
                    </a:cubicBezTo>
                    <a:cubicBezTo>
                      <a:pt x="309241" y="89476"/>
                      <a:pt x="303802" y="89123"/>
                      <a:pt x="299497" y="86342"/>
                    </a:cubicBezTo>
                    <a:lnTo>
                      <a:pt x="298544" y="85675"/>
                    </a:lnTo>
                    <a:cubicBezTo>
                      <a:pt x="290753" y="79360"/>
                      <a:pt x="282295" y="73931"/>
                      <a:pt x="273303" y="69483"/>
                    </a:cubicBezTo>
                    <a:cubicBezTo>
                      <a:pt x="261683" y="63292"/>
                      <a:pt x="251586" y="57863"/>
                      <a:pt x="249776" y="47671"/>
                    </a:cubicBezTo>
                    <a:cubicBezTo>
                      <a:pt x="249262" y="38955"/>
                      <a:pt x="252358" y="30411"/>
                      <a:pt x="258349" y="24049"/>
                    </a:cubicBezTo>
                    <a:cubicBezTo>
                      <a:pt x="257216" y="23877"/>
                      <a:pt x="256158" y="23372"/>
                      <a:pt x="255301" y="22620"/>
                    </a:cubicBezTo>
                    <a:cubicBezTo>
                      <a:pt x="250691" y="19534"/>
                      <a:pt x="245319" y="17781"/>
                      <a:pt x="239775" y="17572"/>
                    </a:cubicBezTo>
                    <a:cubicBezTo>
                      <a:pt x="234518" y="16991"/>
                      <a:pt x="229355" y="15714"/>
                      <a:pt x="224440" y="13762"/>
                    </a:cubicBezTo>
                    <a:cubicBezTo>
                      <a:pt x="220525" y="18581"/>
                      <a:pt x="214420" y="21067"/>
                      <a:pt x="208247" y="20334"/>
                    </a:cubicBezTo>
                    <a:cubicBezTo>
                      <a:pt x="205819" y="20353"/>
                      <a:pt x="203390" y="20610"/>
                      <a:pt x="201009" y="21096"/>
                    </a:cubicBezTo>
                    <a:cubicBezTo>
                      <a:pt x="197951" y="23211"/>
                      <a:pt x="195646" y="26249"/>
                      <a:pt x="194436" y="29764"/>
                    </a:cubicBezTo>
                    <a:cubicBezTo>
                      <a:pt x="192912" y="33479"/>
                      <a:pt x="190750" y="36888"/>
                      <a:pt x="188054" y="39860"/>
                    </a:cubicBezTo>
                    <a:lnTo>
                      <a:pt x="188054" y="39860"/>
                    </a:lnTo>
                    <a:cubicBezTo>
                      <a:pt x="191426" y="42861"/>
                      <a:pt x="192636" y="47613"/>
                      <a:pt x="191102" y="51862"/>
                    </a:cubicBezTo>
                    <a:cubicBezTo>
                      <a:pt x="190455" y="53490"/>
                      <a:pt x="189083" y="54729"/>
                      <a:pt x="187388" y="55196"/>
                    </a:cubicBezTo>
                    <a:cubicBezTo>
                      <a:pt x="176339" y="58243"/>
                      <a:pt x="167480" y="50719"/>
                      <a:pt x="160432" y="44718"/>
                    </a:cubicBezTo>
                    <a:cubicBezTo>
                      <a:pt x="156717" y="41575"/>
                      <a:pt x="152241" y="37574"/>
                      <a:pt x="150050" y="38146"/>
                    </a:cubicBezTo>
                    <a:cubicBezTo>
                      <a:pt x="149574" y="38146"/>
                      <a:pt x="147954" y="38813"/>
                      <a:pt x="145573" y="43289"/>
                    </a:cubicBezTo>
                    <a:cubicBezTo>
                      <a:pt x="144468" y="45318"/>
                      <a:pt x="142249" y="46480"/>
                      <a:pt x="139953" y="46242"/>
                    </a:cubicBezTo>
                    <a:cubicBezTo>
                      <a:pt x="139382" y="46156"/>
                      <a:pt x="138810" y="46156"/>
                      <a:pt x="138239" y="46242"/>
                    </a:cubicBezTo>
                    <a:cubicBezTo>
                      <a:pt x="138639" y="49433"/>
                      <a:pt x="136458" y="52376"/>
                      <a:pt x="133286" y="52909"/>
                    </a:cubicBezTo>
                    <a:cubicBezTo>
                      <a:pt x="131000" y="52909"/>
                      <a:pt x="128428" y="53386"/>
                      <a:pt x="129000" y="61672"/>
                    </a:cubicBezTo>
                    <a:cubicBezTo>
                      <a:pt x="129104" y="63863"/>
                      <a:pt x="127961" y="65930"/>
                      <a:pt x="126047" y="67006"/>
                    </a:cubicBezTo>
                    <a:cubicBezTo>
                      <a:pt x="124142" y="67930"/>
                      <a:pt x="122065" y="68416"/>
                      <a:pt x="119951" y="68435"/>
                    </a:cubicBezTo>
                    <a:cubicBezTo>
                      <a:pt x="120046" y="68873"/>
                      <a:pt x="120046" y="69330"/>
                      <a:pt x="119951" y="69769"/>
                    </a:cubicBezTo>
                    <a:cubicBezTo>
                      <a:pt x="119951" y="71674"/>
                      <a:pt x="119951" y="77389"/>
                      <a:pt x="114712" y="78722"/>
                    </a:cubicBezTo>
                    <a:cubicBezTo>
                      <a:pt x="111502" y="79322"/>
                      <a:pt x="108254" y="77836"/>
                      <a:pt x="106616" y="75007"/>
                    </a:cubicBezTo>
                    <a:cubicBezTo>
                      <a:pt x="105377" y="77579"/>
                      <a:pt x="104330" y="80341"/>
                      <a:pt x="103282" y="83104"/>
                    </a:cubicBezTo>
                    <a:cubicBezTo>
                      <a:pt x="100548" y="94172"/>
                      <a:pt x="92995" y="103430"/>
                      <a:pt x="82708" y="108345"/>
                    </a:cubicBezTo>
                    <a:cubicBezTo>
                      <a:pt x="76802" y="110250"/>
                      <a:pt x="70992" y="111679"/>
                      <a:pt x="64801" y="113107"/>
                    </a:cubicBezTo>
                    <a:cubicBezTo>
                      <a:pt x="47084" y="117394"/>
                      <a:pt x="28796" y="121871"/>
                      <a:pt x="18795" y="135015"/>
                    </a:cubicBezTo>
                    <a:cubicBezTo>
                      <a:pt x="17843" y="136234"/>
                      <a:pt x="16433" y="137025"/>
                      <a:pt x="14890" y="137206"/>
                    </a:cubicBezTo>
                    <a:cubicBezTo>
                      <a:pt x="13366" y="137349"/>
                      <a:pt x="11861" y="136872"/>
                      <a:pt x="10699" y="135872"/>
                    </a:cubicBezTo>
                    <a:lnTo>
                      <a:pt x="10699" y="135872"/>
                    </a:lnTo>
                    <a:cubicBezTo>
                      <a:pt x="9118" y="149674"/>
                      <a:pt x="10851" y="163647"/>
                      <a:pt x="15747" y="176639"/>
                    </a:cubicBezTo>
                    <a:cubicBezTo>
                      <a:pt x="16404" y="178563"/>
                      <a:pt x="16014" y="180697"/>
                      <a:pt x="14700" y="182259"/>
                    </a:cubicBezTo>
                    <a:cubicBezTo>
                      <a:pt x="14147" y="182926"/>
                      <a:pt x="13423" y="183421"/>
                      <a:pt x="12604" y="183688"/>
                    </a:cubicBezTo>
                    <a:cubicBezTo>
                      <a:pt x="13747" y="185879"/>
                      <a:pt x="15271" y="188546"/>
                      <a:pt x="16509" y="190546"/>
                    </a:cubicBezTo>
                    <a:cubicBezTo>
                      <a:pt x="20491" y="196003"/>
                      <a:pt x="23196" y="202280"/>
                      <a:pt x="24415" y="208929"/>
                    </a:cubicBezTo>
                    <a:cubicBezTo>
                      <a:pt x="34511" y="226169"/>
                      <a:pt x="47180" y="248553"/>
                      <a:pt x="43465" y="268555"/>
                    </a:cubicBezTo>
                    <a:cubicBezTo>
                      <a:pt x="43189" y="270213"/>
                      <a:pt x="42170" y="271642"/>
                      <a:pt x="40703" y="272461"/>
                    </a:cubicBezTo>
                    <a:lnTo>
                      <a:pt x="39845" y="273032"/>
                    </a:lnTo>
                    <a:cubicBezTo>
                      <a:pt x="44303" y="275890"/>
                      <a:pt x="49190" y="278004"/>
                      <a:pt x="54324" y="279319"/>
                    </a:cubicBezTo>
                    <a:cubicBezTo>
                      <a:pt x="62448" y="278471"/>
                      <a:pt x="70335" y="276071"/>
                      <a:pt x="77565" y="272270"/>
                    </a:cubicBezTo>
                    <a:cubicBezTo>
                      <a:pt x="89223" y="265517"/>
                      <a:pt x="102996" y="263412"/>
                      <a:pt x="116141" y="266365"/>
                    </a:cubicBezTo>
                    <a:cubicBezTo>
                      <a:pt x="137572" y="248267"/>
                      <a:pt x="176625" y="234456"/>
                      <a:pt x="207867" y="241695"/>
                    </a:cubicBezTo>
                    <a:cubicBezTo>
                      <a:pt x="225726" y="245353"/>
                      <a:pt x="240585" y="257678"/>
                      <a:pt x="247491" y="274556"/>
                    </a:cubicBezTo>
                    <a:cubicBezTo>
                      <a:pt x="254148" y="271375"/>
                      <a:pt x="259483" y="265945"/>
                      <a:pt x="262540" y="259221"/>
                    </a:cubicBezTo>
                    <a:cubicBezTo>
                      <a:pt x="262950" y="257097"/>
                      <a:pt x="264540" y="255392"/>
                      <a:pt x="266636" y="254839"/>
                    </a:cubicBezTo>
                    <a:cubicBezTo>
                      <a:pt x="268731" y="254296"/>
                      <a:pt x="270950" y="254992"/>
                      <a:pt x="272351" y="256649"/>
                    </a:cubicBezTo>
                    <a:cubicBezTo>
                      <a:pt x="276923" y="262602"/>
                      <a:pt x="276923" y="270889"/>
                      <a:pt x="272351" y="276842"/>
                    </a:cubicBezTo>
                    <a:cubicBezTo>
                      <a:pt x="275151" y="276985"/>
                      <a:pt x="277723" y="278433"/>
                      <a:pt x="279304" y="280747"/>
                    </a:cubicBezTo>
                    <a:cubicBezTo>
                      <a:pt x="280285" y="282128"/>
                      <a:pt x="280637" y="283862"/>
                      <a:pt x="280257" y="285510"/>
                    </a:cubicBezTo>
                    <a:cubicBezTo>
                      <a:pt x="279494" y="288939"/>
                      <a:pt x="279780" y="289130"/>
                      <a:pt x="283400" y="291320"/>
                    </a:cubicBezTo>
                    <a:cubicBezTo>
                      <a:pt x="291801" y="294844"/>
                      <a:pt x="296716" y="303655"/>
                      <a:pt x="295306" y="312656"/>
                    </a:cubicBezTo>
                    <a:close/>
                  </a:path>
                </a:pathLst>
              </a:custGeom>
              <a:solidFill>
                <a:srgbClr val="245A99"/>
              </a:solidFill>
              <a:ln w="7144" cap="flat">
                <a:solidFill>
                  <a:srgbClr val="265998"/>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199" name="Freeform: Shape 5">
                <a:extLst>
                  <a:ext uri="{FF2B5EF4-FFF2-40B4-BE49-F238E27FC236}">
                    <a16:creationId xmlns:a16="http://schemas.microsoft.com/office/drawing/2014/main" id="{8E53A5CB-CCA9-F71D-088D-110ADF61EF5E}"/>
                  </a:ext>
                </a:extLst>
              </p:cNvPr>
              <p:cNvSpPr/>
              <p:nvPr/>
            </p:nvSpPr>
            <p:spPr>
              <a:xfrm>
                <a:off x="3526362" y="4658408"/>
                <a:ext cx="46435" cy="40597"/>
              </a:xfrm>
              <a:custGeom>
                <a:avLst/>
                <a:gdLst>
                  <a:gd name="connsiteX0" fmla="*/ 19699 w 46435"/>
                  <a:gd name="connsiteY0" fmla="*/ 40592 h 40597"/>
                  <a:gd name="connsiteX1" fmla="*/ 12936 w 46435"/>
                  <a:gd name="connsiteY1" fmla="*/ 38972 h 40597"/>
                  <a:gd name="connsiteX2" fmla="*/ 5126 w 46435"/>
                  <a:gd name="connsiteY2" fmla="*/ 19922 h 40597"/>
                  <a:gd name="connsiteX3" fmla="*/ 1221 w 46435"/>
                  <a:gd name="connsiteY3" fmla="*/ 3635 h 40597"/>
                  <a:gd name="connsiteX4" fmla="*/ 19699 w 46435"/>
                  <a:gd name="connsiteY4" fmla="*/ 968 h 40597"/>
                  <a:gd name="connsiteX5" fmla="*/ 37511 w 46435"/>
                  <a:gd name="connsiteY5" fmla="*/ 968 h 40597"/>
                  <a:gd name="connsiteX6" fmla="*/ 42274 w 46435"/>
                  <a:gd name="connsiteY6" fmla="*/ 968 h 40597"/>
                  <a:gd name="connsiteX7" fmla="*/ 45512 w 46435"/>
                  <a:gd name="connsiteY7" fmla="*/ 4397 h 40597"/>
                  <a:gd name="connsiteX8" fmla="*/ 35320 w 46435"/>
                  <a:gd name="connsiteY8" fmla="*/ 34210 h 40597"/>
                  <a:gd name="connsiteX9" fmla="*/ 19699 w 46435"/>
                  <a:gd name="connsiteY9" fmla="*/ 40592 h 40597"/>
                  <a:gd name="connsiteX10" fmla="*/ 7412 w 46435"/>
                  <a:gd name="connsiteY10" fmla="*/ 4778 h 40597"/>
                  <a:gd name="connsiteX11" fmla="*/ 8936 w 46435"/>
                  <a:gd name="connsiteY11" fmla="*/ 13731 h 40597"/>
                  <a:gd name="connsiteX12" fmla="*/ 10746 w 46435"/>
                  <a:gd name="connsiteY12" fmla="*/ 21256 h 40597"/>
                  <a:gd name="connsiteX13" fmla="*/ 17509 w 46435"/>
                  <a:gd name="connsiteY13" fmla="*/ 33543 h 40597"/>
                  <a:gd name="connsiteX14" fmla="*/ 29224 w 46435"/>
                  <a:gd name="connsiteY14" fmla="*/ 28019 h 40597"/>
                  <a:gd name="connsiteX15" fmla="*/ 40845 w 46435"/>
                  <a:gd name="connsiteY15" fmla="*/ 7540 h 40597"/>
                  <a:gd name="connsiteX16" fmla="*/ 20461 w 46435"/>
                  <a:gd name="connsiteY16" fmla="*/ 7540 h 40597"/>
                  <a:gd name="connsiteX17" fmla="*/ 7412 w 46435"/>
                  <a:gd name="connsiteY17" fmla="*/ 4778 h 405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46435" h="40597">
                    <a:moveTo>
                      <a:pt x="19699" y="40592"/>
                    </a:moveTo>
                    <a:cubicBezTo>
                      <a:pt x="17347" y="40658"/>
                      <a:pt x="15013" y="40097"/>
                      <a:pt x="12936" y="38972"/>
                    </a:cubicBezTo>
                    <a:cubicBezTo>
                      <a:pt x="8841" y="36782"/>
                      <a:pt x="4269" y="31638"/>
                      <a:pt x="5126" y="19922"/>
                    </a:cubicBezTo>
                    <a:cubicBezTo>
                      <a:pt x="649" y="13351"/>
                      <a:pt x="-1541" y="8112"/>
                      <a:pt x="1221" y="3635"/>
                    </a:cubicBezTo>
                    <a:cubicBezTo>
                      <a:pt x="3983" y="-842"/>
                      <a:pt x="11603" y="-461"/>
                      <a:pt x="19699" y="968"/>
                    </a:cubicBezTo>
                    <a:cubicBezTo>
                      <a:pt x="25538" y="2530"/>
                      <a:pt x="31672" y="2530"/>
                      <a:pt x="37511" y="968"/>
                    </a:cubicBezTo>
                    <a:cubicBezTo>
                      <a:pt x="39026" y="301"/>
                      <a:pt x="40759" y="301"/>
                      <a:pt x="42274" y="968"/>
                    </a:cubicBezTo>
                    <a:cubicBezTo>
                      <a:pt x="43798" y="1587"/>
                      <a:pt x="44979" y="2844"/>
                      <a:pt x="45512" y="4397"/>
                    </a:cubicBezTo>
                    <a:cubicBezTo>
                      <a:pt x="48398" y="15475"/>
                      <a:pt x="44388" y="27209"/>
                      <a:pt x="35320" y="34210"/>
                    </a:cubicBezTo>
                    <a:cubicBezTo>
                      <a:pt x="31005" y="38077"/>
                      <a:pt x="25491" y="40335"/>
                      <a:pt x="19699" y="40592"/>
                    </a:cubicBezTo>
                    <a:close/>
                    <a:moveTo>
                      <a:pt x="7412" y="4778"/>
                    </a:moveTo>
                    <a:cubicBezTo>
                      <a:pt x="7984" y="5826"/>
                      <a:pt x="7412" y="12112"/>
                      <a:pt x="8936" y="13731"/>
                    </a:cubicBezTo>
                    <a:cubicBezTo>
                      <a:pt x="10051" y="16094"/>
                      <a:pt x="10660" y="18646"/>
                      <a:pt x="10746" y="21256"/>
                    </a:cubicBezTo>
                    <a:cubicBezTo>
                      <a:pt x="10736" y="26247"/>
                      <a:pt x="13289" y="30886"/>
                      <a:pt x="17509" y="33543"/>
                    </a:cubicBezTo>
                    <a:cubicBezTo>
                      <a:pt x="19128" y="34496"/>
                      <a:pt x="25128" y="31448"/>
                      <a:pt x="29224" y="28019"/>
                    </a:cubicBezTo>
                    <a:cubicBezTo>
                      <a:pt x="34520" y="22104"/>
                      <a:pt x="38483" y="15122"/>
                      <a:pt x="40845" y="7540"/>
                    </a:cubicBezTo>
                    <a:cubicBezTo>
                      <a:pt x="34073" y="8302"/>
                      <a:pt x="27234" y="8302"/>
                      <a:pt x="20461" y="7540"/>
                    </a:cubicBezTo>
                    <a:cubicBezTo>
                      <a:pt x="19223" y="7350"/>
                      <a:pt x="9222" y="4968"/>
                      <a:pt x="7412" y="4778"/>
                    </a:cubicBezTo>
                    <a:close/>
                  </a:path>
                </a:pathLst>
              </a:custGeom>
              <a:solidFill>
                <a:srgbClr val="245A99"/>
              </a:solidFill>
              <a:ln w="7144" cap="flat">
                <a:solidFill>
                  <a:srgbClr val="265998"/>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grpSp>
      </p:grpSp>
      <p:grpSp>
        <p:nvGrpSpPr>
          <p:cNvPr id="243" name="Group 242">
            <a:extLst>
              <a:ext uri="{FF2B5EF4-FFF2-40B4-BE49-F238E27FC236}">
                <a16:creationId xmlns:a16="http://schemas.microsoft.com/office/drawing/2014/main" id="{FFA18D08-378A-0E3C-307F-94B8ADF79990}"/>
              </a:ext>
            </a:extLst>
          </p:cNvPr>
          <p:cNvGrpSpPr/>
          <p:nvPr/>
        </p:nvGrpSpPr>
        <p:grpSpPr>
          <a:xfrm>
            <a:off x="586078" y="4085417"/>
            <a:ext cx="5504945" cy="807872"/>
            <a:chOff x="586078" y="4565196"/>
            <a:chExt cx="5504945" cy="807872"/>
          </a:xfrm>
        </p:grpSpPr>
        <p:sp>
          <p:nvSpPr>
            <p:cNvPr id="226" name="Rectangle 225">
              <a:extLst>
                <a:ext uri="{FF2B5EF4-FFF2-40B4-BE49-F238E27FC236}">
                  <a16:creationId xmlns:a16="http://schemas.microsoft.com/office/drawing/2014/main" id="{58F29D09-8E29-5316-2639-72650247F500}"/>
                </a:ext>
              </a:extLst>
            </p:cNvPr>
            <p:cNvSpPr/>
            <p:nvPr/>
          </p:nvSpPr>
          <p:spPr>
            <a:xfrm>
              <a:off x="586078" y="4565196"/>
              <a:ext cx="5504945"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7" name="Group 86">
              <a:extLst>
                <a:ext uri="{FF2B5EF4-FFF2-40B4-BE49-F238E27FC236}">
                  <a16:creationId xmlns:a16="http://schemas.microsoft.com/office/drawing/2014/main" id="{3D490FC8-1BCE-BA28-F99F-3932C9B7B4B9}"/>
                </a:ext>
              </a:extLst>
            </p:cNvPr>
            <p:cNvGrpSpPr/>
            <p:nvPr/>
          </p:nvGrpSpPr>
          <p:grpSpPr>
            <a:xfrm>
              <a:off x="915625" y="4690026"/>
              <a:ext cx="535794" cy="521920"/>
              <a:chOff x="3876008" y="3589908"/>
              <a:chExt cx="419100" cy="419149"/>
            </a:xfrm>
          </p:grpSpPr>
          <p:sp>
            <p:nvSpPr>
              <p:cNvPr id="88" name="Graphic 2">
                <a:extLst>
                  <a:ext uri="{FF2B5EF4-FFF2-40B4-BE49-F238E27FC236}">
                    <a16:creationId xmlns:a16="http://schemas.microsoft.com/office/drawing/2014/main" id="{EF1F2373-B7C5-FF2D-17D0-32CD63FEC48E}"/>
                  </a:ext>
                </a:extLst>
              </p:cNvPr>
              <p:cNvSpPr/>
              <p:nvPr/>
            </p:nvSpPr>
            <p:spPr>
              <a:xfrm>
                <a:off x="3974209" y="3659536"/>
                <a:ext cx="236031" cy="184404"/>
              </a:xfrm>
              <a:custGeom>
                <a:avLst/>
                <a:gdLst>
                  <a:gd name="connsiteX0" fmla="*/ 4383 w 236031"/>
                  <a:gd name="connsiteY0" fmla="*/ 144780 h 184404"/>
                  <a:gd name="connsiteX1" fmla="*/ 1335 w 236031"/>
                  <a:gd name="connsiteY1" fmla="*/ 143446 h 184404"/>
                  <a:gd name="connsiteX2" fmla="*/ 1 w 236031"/>
                  <a:gd name="connsiteY2" fmla="*/ 140303 h 184404"/>
                  <a:gd name="connsiteX3" fmla="*/ 1 w 236031"/>
                  <a:gd name="connsiteY3" fmla="*/ 4477 h 184404"/>
                  <a:gd name="connsiteX4" fmla="*/ 4288 w 236031"/>
                  <a:gd name="connsiteY4" fmla="*/ 0 h 184404"/>
                  <a:gd name="connsiteX5" fmla="*/ 4383 w 236031"/>
                  <a:gd name="connsiteY5" fmla="*/ 0 h 184404"/>
                  <a:gd name="connsiteX6" fmla="*/ 231649 w 236031"/>
                  <a:gd name="connsiteY6" fmla="*/ 0 h 184404"/>
                  <a:gd name="connsiteX7" fmla="*/ 236031 w 236031"/>
                  <a:gd name="connsiteY7" fmla="*/ 4381 h 184404"/>
                  <a:gd name="connsiteX8" fmla="*/ 236031 w 236031"/>
                  <a:gd name="connsiteY8" fmla="*/ 4477 h 184404"/>
                  <a:gd name="connsiteX9" fmla="*/ 236031 w 236031"/>
                  <a:gd name="connsiteY9" fmla="*/ 136017 h 184404"/>
                  <a:gd name="connsiteX10" fmla="*/ 227458 w 236031"/>
                  <a:gd name="connsiteY10" fmla="*/ 144780 h 184404"/>
                  <a:gd name="connsiteX11" fmla="*/ 227458 w 236031"/>
                  <a:gd name="connsiteY11" fmla="*/ 144780 h 184404"/>
                  <a:gd name="connsiteX12" fmla="*/ 111253 w 236031"/>
                  <a:gd name="connsiteY12" fmla="*/ 144780 h 184404"/>
                  <a:gd name="connsiteX13" fmla="*/ 105633 w 236031"/>
                  <a:gd name="connsiteY13" fmla="*/ 146685 h 184404"/>
                  <a:gd name="connsiteX14" fmla="*/ 60580 w 236031"/>
                  <a:gd name="connsiteY14" fmla="*/ 183356 h 184404"/>
                  <a:gd name="connsiteX15" fmla="*/ 57818 w 236031"/>
                  <a:gd name="connsiteY15" fmla="*/ 184404 h 184404"/>
                  <a:gd name="connsiteX16" fmla="*/ 55913 w 236031"/>
                  <a:gd name="connsiteY16" fmla="*/ 183928 h 184404"/>
                  <a:gd name="connsiteX17" fmla="*/ 53437 w 236031"/>
                  <a:gd name="connsiteY17" fmla="*/ 179927 h 184404"/>
                  <a:gd name="connsiteX18" fmla="*/ 53437 w 236031"/>
                  <a:gd name="connsiteY18" fmla="*/ 153638 h 184404"/>
                  <a:gd name="connsiteX19" fmla="*/ 44388 w 236031"/>
                  <a:gd name="connsiteY19" fmla="*/ 144589 h 1844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236031" h="184404">
                    <a:moveTo>
                      <a:pt x="4383" y="144780"/>
                    </a:moveTo>
                    <a:cubicBezTo>
                      <a:pt x="3221" y="144790"/>
                      <a:pt x="2116" y="144304"/>
                      <a:pt x="1335" y="143446"/>
                    </a:cubicBezTo>
                    <a:cubicBezTo>
                      <a:pt x="497" y="142618"/>
                      <a:pt x="11" y="141484"/>
                      <a:pt x="1" y="140303"/>
                    </a:cubicBezTo>
                    <a:lnTo>
                      <a:pt x="1" y="4477"/>
                    </a:lnTo>
                    <a:cubicBezTo>
                      <a:pt x="-56" y="2057"/>
                      <a:pt x="1868" y="57"/>
                      <a:pt x="4288" y="0"/>
                    </a:cubicBezTo>
                    <a:cubicBezTo>
                      <a:pt x="4316" y="0"/>
                      <a:pt x="4354" y="0"/>
                      <a:pt x="4383" y="0"/>
                    </a:cubicBezTo>
                    <a:lnTo>
                      <a:pt x="231649" y="0"/>
                    </a:lnTo>
                    <a:cubicBezTo>
                      <a:pt x="234069" y="0"/>
                      <a:pt x="236031" y="1962"/>
                      <a:pt x="236031" y="4381"/>
                    </a:cubicBezTo>
                    <a:cubicBezTo>
                      <a:pt x="236031" y="4410"/>
                      <a:pt x="236031" y="4448"/>
                      <a:pt x="236031" y="4477"/>
                    </a:cubicBezTo>
                    <a:lnTo>
                      <a:pt x="236031" y="136017"/>
                    </a:lnTo>
                    <a:cubicBezTo>
                      <a:pt x="236088" y="140808"/>
                      <a:pt x="232249" y="144723"/>
                      <a:pt x="227458" y="144780"/>
                    </a:cubicBezTo>
                    <a:cubicBezTo>
                      <a:pt x="227458" y="144780"/>
                      <a:pt x="227458" y="144780"/>
                      <a:pt x="227458" y="144780"/>
                    </a:cubicBezTo>
                    <a:lnTo>
                      <a:pt x="111253" y="144780"/>
                    </a:lnTo>
                    <a:cubicBezTo>
                      <a:pt x="109225" y="144799"/>
                      <a:pt x="107253" y="145466"/>
                      <a:pt x="105633" y="146685"/>
                    </a:cubicBezTo>
                    <a:lnTo>
                      <a:pt x="60580" y="183356"/>
                    </a:lnTo>
                    <a:cubicBezTo>
                      <a:pt x="59799" y="184004"/>
                      <a:pt x="58828" y="184366"/>
                      <a:pt x="57818" y="184404"/>
                    </a:cubicBezTo>
                    <a:cubicBezTo>
                      <a:pt x="57151" y="184395"/>
                      <a:pt x="56504" y="184233"/>
                      <a:pt x="55913" y="183928"/>
                    </a:cubicBezTo>
                    <a:cubicBezTo>
                      <a:pt x="54398" y="183166"/>
                      <a:pt x="53437" y="181623"/>
                      <a:pt x="53437" y="179927"/>
                    </a:cubicBezTo>
                    <a:lnTo>
                      <a:pt x="53437" y="153638"/>
                    </a:lnTo>
                    <a:cubicBezTo>
                      <a:pt x="53199" y="148742"/>
                      <a:pt x="49284" y="144828"/>
                      <a:pt x="44388" y="144589"/>
                    </a:cubicBezTo>
                    <a:close/>
                  </a:path>
                </a:pathLst>
              </a:custGeom>
              <a:solidFill>
                <a:srgbClr val="C7E4F1"/>
              </a:solidFill>
              <a:ln w="9525" cap="flat">
                <a:noFill/>
                <a:prstDash val="solid"/>
                <a:miter/>
              </a:ln>
            </p:spPr>
            <p:txBody>
              <a:bodyPr rtlCol="0" anchor="ctr"/>
              <a:lstStyle/>
              <a:p>
                <a:endParaRPr lang="en-AU" sz="153"/>
              </a:p>
            </p:txBody>
          </p:sp>
          <p:sp>
            <p:nvSpPr>
              <p:cNvPr id="89" name="Graphic 2">
                <a:extLst>
                  <a:ext uri="{FF2B5EF4-FFF2-40B4-BE49-F238E27FC236}">
                    <a16:creationId xmlns:a16="http://schemas.microsoft.com/office/drawing/2014/main" id="{7CDB3762-0293-2BA5-FC39-5220979166B0}"/>
                  </a:ext>
                </a:extLst>
              </p:cNvPr>
              <p:cNvSpPr/>
              <p:nvPr/>
            </p:nvSpPr>
            <p:spPr>
              <a:xfrm>
                <a:off x="4152112" y="3865657"/>
                <a:ext cx="119509" cy="119254"/>
              </a:xfrm>
              <a:custGeom>
                <a:avLst/>
                <a:gdLst>
                  <a:gd name="connsiteX0" fmla="*/ 40412 w 119509"/>
                  <a:gd name="connsiteY0" fmla="*/ 71342 h 119254"/>
                  <a:gd name="connsiteX1" fmla="*/ 46793 w 119509"/>
                  <a:gd name="connsiteY1" fmla="*/ 73914 h 119254"/>
                  <a:gd name="connsiteX2" fmla="*/ 90799 w 119509"/>
                  <a:gd name="connsiteY2" fmla="*/ 118015 h 119254"/>
                  <a:gd name="connsiteX3" fmla="*/ 93942 w 119509"/>
                  <a:gd name="connsiteY3" fmla="*/ 119253 h 119254"/>
                  <a:gd name="connsiteX4" fmla="*/ 96990 w 119509"/>
                  <a:gd name="connsiteY4" fmla="*/ 118015 h 119254"/>
                  <a:gd name="connsiteX5" fmla="*/ 118231 w 119509"/>
                  <a:gd name="connsiteY5" fmla="*/ 96774 h 119254"/>
                  <a:gd name="connsiteX6" fmla="*/ 118231 w 119509"/>
                  <a:gd name="connsiteY6" fmla="*/ 90583 h 119254"/>
                  <a:gd name="connsiteX7" fmla="*/ 74225 w 119509"/>
                  <a:gd name="connsiteY7" fmla="*/ 46482 h 119254"/>
                  <a:gd name="connsiteX8" fmla="*/ 74216 w 119509"/>
                  <a:gd name="connsiteY8" fmla="*/ 33823 h 119254"/>
                  <a:gd name="connsiteX9" fmla="*/ 74225 w 119509"/>
                  <a:gd name="connsiteY9" fmla="*/ 33814 h 119254"/>
                  <a:gd name="connsiteX10" fmla="*/ 83750 w 119509"/>
                  <a:gd name="connsiteY10" fmla="*/ 24289 h 119254"/>
                  <a:gd name="connsiteX11" fmla="*/ 84798 w 119509"/>
                  <a:gd name="connsiteY11" fmla="*/ 20002 h 119254"/>
                  <a:gd name="connsiteX12" fmla="*/ 81560 w 119509"/>
                  <a:gd name="connsiteY12" fmla="*/ 16954 h 119254"/>
                  <a:gd name="connsiteX13" fmla="*/ 5360 w 119509"/>
                  <a:gd name="connsiteY13" fmla="*/ 0 h 119254"/>
                  <a:gd name="connsiteX14" fmla="*/ 4407 w 119509"/>
                  <a:gd name="connsiteY14" fmla="*/ 0 h 119254"/>
                  <a:gd name="connsiteX15" fmla="*/ 1264 w 119509"/>
                  <a:gd name="connsiteY15" fmla="*/ 1333 h 119254"/>
                  <a:gd name="connsiteX16" fmla="*/ 121 w 119509"/>
                  <a:gd name="connsiteY16" fmla="*/ 5334 h 119254"/>
                  <a:gd name="connsiteX17" fmla="*/ 16980 w 119509"/>
                  <a:gd name="connsiteY17" fmla="*/ 81534 h 119254"/>
                  <a:gd name="connsiteX18" fmla="*/ 20028 w 119509"/>
                  <a:gd name="connsiteY18" fmla="*/ 84772 h 119254"/>
                  <a:gd name="connsiteX19" fmla="*/ 21266 w 119509"/>
                  <a:gd name="connsiteY19" fmla="*/ 84772 h 119254"/>
                  <a:gd name="connsiteX20" fmla="*/ 24410 w 119509"/>
                  <a:gd name="connsiteY20" fmla="*/ 83439 h 119254"/>
                  <a:gd name="connsiteX21" fmla="*/ 33935 w 119509"/>
                  <a:gd name="connsiteY21" fmla="*/ 73914 h 119254"/>
                  <a:gd name="connsiteX22" fmla="*/ 40412 w 119509"/>
                  <a:gd name="connsiteY22" fmla="*/ 71342 h 1192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9509" h="119254">
                    <a:moveTo>
                      <a:pt x="40412" y="71342"/>
                    </a:moveTo>
                    <a:cubicBezTo>
                      <a:pt x="42793" y="71314"/>
                      <a:pt x="45098" y="72237"/>
                      <a:pt x="46793" y="73914"/>
                    </a:cubicBezTo>
                    <a:lnTo>
                      <a:pt x="90799" y="118015"/>
                    </a:lnTo>
                    <a:cubicBezTo>
                      <a:pt x="91637" y="118834"/>
                      <a:pt x="92771" y="119281"/>
                      <a:pt x="93942" y="119253"/>
                    </a:cubicBezTo>
                    <a:cubicBezTo>
                      <a:pt x="95085" y="119272"/>
                      <a:pt x="96190" y="118824"/>
                      <a:pt x="96990" y="118015"/>
                    </a:cubicBezTo>
                    <a:lnTo>
                      <a:pt x="118231" y="96774"/>
                    </a:lnTo>
                    <a:cubicBezTo>
                      <a:pt x="119936" y="95059"/>
                      <a:pt x="119936" y="92297"/>
                      <a:pt x="118231" y="90583"/>
                    </a:cubicBezTo>
                    <a:lnTo>
                      <a:pt x="74225" y="46482"/>
                    </a:lnTo>
                    <a:cubicBezTo>
                      <a:pt x="70730" y="42986"/>
                      <a:pt x="70720" y="37319"/>
                      <a:pt x="74216" y="33823"/>
                    </a:cubicBezTo>
                    <a:cubicBezTo>
                      <a:pt x="74225" y="33814"/>
                      <a:pt x="74225" y="33814"/>
                      <a:pt x="74225" y="33814"/>
                    </a:cubicBezTo>
                    <a:lnTo>
                      <a:pt x="83750" y="24289"/>
                    </a:lnTo>
                    <a:cubicBezTo>
                      <a:pt x="84884" y="23174"/>
                      <a:pt x="85294" y="21517"/>
                      <a:pt x="84798" y="20002"/>
                    </a:cubicBezTo>
                    <a:cubicBezTo>
                      <a:pt x="84408" y="18440"/>
                      <a:pt x="83141" y="17240"/>
                      <a:pt x="81560" y="16954"/>
                    </a:cubicBezTo>
                    <a:lnTo>
                      <a:pt x="5360" y="0"/>
                    </a:lnTo>
                    <a:lnTo>
                      <a:pt x="4407" y="0"/>
                    </a:lnTo>
                    <a:cubicBezTo>
                      <a:pt x="3226" y="9"/>
                      <a:pt x="2093" y="495"/>
                      <a:pt x="1264" y="1333"/>
                    </a:cubicBezTo>
                    <a:cubicBezTo>
                      <a:pt x="197" y="2372"/>
                      <a:pt x="-231" y="3896"/>
                      <a:pt x="121" y="5334"/>
                    </a:cubicBezTo>
                    <a:lnTo>
                      <a:pt x="16980" y="81534"/>
                    </a:lnTo>
                    <a:cubicBezTo>
                      <a:pt x="17371" y="83067"/>
                      <a:pt x="18523" y="84296"/>
                      <a:pt x="20028" y="84772"/>
                    </a:cubicBezTo>
                    <a:lnTo>
                      <a:pt x="21266" y="84772"/>
                    </a:lnTo>
                    <a:cubicBezTo>
                      <a:pt x="22447" y="84763"/>
                      <a:pt x="23581" y="84277"/>
                      <a:pt x="24410" y="83439"/>
                    </a:cubicBezTo>
                    <a:lnTo>
                      <a:pt x="33935" y="73914"/>
                    </a:lnTo>
                    <a:cubicBezTo>
                      <a:pt x="35630" y="72180"/>
                      <a:pt x="37983" y="71247"/>
                      <a:pt x="40412" y="71342"/>
                    </a:cubicBezTo>
                    <a:close/>
                  </a:path>
                </a:pathLst>
              </a:custGeom>
              <a:solidFill>
                <a:schemeClr val="accent2">
                  <a:lumMod val="40000"/>
                  <a:lumOff val="60000"/>
                </a:schemeClr>
              </a:solidFill>
              <a:ln w="9525" cap="flat">
                <a:noFill/>
                <a:prstDash val="solid"/>
                <a:miter/>
              </a:ln>
            </p:spPr>
            <p:txBody>
              <a:bodyPr rtlCol="0" anchor="ctr"/>
              <a:lstStyle/>
              <a:p>
                <a:endParaRPr lang="en-AU" sz="153"/>
              </a:p>
            </p:txBody>
          </p:sp>
          <p:sp>
            <p:nvSpPr>
              <p:cNvPr id="90" name="Graphic 2">
                <a:extLst>
                  <a:ext uri="{FF2B5EF4-FFF2-40B4-BE49-F238E27FC236}">
                    <a16:creationId xmlns:a16="http://schemas.microsoft.com/office/drawing/2014/main" id="{3F4B7953-FC85-3457-55BF-3AD12D0360B2}"/>
                  </a:ext>
                </a:extLst>
              </p:cNvPr>
              <p:cNvSpPr/>
              <p:nvPr/>
            </p:nvSpPr>
            <p:spPr>
              <a:xfrm>
                <a:off x="4129913" y="3844250"/>
                <a:ext cx="164794" cy="164758"/>
              </a:xfrm>
              <a:custGeom>
                <a:avLst/>
                <a:gdLst>
                  <a:gd name="connsiteX0" fmla="*/ 116141 w 164794"/>
                  <a:gd name="connsiteY0" fmla="*/ 164759 h 164758"/>
                  <a:gd name="connsiteX1" fmla="*/ 109759 w 164794"/>
                  <a:gd name="connsiteY1" fmla="*/ 162092 h 164758"/>
                  <a:gd name="connsiteX2" fmla="*/ 65753 w 164794"/>
                  <a:gd name="connsiteY2" fmla="*/ 118086 h 164758"/>
                  <a:gd name="connsiteX3" fmla="*/ 62610 w 164794"/>
                  <a:gd name="connsiteY3" fmla="*/ 116753 h 164758"/>
                  <a:gd name="connsiteX4" fmla="*/ 59562 w 164794"/>
                  <a:gd name="connsiteY4" fmla="*/ 118086 h 164758"/>
                  <a:gd name="connsiteX5" fmla="*/ 42036 w 164794"/>
                  <a:gd name="connsiteY5" fmla="*/ 135326 h 164758"/>
                  <a:gd name="connsiteX6" fmla="*/ 35654 w 164794"/>
                  <a:gd name="connsiteY6" fmla="*/ 137993 h 164758"/>
                  <a:gd name="connsiteX7" fmla="*/ 33178 w 164794"/>
                  <a:gd name="connsiteY7" fmla="*/ 137993 h 164758"/>
                  <a:gd name="connsiteX8" fmla="*/ 26891 w 164794"/>
                  <a:gd name="connsiteY8" fmla="*/ 131326 h 164758"/>
                  <a:gd name="connsiteX9" fmla="*/ 221 w 164794"/>
                  <a:gd name="connsiteY9" fmla="*/ 10930 h 164758"/>
                  <a:gd name="connsiteX10" fmla="*/ 2603 w 164794"/>
                  <a:gd name="connsiteY10" fmla="*/ 2643 h 164758"/>
                  <a:gd name="connsiteX11" fmla="*/ 8889 w 164794"/>
                  <a:gd name="connsiteY11" fmla="*/ 71 h 164758"/>
                  <a:gd name="connsiteX12" fmla="*/ 10890 w 164794"/>
                  <a:gd name="connsiteY12" fmla="*/ 71 h 164758"/>
                  <a:gd name="connsiteX13" fmla="*/ 131285 w 164794"/>
                  <a:gd name="connsiteY13" fmla="*/ 26837 h 164758"/>
                  <a:gd name="connsiteX14" fmla="*/ 137953 w 164794"/>
                  <a:gd name="connsiteY14" fmla="*/ 33028 h 164758"/>
                  <a:gd name="connsiteX15" fmla="*/ 135667 w 164794"/>
                  <a:gd name="connsiteY15" fmla="*/ 41886 h 164758"/>
                  <a:gd name="connsiteX16" fmla="*/ 118236 w 164794"/>
                  <a:gd name="connsiteY16" fmla="*/ 59031 h 164758"/>
                  <a:gd name="connsiteX17" fmla="*/ 118236 w 164794"/>
                  <a:gd name="connsiteY17" fmla="*/ 65222 h 164758"/>
                  <a:gd name="connsiteX18" fmla="*/ 162337 w 164794"/>
                  <a:gd name="connsiteY18" fmla="*/ 109228 h 164758"/>
                  <a:gd name="connsiteX19" fmla="*/ 162337 w 164794"/>
                  <a:gd name="connsiteY19" fmla="*/ 121991 h 164758"/>
                  <a:gd name="connsiteX20" fmla="*/ 122141 w 164794"/>
                  <a:gd name="connsiteY20" fmla="*/ 162092 h 164758"/>
                  <a:gd name="connsiteX21" fmla="*/ 116141 w 164794"/>
                  <a:gd name="connsiteY21" fmla="*/ 164759 h 164758"/>
                  <a:gd name="connsiteX22" fmla="*/ 62610 w 164794"/>
                  <a:gd name="connsiteY22" fmla="*/ 93226 h 164758"/>
                  <a:gd name="connsiteX23" fmla="*/ 68992 w 164794"/>
                  <a:gd name="connsiteY23" fmla="*/ 95893 h 164758"/>
                  <a:gd name="connsiteX24" fmla="*/ 112998 w 164794"/>
                  <a:gd name="connsiteY24" fmla="*/ 139899 h 164758"/>
                  <a:gd name="connsiteX25" fmla="*/ 116141 w 164794"/>
                  <a:gd name="connsiteY25" fmla="*/ 141232 h 164758"/>
                  <a:gd name="connsiteX26" fmla="*/ 119189 w 164794"/>
                  <a:gd name="connsiteY26" fmla="*/ 139899 h 164758"/>
                  <a:gd name="connsiteX27" fmla="*/ 140429 w 164794"/>
                  <a:gd name="connsiteY27" fmla="*/ 118753 h 164758"/>
                  <a:gd name="connsiteX28" fmla="*/ 140429 w 164794"/>
                  <a:gd name="connsiteY28" fmla="*/ 112562 h 164758"/>
                  <a:gd name="connsiteX29" fmla="*/ 96424 w 164794"/>
                  <a:gd name="connsiteY29" fmla="*/ 68461 h 164758"/>
                  <a:gd name="connsiteX30" fmla="*/ 96415 w 164794"/>
                  <a:gd name="connsiteY30" fmla="*/ 55802 h 164758"/>
                  <a:gd name="connsiteX31" fmla="*/ 96424 w 164794"/>
                  <a:gd name="connsiteY31" fmla="*/ 55793 h 164758"/>
                  <a:gd name="connsiteX32" fmla="*/ 105949 w 164794"/>
                  <a:gd name="connsiteY32" fmla="*/ 46268 h 164758"/>
                  <a:gd name="connsiteX33" fmla="*/ 106997 w 164794"/>
                  <a:gd name="connsiteY33" fmla="*/ 41886 h 164758"/>
                  <a:gd name="connsiteX34" fmla="*/ 103758 w 164794"/>
                  <a:gd name="connsiteY34" fmla="*/ 38838 h 164758"/>
                  <a:gd name="connsiteX35" fmla="*/ 27558 w 164794"/>
                  <a:gd name="connsiteY35" fmla="*/ 21979 h 164758"/>
                  <a:gd name="connsiteX36" fmla="*/ 26606 w 164794"/>
                  <a:gd name="connsiteY36" fmla="*/ 21979 h 164758"/>
                  <a:gd name="connsiteX37" fmla="*/ 23462 w 164794"/>
                  <a:gd name="connsiteY37" fmla="*/ 23217 h 164758"/>
                  <a:gd name="connsiteX38" fmla="*/ 22319 w 164794"/>
                  <a:gd name="connsiteY38" fmla="*/ 27313 h 164758"/>
                  <a:gd name="connsiteX39" fmla="*/ 39179 w 164794"/>
                  <a:gd name="connsiteY39" fmla="*/ 103513 h 164758"/>
                  <a:gd name="connsiteX40" fmla="*/ 42227 w 164794"/>
                  <a:gd name="connsiteY40" fmla="*/ 106847 h 164758"/>
                  <a:gd name="connsiteX41" fmla="*/ 43465 w 164794"/>
                  <a:gd name="connsiteY41" fmla="*/ 106847 h 164758"/>
                  <a:gd name="connsiteX42" fmla="*/ 46608 w 164794"/>
                  <a:gd name="connsiteY42" fmla="*/ 105608 h 164758"/>
                  <a:gd name="connsiteX43" fmla="*/ 56133 w 164794"/>
                  <a:gd name="connsiteY43" fmla="*/ 96083 h 164758"/>
                  <a:gd name="connsiteX44" fmla="*/ 62610 w 164794"/>
                  <a:gd name="connsiteY44" fmla="*/ 93226 h 164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164794" h="164758">
                    <a:moveTo>
                      <a:pt x="116141" y="164759"/>
                    </a:moveTo>
                    <a:cubicBezTo>
                      <a:pt x="113750" y="164701"/>
                      <a:pt x="111474" y="163749"/>
                      <a:pt x="109759" y="162092"/>
                    </a:cubicBezTo>
                    <a:lnTo>
                      <a:pt x="65753" y="118086"/>
                    </a:lnTo>
                    <a:cubicBezTo>
                      <a:pt x="64925" y="117248"/>
                      <a:pt x="63791" y="116762"/>
                      <a:pt x="62610" y="116753"/>
                    </a:cubicBezTo>
                    <a:cubicBezTo>
                      <a:pt x="61458" y="116772"/>
                      <a:pt x="60353" y="117248"/>
                      <a:pt x="59562" y="118086"/>
                    </a:cubicBezTo>
                    <a:lnTo>
                      <a:pt x="42036" y="135326"/>
                    </a:lnTo>
                    <a:cubicBezTo>
                      <a:pt x="40360" y="137041"/>
                      <a:pt x="38055" y="138003"/>
                      <a:pt x="35654" y="137993"/>
                    </a:cubicBezTo>
                    <a:cubicBezTo>
                      <a:pt x="34835" y="138079"/>
                      <a:pt x="33997" y="138079"/>
                      <a:pt x="33178" y="137993"/>
                    </a:cubicBezTo>
                    <a:cubicBezTo>
                      <a:pt x="30082" y="136993"/>
                      <a:pt x="27711" y="134479"/>
                      <a:pt x="26891" y="131326"/>
                    </a:cubicBezTo>
                    <a:lnTo>
                      <a:pt x="221" y="10930"/>
                    </a:lnTo>
                    <a:cubicBezTo>
                      <a:pt x="-455" y="7939"/>
                      <a:pt x="440" y="4815"/>
                      <a:pt x="2603" y="2643"/>
                    </a:cubicBezTo>
                    <a:cubicBezTo>
                      <a:pt x="4308" y="1043"/>
                      <a:pt x="6546" y="129"/>
                      <a:pt x="8889" y="71"/>
                    </a:cubicBezTo>
                    <a:cubicBezTo>
                      <a:pt x="9556" y="-24"/>
                      <a:pt x="10223" y="-24"/>
                      <a:pt x="10890" y="71"/>
                    </a:cubicBezTo>
                    <a:lnTo>
                      <a:pt x="131285" y="26837"/>
                    </a:lnTo>
                    <a:cubicBezTo>
                      <a:pt x="134467" y="27532"/>
                      <a:pt x="137019" y="29904"/>
                      <a:pt x="137953" y="33028"/>
                    </a:cubicBezTo>
                    <a:cubicBezTo>
                      <a:pt x="138753" y="36181"/>
                      <a:pt x="137886" y="39515"/>
                      <a:pt x="135667" y="41886"/>
                    </a:cubicBezTo>
                    <a:lnTo>
                      <a:pt x="118236" y="59031"/>
                    </a:lnTo>
                    <a:cubicBezTo>
                      <a:pt x="116531" y="60746"/>
                      <a:pt x="116531" y="63508"/>
                      <a:pt x="118236" y="65222"/>
                    </a:cubicBezTo>
                    <a:lnTo>
                      <a:pt x="162337" y="109228"/>
                    </a:lnTo>
                    <a:cubicBezTo>
                      <a:pt x="165614" y="112857"/>
                      <a:pt x="165614" y="118362"/>
                      <a:pt x="162337" y="121991"/>
                    </a:cubicBezTo>
                    <a:lnTo>
                      <a:pt x="122141" y="162092"/>
                    </a:lnTo>
                    <a:cubicBezTo>
                      <a:pt x="120570" y="163730"/>
                      <a:pt x="118417" y="164692"/>
                      <a:pt x="116141" y="164759"/>
                    </a:cubicBezTo>
                    <a:close/>
                    <a:moveTo>
                      <a:pt x="62610" y="93226"/>
                    </a:moveTo>
                    <a:cubicBezTo>
                      <a:pt x="65001" y="93283"/>
                      <a:pt x="67277" y="94236"/>
                      <a:pt x="68992" y="95893"/>
                    </a:cubicBezTo>
                    <a:lnTo>
                      <a:pt x="112998" y="139899"/>
                    </a:lnTo>
                    <a:cubicBezTo>
                      <a:pt x="113826" y="140737"/>
                      <a:pt x="114960" y="141222"/>
                      <a:pt x="116141" y="141232"/>
                    </a:cubicBezTo>
                    <a:cubicBezTo>
                      <a:pt x="117293" y="141213"/>
                      <a:pt x="118398" y="140737"/>
                      <a:pt x="119189" y="139899"/>
                    </a:cubicBezTo>
                    <a:lnTo>
                      <a:pt x="140429" y="118753"/>
                    </a:lnTo>
                    <a:cubicBezTo>
                      <a:pt x="142134" y="117038"/>
                      <a:pt x="142134" y="114276"/>
                      <a:pt x="140429" y="112562"/>
                    </a:cubicBezTo>
                    <a:lnTo>
                      <a:pt x="96424" y="68461"/>
                    </a:lnTo>
                    <a:cubicBezTo>
                      <a:pt x="92928" y="64965"/>
                      <a:pt x="92919" y="59298"/>
                      <a:pt x="96415" y="55802"/>
                    </a:cubicBezTo>
                    <a:cubicBezTo>
                      <a:pt x="96424" y="55793"/>
                      <a:pt x="96424" y="55793"/>
                      <a:pt x="96424" y="55793"/>
                    </a:cubicBezTo>
                    <a:lnTo>
                      <a:pt x="105949" y="46268"/>
                    </a:lnTo>
                    <a:cubicBezTo>
                      <a:pt x="107101" y="45125"/>
                      <a:pt x="107501" y="43429"/>
                      <a:pt x="106997" y="41886"/>
                    </a:cubicBezTo>
                    <a:cubicBezTo>
                      <a:pt x="106587" y="40334"/>
                      <a:pt x="105330" y="39152"/>
                      <a:pt x="103758" y="38838"/>
                    </a:cubicBezTo>
                    <a:lnTo>
                      <a:pt x="27558" y="21979"/>
                    </a:lnTo>
                    <a:lnTo>
                      <a:pt x="26606" y="21979"/>
                    </a:lnTo>
                    <a:cubicBezTo>
                      <a:pt x="25444" y="21998"/>
                      <a:pt x="24329" y="22446"/>
                      <a:pt x="23462" y="23217"/>
                    </a:cubicBezTo>
                    <a:cubicBezTo>
                      <a:pt x="22396" y="24293"/>
                      <a:pt x="21967" y="25846"/>
                      <a:pt x="22319" y="27313"/>
                    </a:cubicBezTo>
                    <a:lnTo>
                      <a:pt x="39179" y="103513"/>
                    </a:lnTo>
                    <a:cubicBezTo>
                      <a:pt x="39522" y="105094"/>
                      <a:pt x="40684" y="106370"/>
                      <a:pt x="42227" y="106847"/>
                    </a:cubicBezTo>
                    <a:lnTo>
                      <a:pt x="43465" y="106847"/>
                    </a:lnTo>
                    <a:cubicBezTo>
                      <a:pt x="44637" y="106875"/>
                      <a:pt x="45770" y="106428"/>
                      <a:pt x="46608" y="105608"/>
                    </a:cubicBezTo>
                    <a:lnTo>
                      <a:pt x="56133" y="96083"/>
                    </a:lnTo>
                    <a:cubicBezTo>
                      <a:pt x="57790" y="94254"/>
                      <a:pt x="60143" y="93216"/>
                      <a:pt x="62610" y="93226"/>
                    </a:cubicBezTo>
                    <a:close/>
                  </a:path>
                </a:pathLst>
              </a:custGeom>
              <a:solidFill>
                <a:srgbClr val="265998"/>
              </a:solidFill>
              <a:ln w="9525" cap="flat">
                <a:noFill/>
                <a:prstDash val="solid"/>
                <a:miter/>
              </a:ln>
            </p:spPr>
            <p:txBody>
              <a:bodyPr rtlCol="0" anchor="ctr"/>
              <a:lstStyle/>
              <a:p>
                <a:endParaRPr lang="en-AU" sz="153"/>
              </a:p>
            </p:txBody>
          </p:sp>
          <p:sp>
            <p:nvSpPr>
              <p:cNvPr id="91" name="Graphic 2">
                <a:extLst>
                  <a:ext uri="{FF2B5EF4-FFF2-40B4-BE49-F238E27FC236}">
                    <a16:creationId xmlns:a16="http://schemas.microsoft.com/office/drawing/2014/main" id="{BBEECBD4-8E29-9469-BF4A-6B45D0616775}"/>
                  </a:ext>
                </a:extLst>
              </p:cNvPr>
              <p:cNvSpPr/>
              <p:nvPr/>
            </p:nvSpPr>
            <p:spPr>
              <a:xfrm>
                <a:off x="3876008" y="3589908"/>
                <a:ext cx="419100" cy="419149"/>
              </a:xfrm>
              <a:custGeom>
                <a:avLst/>
                <a:gdLst>
                  <a:gd name="connsiteX0" fmla="*/ 89249 w 419100"/>
                  <a:gd name="connsiteY0" fmla="*/ 419100 h 419149"/>
                  <a:gd name="connsiteX1" fmla="*/ 81172 w 419100"/>
                  <a:gd name="connsiteY1" fmla="*/ 409175 h 419149"/>
                  <a:gd name="connsiteX2" fmla="*/ 89249 w 419100"/>
                  <a:gd name="connsiteY2" fmla="*/ 401098 h 419149"/>
                  <a:gd name="connsiteX3" fmla="*/ 125539 w 419100"/>
                  <a:gd name="connsiteY3" fmla="*/ 401098 h 419149"/>
                  <a:gd name="connsiteX4" fmla="*/ 128302 w 419100"/>
                  <a:gd name="connsiteY4" fmla="*/ 400145 h 419149"/>
                  <a:gd name="connsiteX5" fmla="*/ 147352 w 419100"/>
                  <a:gd name="connsiteY5" fmla="*/ 342995 h 419149"/>
                  <a:gd name="connsiteX6" fmla="*/ 142970 w 419100"/>
                  <a:gd name="connsiteY6" fmla="*/ 338614 h 419149"/>
                  <a:gd name="connsiteX7" fmla="*/ 32099 w 419100"/>
                  <a:gd name="connsiteY7" fmla="*/ 338614 h 419149"/>
                  <a:gd name="connsiteX8" fmla="*/ 0 w 419100"/>
                  <a:gd name="connsiteY8" fmla="*/ 306514 h 419149"/>
                  <a:gd name="connsiteX9" fmla="*/ 0 w 419100"/>
                  <a:gd name="connsiteY9" fmla="*/ 32099 h 419149"/>
                  <a:gd name="connsiteX10" fmla="*/ 32099 w 419100"/>
                  <a:gd name="connsiteY10" fmla="*/ 0 h 419149"/>
                  <a:gd name="connsiteX11" fmla="*/ 387001 w 419100"/>
                  <a:gd name="connsiteY11" fmla="*/ 0 h 419149"/>
                  <a:gd name="connsiteX12" fmla="*/ 419100 w 419100"/>
                  <a:gd name="connsiteY12" fmla="*/ 32099 h 419149"/>
                  <a:gd name="connsiteX13" fmla="*/ 419100 w 419100"/>
                  <a:gd name="connsiteY13" fmla="*/ 262985 h 419149"/>
                  <a:gd name="connsiteX14" fmla="*/ 410146 w 419100"/>
                  <a:gd name="connsiteY14" fmla="*/ 271939 h 419149"/>
                  <a:gd name="connsiteX15" fmla="*/ 401193 w 419100"/>
                  <a:gd name="connsiteY15" fmla="*/ 262985 h 419149"/>
                  <a:gd name="connsiteX16" fmla="*/ 401193 w 419100"/>
                  <a:gd name="connsiteY16" fmla="*/ 32099 h 419149"/>
                  <a:gd name="connsiteX17" fmla="*/ 387001 w 419100"/>
                  <a:gd name="connsiteY17" fmla="*/ 17907 h 419149"/>
                  <a:gd name="connsiteX18" fmla="*/ 32099 w 419100"/>
                  <a:gd name="connsiteY18" fmla="*/ 17907 h 419149"/>
                  <a:gd name="connsiteX19" fmla="*/ 18002 w 419100"/>
                  <a:gd name="connsiteY19" fmla="*/ 32099 h 419149"/>
                  <a:gd name="connsiteX20" fmla="*/ 18002 w 419100"/>
                  <a:gd name="connsiteY20" fmla="*/ 306705 h 419149"/>
                  <a:gd name="connsiteX21" fmla="*/ 32099 w 419100"/>
                  <a:gd name="connsiteY21" fmla="*/ 320897 h 419149"/>
                  <a:gd name="connsiteX22" fmla="*/ 236315 w 419100"/>
                  <a:gd name="connsiteY22" fmla="*/ 320897 h 419149"/>
                  <a:gd name="connsiteX23" fmla="*/ 245269 w 419100"/>
                  <a:gd name="connsiteY23" fmla="*/ 329851 h 419149"/>
                  <a:gd name="connsiteX24" fmla="*/ 236315 w 419100"/>
                  <a:gd name="connsiteY24" fmla="*/ 338804 h 419149"/>
                  <a:gd name="connsiteX25" fmla="*/ 169640 w 419100"/>
                  <a:gd name="connsiteY25" fmla="*/ 338804 h 419149"/>
                  <a:gd name="connsiteX26" fmla="*/ 165259 w 419100"/>
                  <a:gd name="connsiteY26" fmla="*/ 343186 h 419149"/>
                  <a:gd name="connsiteX27" fmla="*/ 154972 w 419100"/>
                  <a:gd name="connsiteY27" fmla="*/ 394716 h 419149"/>
                  <a:gd name="connsiteX28" fmla="*/ 156867 w 419100"/>
                  <a:gd name="connsiteY28" fmla="*/ 400612 h 419149"/>
                  <a:gd name="connsiteX29" fmla="*/ 158972 w 419100"/>
                  <a:gd name="connsiteY29" fmla="*/ 401098 h 419149"/>
                  <a:gd name="connsiteX30" fmla="*/ 249841 w 419100"/>
                  <a:gd name="connsiteY30" fmla="*/ 401098 h 419149"/>
                  <a:gd name="connsiteX31" fmla="*/ 259766 w 419100"/>
                  <a:gd name="connsiteY31" fmla="*/ 409175 h 419149"/>
                  <a:gd name="connsiteX32" fmla="*/ 251698 w 419100"/>
                  <a:gd name="connsiteY32" fmla="*/ 419100 h 419149"/>
                  <a:gd name="connsiteX33" fmla="*/ 249841 w 419100"/>
                  <a:gd name="connsiteY33" fmla="*/ 419100 h 419149"/>
                  <a:gd name="connsiteX34" fmla="*/ 89249 w 419100"/>
                  <a:gd name="connsiteY34" fmla="*/ 419100 h 4191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19100" h="419149">
                    <a:moveTo>
                      <a:pt x="89249" y="419100"/>
                    </a:moveTo>
                    <a:cubicBezTo>
                      <a:pt x="84277" y="418586"/>
                      <a:pt x="80667" y="414147"/>
                      <a:pt x="81172" y="409175"/>
                    </a:cubicBezTo>
                    <a:cubicBezTo>
                      <a:pt x="81610" y="404908"/>
                      <a:pt x="84982" y="401536"/>
                      <a:pt x="89249" y="401098"/>
                    </a:cubicBezTo>
                    <a:lnTo>
                      <a:pt x="125539" y="401098"/>
                    </a:lnTo>
                    <a:cubicBezTo>
                      <a:pt x="126540" y="401088"/>
                      <a:pt x="127511" y="400755"/>
                      <a:pt x="128302" y="400145"/>
                    </a:cubicBezTo>
                    <a:cubicBezTo>
                      <a:pt x="133921" y="395764"/>
                      <a:pt x="147352" y="381095"/>
                      <a:pt x="147352" y="342995"/>
                    </a:cubicBezTo>
                    <a:cubicBezTo>
                      <a:pt x="147352" y="340576"/>
                      <a:pt x="145390" y="338614"/>
                      <a:pt x="142970" y="338614"/>
                    </a:cubicBezTo>
                    <a:lnTo>
                      <a:pt x="32099" y="338614"/>
                    </a:lnTo>
                    <a:cubicBezTo>
                      <a:pt x="14373" y="338614"/>
                      <a:pt x="0" y="324241"/>
                      <a:pt x="0" y="306514"/>
                    </a:cubicBezTo>
                    <a:lnTo>
                      <a:pt x="0" y="32099"/>
                    </a:lnTo>
                    <a:cubicBezTo>
                      <a:pt x="0" y="14373"/>
                      <a:pt x="14373" y="0"/>
                      <a:pt x="32099" y="0"/>
                    </a:cubicBezTo>
                    <a:lnTo>
                      <a:pt x="387001" y="0"/>
                    </a:lnTo>
                    <a:cubicBezTo>
                      <a:pt x="404727" y="0"/>
                      <a:pt x="419100" y="14373"/>
                      <a:pt x="419100" y="32099"/>
                    </a:cubicBezTo>
                    <a:lnTo>
                      <a:pt x="419100" y="262985"/>
                    </a:lnTo>
                    <a:cubicBezTo>
                      <a:pt x="419100" y="267929"/>
                      <a:pt x="415090" y="271939"/>
                      <a:pt x="410146" y="271939"/>
                    </a:cubicBezTo>
                    <a:cubicBezTo>
                      <a:pt x="405203" y="271939"/>
                      <a:pt x="401193" y="267929"/>
                      <a:pt x="401193" y="262985"/>
                    </a:cubicBezTo>
                    <a:lnTo>
                      <a:pt x="401193" y="32099"/>
                    </a:lnTo>
                    <a:cubicBezTo>
                      <a:pt x="401088" y="24308"/>
                      <a:pt x="394792" y="18012"/>
                      <a:pt x="387001" y="17907"/>
                    </a:cubicBezTo>
                    <a:lnTo>
                      <a:pt x="32099" y="17907"/>
                    </a:lnTo>
                    <a:cubicBezTo>
                      <a:pt x="24317" y="18012"/>
                      <a:pt x="18050" y="24317"/>
                      <a:pt x="18002" y="32099"/>
                    </a:cubicBezTo>
                    <a:lnTo>
                      <a:pt x="18002" y="306705"/>
                    </a:lnTo>
                    <a:cubicBezTo>
                      <a:pt x="18050" y="314487"/>
                      <a:pt x="24317" y="320793"/>
                      <a:pt x="32099" y="320897"/>
                    </a:cubicBezTo>
                    <a:lnTo>
                      <a:pt x="236315" y="320897"/>
                    </a:lnTo>
                    <a:cubicBezTo>
                      <a:pt x="241259" y="320897"/>
                      <a:pt x="245269" y="324907"/>
                      <a:pt x="245269" y="329851"/>
                    </a:cubicBezTo>
                    <a:cubicBezTo>
                      <a:pt x="245269" y="334794"/>
                      <a:pt x="241259" y="338804"/>
                      <a:pt x="236315" y="338804"/>
                    </a:cubicBezTo>
                    <a:lnTo>
                      <a:pt x="169640" y="338804"/>
                    </a:lnTo>
                    <a:cubicBezTo>
                      <a:pt x="167240" y="338852"/>
                      <a:pt x="165306" y="340786"/>
                      <a:pt x="165259" y="343186"/>
                    </a:cubicBezTo>
                    <a:cubicBezTo>
                      <a:pt x="165878" y="360931"/>
                      <a:pt x="162354" y="378571"/>
                      <a:pt x="154972" y="394716"/>
                    </a:cubicBezTo>
                    <a:cubicBezTo>
                      <a:pt x="153867" y="396869"/>
                      <a:pt x="154715" y="399507"/>
                      <a:pt x="156867" y="400612"/>
                    </a:cubicBezTo>
                    <a:cubicBezTo>
                      <a:pt x="157515" y="400945"/>
                      <a:pt x="158239" y="401117"/>
                      <a:pt x="158972" y="401098"/>
                    </a:cubicBezTo>
                    <a:lnTo>
                      <a:pt x="249841" y="401098"/>
                    </a:lnTo>
                    <a:cubicBezTo>
                      <a:pt x="254813" y="400583"/>
                      <a:pt x="259261" y="404203"/>
                      <a:pt x="259766" y="409175"/>
                    </a:cubicBezTo>
                    <a:cubicBezTo>
                      <a:pt x="260280" y="414147"/>
                      <a:pt x="256670" y="418586"/>
                      <a:pt x="251698" y="419100"/>
                    </a:cubicBezTo>
                    <a:cubicBezTo>
                      <a:pt x="251079" y="419167"/>
                      <a:pt x="250460" y="419167"/>
                      <a:pt x="249841" y="419100"/>
                    </a:cubicBezTo>
                    <a:lnTo>
                      <a:pt x="89249" y="419100"/>
                    </a:lnTo>
                    <a:close/>
                  </a:path>
                </a:pathLst>
              </a:custGeom>
              <a:solidFill>
                <a:srgbClr val="265998"/>
              </a:solidFill>
              <a:ln w="9525" cap="flat">
                <a:noFill/>
                <a:prstDash val="solid"/>
                <a:miter/>
              </a:ln>
            </p:spPr>
            <p:txBody>
              <a:bodyPr rtlCol="0" anchor="ctr"/>
              <a:lstStyle/>
              <a:p>
                <a:endParaRPr lang="en-AU" sz="153"/>
              </a:p>
            </p:txBody>
          </p:sp>
          <p:sp>
            <p:nvSpPr>
              <p:cNvPr id="92" name="Graphic 2">
                <a:extLst>
                  <a:ext uri="{FF2B5EF4-FFF2-40B4-BE49-F238E27FC236}">
                    <a16:creationId xmlns:a16="http://schemas.microsoft.com/office/drawing/2014/main" id="{A7E35F31-1601-BFE7-B3B3-42BB84EC701D}"/>
                  </a:ext>
                </a:extLst>
              </p:cNvPr>
              <p:cNvSpPr/>
              <p:nvPr/>
            </p:nvSpPr>
            <p:spPr>
              <a:xfrm>
                <a:off x="4009739" y="3696874"/>
                <a:ext cx="165068" cy="17907"/>
              </a:xfrm>
              <a:custGeom>
                <a:avLst/>
                <a:gdLst>
                  <a:gd name="connsiteX0" fmla="*/ 8954 w 165068"/>
                  <a:gd name="connsiteY0" fmla="*/ 17907 h 17907"/>
                  <a:gd name="connsiteX1" fmla="*/ 0 w 165068"/>
                  <a:gd name="connsiteY1" fmla="*/ 8954 h 17907"/>
                  <a:gd name="connsiteX2" fmla="*/ 8954 w 165068"/>
                  <a:gd name="connsiteY2" fmla="*/ 0 h 17907"/>
                  <a:gd name="connsiteX3" fmla="*/ 156115 w 165068"/>
                  <a:gd name="connsiteY3" fmla="*/ 0 h 17907"/>
                  <a:gd name="connsiteX4" fmla="*/ 165068 w 165068"/>
                  <a:gd name="connsiteY4" fmla="*/ 8954 h 17907"/>
                  <a:gd name="connsiteX5" fmla="*/ 156115 w 165068"/>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5068" h="17907">
                    <a:moveTo>
                      <a:pt x="8954" y="17907"/>
                    </a:moveTo>
                    <a:cubicBezTo>
                      <a:pt x="4010" y="17907"/>
                      <a:pt x="0" y="13897"/>
                      <a:pt x="0" y="8954"/>
                    </a:cubicBezTo>
                    <a:cubicBezTo>
                      <a:pt x="0" y="4010"/>
                      <a:pt x="4010" y="0"/>
                      <a:pt x="8954" y="0"/>
                    </a:cubicBezTo>
                    <a:lnTo>
                      <a:pt x="156115" y="0"/>
                    </a:lnTo>
                    <a:cubicBezTo>
                      <a:pt x="161058" y="0"/>
                      <a:pt x="165068" y="4010"/>
                      <a:pt x="165068" y="8954"/>
                    </a:cubicBezTo>
                    <a:cubicBezTo>
                      <a:pt x="165068" y="13897"/>
                      <a:pt x="161058" y="17907"/>
                      <a:pt x="156115" y="17907"/>
                    </a:cubicBezTo>
                    <a:close/>
                  </a:path>
                </a:pathLst>
              </a:custGeom>
              <a:solidFill>
                <a:srgbClr val="265998"/>
              </a:solidFill>
              <a:ln w="9525" cap="flat">
                <a:noFill/>
                <a:prstDash val="solid"/>
                <a:miter/>
              </a:ln>
            </p:spPr>
            <p:txBody>
              <a:bodyPr rtlCol="0" anchor="ctr"/>
              <a:lstStyle/>
              <a:p>
                <a:endParaRPr lang="en-AU" sz="153"/>
              </a:p>
            </p:txBody>
          </p:sp>
          <p:sp>
            <p:nvSpPr>
              <p:cNvPr id="93" name="Graphic 2">
                <a:extLst>
                  <a:ext uri="{FF2B5EF4-FFF2-40B4-BE49-F238E27FC236}">
                    <a16:creationId xmlns:a16="http://schemas.microsoft.com/office/drawing/2014/main" id="{9E91E4BD-8DB8-EDB7-17A7-8175AC32AF2C}"/>
                  </a:ext>
                </a:extLst>
              </p:cNvPr>
              <p:cNvSpPr/>
              <p:nvPr/>
            </p:nvSpPr>
            <p:spPr>
              <a:xfrm>
                <a:off x="4010568" y="3750309"/>
                <a:ext cx="163409" cy="18002"/>
              </a:xfrm>
              <a:custGeom>
                <a:avLst/>
                <a:gdLst>
                  <a:gd name="connsiteX0" fmla="*/ 8124 w 163409"/>
                  <a:gd name="connsiteY0" fmla="*/ 18002 h 18002"/>
                  <a:gd name="connsiteX1" fmla="*/ 47 w 163409"/>
                  <a:gd name="connsiteY1" fmla="*/ 8077 h 18002"/>
                  <a:gd name="connsiteX2" fmla="*/ 8124 w 163409"/>
                  <a:gd name="connsiteY2" fmla="*/ 0 h 18002"/>
                  <a:gd name="connsiteX3" fmla="*/ 155285 w 163409"/>
                  <a:gd name="connsiteY3" fmla="*/ 0 h 18002"/>
                  <a:gd name="connsiteX4" fmla="*/ 163363 w 163409"/>
                  <a:gd name="connsiteY4" fmla="*/ 9925 h 18002"/>
                  <a:gd name="connsiteX5" fmla="*/ 155285 w 163409"/>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3409" h="18002">
                    <a:moveTo>
                      <a:pt x="8124" y="18002"/>
                    </a:moveTo>
                    <a:cubicBezTo>
                      <a:pt x="3152" y="17488"/>
                      <a:pt x="-458" y="13049"/>
                      <a:pt x="47" y="8077"/>
                    </a:cubicBezTo>
                    <a:cubicBezTo>
                      <a:pt x="485" y="3810"/>
                      <a:pt x="3857" y="438"/>
                      <a:pt x="8124" y="0"/>
                    </a:cubicBezTo>
                    <a:lnTo>
                      <a:pt x="155285" y="0"/>
                    </a:lnTo>
                    <a:cubicBezTo>
                      <a:pt x="160257" y="515"/>
                      <a:pt x="163867" y="4953"/>
                      <a:pt x="163363" y="9925"/>
                    </a:cubicBezTo>
                    <a:cubicBezTo>
                      <a:pt x="162924" y="14192"/>
                      <a:pt x="159553" y="17564"/>
                      <a:pt x="155285" y="18002"/>
                    </a:cubicBezTo>
                    <a:close/>
                  </a:path>
                </a:pathLst>
              </a:custGeom>
              <a:solidFill>
                <a:srgbClr val="265998"/>
              </a:solidFill>
              <a:ln w="9525" cap="flat">
                <a:noFill/>
                <a:prstDash val="solid"/>
                <a:miter/>
              </a:ln>
            </p:spPr>
            <p:txBody>
              <a:bodyPr rtlCol="0" anchor="ctr"/>
              <a:lstStyle/>
              <a:p>
                <a:endParaRPr lang="en-AU" sz="153"/>
              </a:p>
            </p:txBody>
          </p:sp>
          <p:sp>
            <p:nvSpPr>
              <p:cNvPr id="94" name="Graphic 2">
                <a:extLst>
                  <a:ext uri="{FF2B5EF4-FFF2-40B4-BE49-F238E27FC236}">
                    <a16:creationId xmlns:a16="http://schemas.microsoft.com/office/drawing/2014/main" id="{604029CB-1315-55A0-DAC7-7A975BF2F372}"/>
                  </a:ext>
                </a:extLst>
              </p:cNvPr>
              <p:cNvSpPr/>
              <p:nvPr/>
            </p:nvSpPr>
            <p:spPr>
              <a:xfrm>
                <a:off x="3956303" y="3643725"/>
                <a:ext cx="272034" cy="231564"/>
              </a:xfrm>
              <a:custGeom>
                <a:avLst/>
                <a:gdLst>
                  <a:gd name="connsiteX0" fmla="*/ 62389 w 272034"/>
                  <a:gd name="connsiteY0" fmla="*/ 231553 h 231564"/>
                  <a:gd name="connsiteX1" fmla="*/ 58484 w 272034"/>
                  <a:gd name="connsiteY1" fmla="*/ 230600 h 231564"/>
                  <a:gd name="connsiteX2" fmla="*/ 53435 w 272034"/>
                  <a:gd name="connsiteY2" fmla="*/ 222504 h 231564"/>
                  <a:gd name="connsiteX3" fmla="*/ 53435 w 272034"/>
                  <a:gd name="connsiteY3" fmla="*/ 182404 h 231564"/>
                  <a:gd name="connsiteX4" fmla="*/ 49054 w 272034"/>
                  <a:gd name="connsiteY4" fmla="*/ 178022 h 231564"/>
                  <a:gd name="connsiteX5" fmla="*/ 22289 w 272034"/>
                  <a:gd name="connsiteY5" fmla="*/ 178022 h 231564"/>
                  <a:gd name="connsiteX6" fmla="*/ 0 w 272034"/>
                  <a:gd name="connsiteY6" fmla="*/ 155734 h 231564"/>
                  <a:gd name="connsiteX7" fmla="*/ 0 w 272034"/>
                  <a:gd name="connsiteY7" fmla="*/ 22384 h 231564"/>
                  <a:gd name="connsiteX8" fmla="*/ 22289 w 272034"/>
                  <a:gd name="connsiteY8" fmla="*/ 0 h 231564"/>
                  <a:gd name="connsiteX9" fmla="*/ 249650 w 272034"/>
                  <a:gd name="connsiteY9" fmla="*/ 0 h 231564"/>
                  <a:gd name="connsiteX10" fmla="*/ 272034 w 272034"/>
                  <a:gd name="connsiteY10" fmla="*/ 22384 h 231564"/>
                  <a:gd name="connsiteX11" fmla="*/ 272034 w 272034"/>
                  <a:gd name="connsiteY11" fmla="*/ 151924 h 231564"/>
                  <a:gd name="connsiteX12" fmla="*/ 245459 w 272034"/>
                  <a:gd name="connsiteY12" fmla="*/ 178403 h 231564"/>
                  <a:gd name="connsiteX13" fmla="*/ 133922 w 272034"/>
                  <a:gd name="connsiteY13" fmla="*/ 178403 h 231564"/>
                  <a:gd name="connsiteX14" fmla="*/ 131255 w 272034"/>
                  <a:gd name="connsiteY14" fmla="*/ 179356 h 231564"/>
                  <a:gd name="connsiteX15" fmla="*/ 68009 w 272034"/>
                  <a:gd name="connsiteY15" fmla="*/ 229934 h 231564"/>
                  <a:gd name="connsiteX16" fmla="*/ 62389 w 272034"/>
                  <a:gd name="connsiteY16" fmla="*/ 231553 h 231564"/>
                  <a:gd name="connsiteX17" fmla="*/ 22384 w 272034"/>
                  <a:gd name="connsiteY17" fmla="*/ 17621 h 231564"/>
                  <a:gd name="connsiteX18" fmla="*/ 18002 w 272034"/>
                  <a:gd name="connsiteY18" fmla="*/ 21812 h 231564"/>
                  <a:gd name="connsiteX19" fmla="*/ 18002 w 272034"/>
                  <a:gd name="connsiteY19" fmla="*/ 22003 h 231564"/>
                  <a:gd name="connsiteX20" fmla="*/ 18002 w 272034"/>
                  <a:gd name="connsiteY20" fmla="*/ 155353 h 231564"/>
                  <a:gd name="connsiteX21" fmla="*/ 19336 w 272034"/>
                  <a:gd name="connsiteY21" fmla="*/ 158401 h 231564"/>
                  <a:gd name="connsiteX22" fmla="*/ 22384 w 272034"/>
                  <a:gd name="connsiteY22" fmla="*/ 159734 h 231564"/>
                  <a:gd name="connsiteX23" fmla="*/ 62484 w 272034"/>
                  <a:gd name="connsiteY23" fmla="*/ 159734 h 231564"/>
                  <a:gd name="connsiteX24" fmla="*/ 71533 w 272034"/>
                  <a:gd name="connsiteY24" fmla="*/ 168688 h 231564"/>
                  <a:gd name="connsiteX25" fmla="*/ 71533 w 272034"/>
                  <a:gd name="connsiteY25" fmla="*/ 194310 h 231564"/>
                  <a:gd name="connsiteX26" fmla="*/ 74009 w 272034"/>
                  <a:gd name="connsiteY26" fmla="*/ 198311 h 231564"/>
                  <a:gd name="connsiteX27" fmla="*/ 75914 w 272034"/>
                  <a:gd name="connsiteY27" fmla="*/ 198311 h 231564"/>
                  <a:gd name="connsiteX28" fmla="*/ 78581 w 272034"/>
                  <a:gd name="connsiteY28" fmla="*/ 197358 h 231564"/>
                  <a:gd name="connsiteX29" fmla="*/ 123730 w 272034"/>
                  <a:gd name="connsiteY29" fmla="*/ 161258 h 231564"/>
                  <a:gd name="connsiteX30" fmla="*/ 129350 w 272034"/>
                  <a:gd name="connsiteY30" fmla="*/ 159353 h 231564"/>
                  <a:gd name="connsiteX31" fmla="*/ 245555 w 272034"/>
                  <a:gd name="connsiteY31" fmla="*/ 159353 h 231564"/>
                  <a:gd name="connsiteX32" fmla="*/ 254127 w 272034"/>
                  <a:gd name="connsiteY32" fmla="*/ 150781 h 231564"/>
                  <a:gd name="connsiteX33" fmla="*/ 254127 w 272034"/>
                  <a:gd name="connsiteY33" fmla="*/ 21241 h 231564"/>
                  <a:gd name="connsiteX34" fmla="*/ 249936 w 272034"/>
                  <a:gd name="connsiteY34" fmla="*/ 16859 h 231564"/>
                  <a:gd name="connsiteX35" fmla="*/ 249746 w 272034"/>
                  <a:gd name="connsiteY35" fmla="*/ 16859 h 2315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72034" h="231564">
                    <a:moveTo>
                      <a:pt x="62389" y="231553"/>
                    </a:moveTo>
                    <a:cubicBezTo>
                      <a:pt x="61027" y="231562"/>
                      <a:pt x="59684" y="231239"/>
                      <a:pt x="58484" y="230600"/>
                    </a:cubicBezTo>
                    <a:cubicBezTo>
                      <a:pt x="55474" y="229000"/>
                      <a:pt x="53550" y="225914"/>
                      <a:pt x="53435" y="222504"/>
                    </a:cubicBezTo>
                    <a:lnTo>
                      <a:pt x="53435" y="182404"/>
                    </a:lnTo>
                    <a:cubicBezTo>
                      <a:pt x="53388" y="180004"/>
                      <a:pt x="51454" y="178070"/>
                      <a:pt x="49054" y="178022"/>
                    </a:cubicBezTo>
                    <a:lnTo>
                      <a:pt x="22289" y="178022"/>
                    </a:lnTo>
                    <a:cubicBezTo>
                      <a:pt x="9982" y="178022"/>
                      <a:pt x="0" y="168040"/>
                      <a:pt x="0" y="155734"/>
                    </a:cubicBezTo>
                    <a:lnTo>
                      <a:pt x="0" y="22384"/>
                    </a:lnTo>
                    <a:cubicBezTo>
                      <a:pt x="0" y="10058"/>
                      <a:pt x="9963" y="57"/>
                      <a:pt x="22289" y="0"/>
                    </a:cubicBezTo>
                    <a:lnTo>
                      <a:pt x="249650" y="0"/>
                    </a:lnTo>
                    <a:cubicBezTo>
                      <a:pt x="262014" y="0"/>
                      <a:pt x="272034" y="10020"/>
                      <a:pt x="272034" y="22384"/>
                    </a:cubicBezTo>
                    <a:lnTo>
                      <a:pt x="272034" y="151924"/>
                    </a:lnTo>
                    <a:cubicBezTo>
                      <a:pt x="271977" y="166564"/>
                      <a:pt x="260099" y="178403"/>
                      <a:pt x="245459" y="178403"/>
                    </a:cubicBezTo>
                    <a:lnTo>
                      <a:pt x="133922" y="178403"/>
                    </a:lnTo>
                    <a:cubicBezTo>
                      <a:pt x="132950" y="178432"/>
                      <a:pt x="132017" y="178765"/>
                      <a:pt x="131255" y="179356"/>
                    </a:cubicBezTo>
                    <a:lnTo>
                      <a:pt x="68009" y="229934"/>
                    </a:lnTo>
                    <a:cubicBezTo>
                      <a:pt x="66370" y="231086"/>
                      <a:pt x="64389" y="231658"/>
                      <a:pt x="62389" y="231553"/>
                    </a:cubicBezTo>
                    <a:close/>
                    <a:moveTo>
                      <a:pt x="22384" y="17621"/>
                    </a:moveTo>
                    <a:cubicBezTo>
                      <a:pt x="20022" y="17564"/>
                      <a:pt x="18060" y="19441"/>
                      <a:pt x="18002" y="21812"/>
                    </a:cubicBezTo>
                    <a:cubicBezTo>
                      <a:pt x="18002" y="21879"/>
                      <a:pt x="18002" y="21936"/>
                      <a:pt x="18002" y="22003"/>
                    </a:cubicBezTo>
                    <a:lnTo>
                      <a:pt x="18002" y="155353"/>
                    </a:lnTo>
                    <a:cubicBezTo>
                      <a:pt x="18022" y="156505"/>
                      <a:pt x="18498" y="157610"/>
                      <a:pt x="19336" y="158401"/>
                    </a:cubicBezTo>
                    <a:cubicBezTo>
                      <a:pt x="20117" y="159258"/>
                      <a:pt x="21222" y="159744"/>
                      <a:pt x="22384" y="159734"/>
                    </a:cubicBezTo>
                    <a:lnTo>
                      <a:pt x="62484" y="159734"/>
                    </a:lnTo>
                    <a:cubicBezTo>
                      <a:pt x="67342" y="159973"/>
                      <a:pt x="71247" y="163830"/>
                      <a:pt x="71533" y="168688"/>
                    </a:cubicBezTo>
                    <a:lnTo>
                      <a:pt x="71533" y="194310"/>
                    </a:lnTo>
                    <a:cubicBezTo>
                      <a:pt x="71533" y="196005"/>
                      <a:pt x="72495" y="197558"/>
                      <a:pt x="74009" y="198311"/>
                    </a:cubicBezTo>
                    <a:cubicBezTo>
                      <a:pt x="74638" y="198454"/>
                      <a:pt x="75286" y="198454"/>
                      <a:pt x="75914" y="198311"/>
                    </a:cubicBezTo>
                    <a:cubicBezTo>
                      <a:pt x="76886" y="198330"/>
                      <a:pt x="77839" y="197987"/>
                      <a:pt x="78581" y="197358"/>
                    </a:cubicBezTo>
                    <a:lnTo>
                      <a:pt x="123730" y="161258"/>
                    </a:lnTo>
                    <a:cubicBezTo>
                      <a:pt x="125349" y="160039"/>
                      <a:pt x="127321" y="159372"/>
                      <a:pt x="129350" y="159353"/>
                    </a:cubicBezTo>
                    <a:lnTo>
                      <a:pt x="245555" y="159353"/>
                    </a:lnTo>
                    <a:cubicBezTo>
                      <a:pt x="250289" y="159353"/>
                      <a:pt x="254127" y="155515"/>
                      <a:pt x="254127" y="150781"/>
                    </a:cubicBezTo>
                    <a:lnTo>
                      <a:pt x="254127" y="21241"/>
                    </a:lnTo>
                    <a:cubicBezTo>
                      <a:pt x="254184" y="18878"/>
                      <a:pt x="252308" y="16916"/>
                      <a:pt x="249936" y="16859"/>
                    </a:cubicBezTo>
                    <a:cubicBezTo>
                      <a:pt x="249879" y="16859"/>
                      <a:pt x="249812" y="16859"/>
                      <a:pt x="249746" y="16859"/>
                    </a:cubicBezTo>
                    <a:close/>
                  </a:path>
                </a:pathLst>
              </a:custGeom>
              <a:solidFill>
                <a:srgbClr val="265998"/>
              </a:solidFill>
              <a:ln w="9525" cap="flat">
                <a:noFill/>
                <a:prstDash val="solid"/>
                <a:miter/>
              </a:ln>
            </p:spPr>
            <p:txBody>
              <a:bodyPr rtlCol="0" anchor="ctr"/>
              <a:lstStyle/>
              <a:p>
                <a:endParaRPr lang="en-AU" sz="153"/>
              </a:p>
            </p:txBody>
          </p:sp>
        </p:grpSp>
        <p:sp>
          <p:nvSpPr>
            <p:cNvPr id="227" name="TextBox 226">
              <a:extLst>
                <a:ext uri="{FF2B5EF4-FFF2-40B4-BE49-F238E27FC236}">
                  <a16:creationId xmlns:a16="http://schemas.microsoft.com/office/drawing/2014/main" id="{86FBA14E-18FE-A687-3DB0-D685E0F7A0D4}"/>
                </a:ext>
              </a:extLst>
            </p:cNvPr>
            <p:cNvSpPr txBox="1"/>
            <p:nvPr/>
          </p:nvSpPr>
          <p:spPr>
            <a:xfrm>
              <a:off x="1776020" y="4710510"/>
              <a:ext cx="2182264" cy="461665"/>
            </a:xfrm>
            <a:prstGeom prst="rect">
              <a:avLst/>
            </a:prstGeom>
            <a:noFill/>
          </p:spPr>
          <p:txBody>
            <a:bodyPr wrap="non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2</a:t>
              </a:r>
              <a:r>
                <a:rPr lang="en-US" sz="2400">
                  <a:solidFill>
                    <a:schemeClr val="bg2"/>
                  </a:solidFill>
                  <a:latin typeface="+mj-lt"/>
                  <a:ea typeface="Open Sans Extrabold" panose="020B0606030504020204" pitchFamily="34" charset="0"/>
                  <a:cs typeface="Open Sans Extrabold" panose="020B0606030504020204" pitchFamily="34" charset="0"/>
                </a:rPr>
                <a:t> roundtables</a:t>
              </a:r>
            </a:p>
          </p:txBody>
        </p:sp>
      </p:grpSp>
      <p:grpSp>
        <p:nvGrpSpPr>
          <p:cNvPr id="244" name="Group 243">
            <a:extLst>
              <a:ext uri="{FF2B5EF4-FFF2-40B4-BE49-F238E27FC236}">
                <a16:creationId xmlns:a16="http://schemas.microsoft.com/office/drawing/2014/main" id="{0716BDF3-FD7E-4143-8203-E712F7314F23}"/>
              </a:ext>
            </a:extLst>
          </p:cNvPr>
          <p:cNvGrpSpPr/>
          <p:nvPr/>
        </p:nvGrpSpPr>
        <p:grpSpPr>
          <a:xfrm>
            <a:off x="6210524" y="3115821"/>
            <a:ext cx="5504945" cy="807872"/>
            <a:chOff x="6223780" y="4593547"/>
            <a:chExt cx="5504945" cy="807872"/>
          </a:xfrm>
        </p:grpSpPr>
        <p:sp>
          <p:nvSpPr>
            <p:cNvPr id="228" name="Rectangle 227">
              <a:extLst>
                <a:ext uri="{FF2B5EF4-FFF2-40B4-BE49-F238E27FC236}">
                  <a16:creationId xmlns:a16="http://schemas.microsoft.com/office/drawing/2014/main" id="{35641C20-EBAF-71ED-7E27-24A0EDCE2312}"/>
                </a:ext>
              </a:extLst>
            </p:cNvPr>
            <p:cNvSpPr/>
            <p:nvPr/>
          </p:nvSpPr>
          <p:spPr>
            <a:xfrm>
              <a:off x="6223780" y="4593547"/>
              <a:ext cx="5504945"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17" name="Group 216">
              <a:extLst>
                <a:ext uri="{FF2B5EF4-FFF2-40B4-BE49-F238E27FC236}">
                  <a16:creationId xmlns:a16="http://schemas.microsoft.com/office/drawing/2014/main" id="{D43C4606-A87B-486F-4F10-C715E83F593E}"/>
                </a:ext>
              </a:extLst>
            </p:cNvPr>
            <p:cNvGrpSpPr/>
            <p:nvPr/>
          </p:nvGrpSpPr>
          <p:grpSpPr>
            <a:xfrm>
              <a:off x="6605112" y="4718150"/>
              <a:ext cx="576116" cy="576446"/>
              <a:chOff x="1100042" y="3589908"/>
              <a:chExt cx="419099" cy="419340"/>
            </a:xfrm>
          </p:grpSpPr>
          <p:sp>
            <p:nvSpPr>
              <p:cNvPr id="218" name="Graphic 2">
                <a:extLst>
                  <a:ext uri="{FF2B5EF4-FFF2-40B4-BE49-F238E27FC236}">
                    <a16:creationId xmlns:a16="http://schemas.microsoft.com/office/drawing/2014/main" id="{246B71EE-9C4C-E789-8FCD-F9287854AA63}"/>
                  </a:ext>
                </a:extLst>
              </p:cNvPr>
              <p:cNvSpPr/>
              <p:nvPr/>
            </p:nvSpPr>
            <p:spPr>
              <a:xfrm>
                <a:off x="1295400" y="3601053"/>
                <a:ext cx="219018" cy="203644"/>
              </a:xfrm>
              <a:custGeom>
                <a:avLst/>
                <a:gdLst>
                  <a:gd name="connsiteX0" fmla="*/ 60865 w 219018"/>
                  <a:gd name="connsiteY0" fmla="*/ 151447 h 203644"/>
                  <a:gd name="connsiteX1" fmla="*/ 70390 w 219018"/>
                  <a:gd name="connsiteY1" fmla="*/ 163449 h 203644"/>
                  <a:gd name="connsiteX2" fmla="*/ 70390 w 219018"/>
                  <a:gd name="connsiteY2" fmla="*/ 197739 h 203644"/>
                  <a:gd name="connsiteX3" fmla="*/ 72962 w 219018"/>
                  <a:gd name="connsiteY3" fmla="*/ 203073 h 203644"/>
                  <a:gd name="connsiteX4" fmla="*/ 74867 w 219018"/>
                  <a:gd name="connsiteY4" fmla="*/ 203644 h 203644"/>
                  <a:gd name="connsiteX5" fmla="*/ 77629 w 219018"/>
                  <a:gd name="connsiteY5" fmla="*/ 202311 h 203644"/>
                  <a:gd name="connsiteX6" fmla="*/ 133350 w 219018"/>
                  <a:gd name="connsiteY6" fmla="*/ 159067 h 203644"/>
                  <a:gd name="connsiteX7" fmla="*/ 139065 w 219018"/>
                  <a:gd name="connsiteY7" fmla="*/ 156496 h 203644"/>
                  <a:gd name="connsiteX8" fmla="*/ 208026 w 219018"/>
                  <a:gd name="connsiteY8" fmla="*/ 155448 h 203644"/>
                  <a:gd name="connsiteX9" fmla="*/ 216694 w 219018"/>
                  <a:gd name="connsiteY9" fmla="*/ 143923 h 203644"/>
                  <a:gd name="connsiteX10" fmla="*/ 218980 w 219018"/>
                  <a:gd name="connsiteY10" fmla="*/ 6763 h 203644"/>
                  <a:gd name="connsiteX11" fmla="*/ 214503 w 219018"/>
                  <a:gd name="connsiteY11" fmla="*/ 857 h 203644"/>
                  <a:gd name="connsiteX12" fmla="*/ 9525 w 219018"/>
                  <a:gd name="connsiteY12" fmla="*/ 0 h 203644"/>
                  <a:gd name="connsiteX13" fmla="*/ 5048 w 219018"/>
                  <a:gd name="connsiteY13" fmla="*/ 5905 h 203644"/>
                  <a:gd name="connsiteX14" fmla="*/ 0 w 219018"/>
                  <a:gd name="connsiteY14" fmla="*/ 60293 h 203644"/>
                  <a:gd name="connsiteX15" fmla="*/ 26098 w 219018"/>
                  <a:gd name="connsiteY15" fmla="*/ 101822 h 203644"/>
                  <a:gd name="connsiteX16" fmla="*/ 34766 w 219018"/>
                  <a:gd name="connsiteY16" fmla="*/ 155734 h 203644"/>
                  <a:gd name="connsiteX17" fmla="*/ 37910 w 219018"/>
                  <a:gd name="connsiteY17" fmla="*/ 157448 h 203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19018" h="203644">
                    <a:moveTo>
                      <a:pt x="60865" y="151447"/>
                    </a:moveTo>
                    <a:cubicBezTo>
                      <a:pt x="66775" y="152190"/>
                      <a:pt x="71006" y="157524"/>
                      <a:pt x="70390" y="163449"/>
                    </a:cubicBezTo>
                    <a:lnTo>
                      <a:pt x="70390" y="197739"/>
                    </a:lnTo>
                    <a:cubicBezTo>
                      <a:pt x="70286" y="199834"/>
                      <a:pt x="71255" y="201844"/>
                      <a:pt x="72962" y="203073"/>
                    </a:cubicBezTo>
                    <a:cubicBezTo>
                      <a:pt x="73526" y="203444"/>
                      <a:pt x="74189" y="203644"/>
                      <a:pt x="74867" y="203644"/>
                    </a:cubicBezTo>
                    <a:cubicBezTo>
                      <a:pt x="75939" y="203635"/>
                      <a:pt x="76952" y="203140"/>
                      <a:pt x="77629" y="202311"/>
                    </a:cubicBezTo>
                    <a:lnTo>
                      <a:pt x="133350" y="159067"/>
                    </a:lnTo>
                    <a:cubicBezTo>
                      <a:pt x="134832" y="157477"/>
                      <a:pt x="136892" y="156553"/>
                      <a:pt x="139065" y="156496"/>
                    </a:cubicBezTo>
                    <a:lnTo>
                      <a:pt x="208026" y="155448"/>
                    </a:lnTo>
                    <a:cubicBezTo>
                      <a:pt x="212788" y="155448"/>
                      <a:pt x="216694" y="150304"/>
                      <a:pt x="216694" y="143923"/>
                    </a:cubicBezTo>
                    <a:lnTo>
                      <a:pt x="218980" y="6763"/>
                    </a:lnTo>
                    <a:cubicBezTo>
                      <a:pt x="219322" y="3905"/>
                      <a:pt x="217342" y="1295"/>
                      <a:pt x="214503" y="857"/>
                    </a:cubicBezTo>
                    <a:lnTo>
                      <a:pt x="9525" y="0"/>
                    </a:lnTo>
                    <a:cubicBezTo>
                      <a:pt x="6686" y="438"/>
                      <a:pt x="4706" y="3048"/>
                      <a:pt x="5048" y="5905"/>
                    </a:cubicBezTo>
                    <a:lnTo>
                      <a:pt x="0" y="60293"/>
                    </a:lnTo>
                    <a:cubicBezTo>
                      <a:pt x="10852" y="72657"/>
                      <a:pt x="19662" y="86677"/>
                      <a:pt x="26098" y="101822"/>
                    </a:cubicBezTo>
                    <a:cubicBezTo>
                      <a:pt x="31513" y="119291"/>
                      <a:pt x="34432" y="137446"/>
                      <a:pt x="34766" y="155734"/>
                    </a:cubicBezTo>
                    <a:cubicBezTo>
                      <a:pt x="35475" y="156781"/>
                      <a:pt x="36646" y="157419"/>
                      <a:pt x="37910" y="157448"/>
                    </a:cubicBezTo>
                    <a:close/>
                  </a:path>
                </a:pathLst>
              </a:custGeom>
              <a:solidFill>
                <a:srgbClr val="C7E4F1"/>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19" name="Graphic 2">
                <a:extLst>
                  <a:ext uri="{FF2B5EF4-FFF2-40B4-BE49-F238E27FC236}">
                    <a16:creationId xmlns:a16="http://schemas.microsoft.com/office/drawing/2014/main" id="{9122FF39-8539-063B-CBA6-37D56FC7FBB1}"/>
                  </a:ext>
                </a:extLst>
              </p:cNvPr>
              <p:cNvSpPr/>
              <p:nvPr/>
            </p:nvSpPr>
            <p:spPr>
              <a:xfrm>
                <a:off x="1225010" y="3701446"/>
                <a:ext cx="62198" cy="102393"/>
              </a:xfrm>
              <a:custGeom>
                <a:avLst/>
                <a:gdLst>
                  <a:gd name="connsiteX0" fmla="*/ 31147 w 62198"/>
                  <a:gd name="connsiteY0" fmla="*/ 0 h 102393"/>
                  <a:gd name="connsiteX1" fmla="*/ 0 w 62198"/>
                  <a:gd name="connsiteY1" fmla="*/ 42577 h 102393"/>
                  <a:gd name="connsiteX2" fmla="*/ 31147 w 62198"/>
                  <a:gd name="connsiteY2" fmla="*/ 102394 h 102393"/>
                  <a:gd name="connsiteX3" fmla="*/ 62198 w 62198"/>
                  <a:gd name="connsiteY3" fmla="*/ 42577 h 102393"/>
                  <a:gd name="connsiteX4" fmla="*/ 31147 w 62198"/>
                  <a:gd name="connsiteY4" fmla="*/ 0 h 1023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2198" h="102393">
                    <a:moveTo>
                      <a:pt x="31147" y="0"/>
                    </a:moveTo>
                    <a:cubicBezTo>
                      <a:pt x="23431" y="0"/>
                      <a:pt x="0" y="0"/>
                      <a:pt x="0" y="42577"/>
                    </a:cubicBezTo>
                    <a:cubicBezTo>
                      <a:pt x="0" y="74390"/>
                      <a:pt x="14478" y="102394"/>
                      <a:pt x="31147" y="102394"/>
                    </a:cubicBezTo>
                    <a:cubicBezTo>
                      <a:pt x="47816" y="102394"/>
                      <a:pt x="62198" y="74390"/>
                      <a:pt x="62198" y="42577"/>
                    </a:cubicBezTo>
                    <a:cubicBezTo>
                      <a:pt x="62198" y="0"/>
                      <a:pt x="38767" y="0"/>
                      <a:pt x="31147" y="0"/>
                    </a:cubicBez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0" name="Graphic 2">
                <a:extLst>
                  <a:ext uri="{FF2B5EF4-FFF2-40B4-BE49-F238E27FC236}">
                    <a16:creationId xmlns:a16="http://schemas.microsoft.com/office/drawing/2014/main" id="{F3643785-AFE4-5767-5830-1841BF9DB4AF}"/>
                  </a:ext>
                </a:extLst>
              </p:cNvPr>
              <p:cNvSpPr/>
              <p:nvPr/>
            </p:nvSpPr>
            <p:spPr>
              <a:xfrm>
                <a:off x="1129855" y="3838321"/>
                <a:ext cx="252317" cy="85820"/>
              </a:xfrm>
              <a:custGeom>
                <a:avLst/>
                <a:gdLst>
                  <a:gd name="connsiteX0" fmla="*/ 0 w 252317"/>
                  <a:gd name="connsiteY0" fmla="*/ 68294 h 85820"/>
                  <a:gd name="connsiteX1" fmla="*/ 25051 w 252317"/>
                  <a:gd name="connsiteY1" fmla="*/ 34671 h 85820"/>
                  <a:gd name="connsiteX2" fmla="*/ 58483 w 252317"/>
                  <a:gd name="connsiteY2" fmla="*/ 26765 h 85820"/>
                  <a:gd name="connsiteX3" fmla="*/ 89726 w 252317"/>
                  <a:gd name="connsiteY3" fmla="*/ 0 h 85820"/>
                  <a:gd name="connsiteX4" fmla="*/ 165259 w 252317"/>
                  <a:gd name="connsiteY4" fmla="*/ 667 h 85820"/>
                  <a:gd name="connsiteX5" fmla="*/ 181547 w 252317"/>
                  <a:gd name="connsiteY5" fmla="*/ 26765 h 85820"/>
                  <a:gd name="connsiteX6" fmla="*/ 234982 w 252317"/>
                  <a:gd name="connsiteY6" fmla="*/ 34671 h 85820"/>
                  <a:gd name="connsiteX7" fmla="*/ 252317 w 252317"/>
                  <a:gd name="connsiteY7" fmla="*/ 68294 h 85820"/>
                  <a:gd name="connsiteX8" fmla="*/ 245650 w 252317"/>
                  <a:gd name="connsiteY8" fmla="*/ 85820 h 85820"/>
                  <a:gd name="connsiteX9" fmla="*/ 18383 w 252317"/>
                  <a:gd name="connsiteY9" fmla="*/ 85820 h 858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52317" h="85820">
                    <a:moveTo>
                      <a:pt x="0" y="68294"/>
                    </a:moveTo>
                    <a:lnTo>
                      <a:pt x="25051" y="34671"/>
                    </a:lnTo>
                    <a:cubicBezTo>
                      <a:pt x="35885" y="30861"/>
                      <a:pt x="47092" y="28213"/>
                      <a:pt x="58483" y="26765"/>
                    </a:cubicBezTo>
                    <a:cubicBezTo>
                      <a:pt x="76200" y="24765"/>
                      <a:pt x="89726" y="0"/>
                      <a:pt x="89726" y="0"/>
                    </a:cubicBezTo>
                    <a:lnTo>
                      <a:pt x="165259" y="667"/>
                    </a:lnTo>
                    <a:cubicBezTo>
                      <a:pt x="165304" y="11754"/>
                      <a:pt x="171610" y="21860"/>
                      <a:pt x="181547" y="26765"/>
                    </a:cubicBezTo>
                    <a:cubicBezTo>
                      <a:pt x="198501" y="34766"/>
                      <a:pt x="234982" y="34671"/>
                      <a:pt x="234982" y="34671"/>
                    </a:cubicBezTo>
                    <a:lnTo>
                      <a:pt x="252317" y="68294"/>
                    </a:lnTo>
                    <a:lnTo>
                      <a:pt x="245650" y="85820"/>
                    </a:lnTo>
                    <a:lnTo>
                      <a:pt x="18383" y="85820"/>
                    </a:lnTo>
                    <a:close/>
                  </a:path>
                </a:pathLst>
              </a:custGeom>
              <a:solidFill>
                <a:schemeClr val="accent2">
                  <a:lumMod val="40000"/>
                  <a:lumOff val="60000"/>
                </a:schemeClr>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1" name="Graphic 2">
                <a:extLst>
                  <a:ext uri="{FF2B5EF4-FFF2-40B4-BE49-F238E27FC236}">
                    <a16:creationId xmlns:a16="http://schemas.microsoft.com/office/drawing/2014/main" id="{FC631087-7458-9926-24A6-5CDE9F708237}"/>
                  </a:ext>
                </a:extLst>
              </p:cNvPr>
              <p:cNvSpPr/>
              <p:nvPr/>
            </p:nvSpPr>
            <p:spPr>
              <a:xfrm>
                <a:off x="1100042" y="3589908"/>
                <a:ext cx="419099" cy="419340"/>
              </a:xfrm>
              <a:custGeom>
                <a:avLst/>
                <a:gdLst>
                  <a:gd name="connsiteX0" fmla="*/ 89249 w 419099"/>
                  <a:gd name="connsiteY0" fmla="*/ 419100 h 419340"/>
                  <a:gd name="connsiteX1" fmla="*/ 79321 w 419099"/>
                  <a:gd name="connsiteY1" fmla="*/ 411023 h 419340"/>
                  <a:gd name="connsiteX2" fmla="*/ 87395 w 419099"/>
                  <a:gd name="connsiteY2" fmla="*/ 401098 h 419340"/>
                  <a:gd name="connsiteX3" fmla="*/ 89249 w 419099"/>
                  <a:gd name="connsiteY3" fmla="*/ 401098 h 419340"/>
                  <a:gd name="connsiteX4" fmla="*/ 125539 w 419099"/>
                  <a:gd name="connsiteY4" fmla="*/ 401098 h 419340"/>
                  <a:gd name="connsiteX5" fmla="*/ 128302 w 419099"/>
                  <a:gd name="connsiteY5" fmla="*/ 400145 h 419340"/>
                  <a:gd name="connsiteX6" fmla="*/ 147352 w 419099"/>
                  <a:gd name="connsiteY6" fmla="*/ 342995 h 419340"/>
                  <a:gd name="connsiteX7" fmla="*/ 142970 w 419099"/>
                  <a:gd name="connsiteY7" fmla="*/ 338614 h 419340"/>
                  <a:gd name="connsiteX8" fmla="*/ 32099 w 419099"/>
                  <a:gd name="connsiteY8" fmla="*/ 338614 h 419340"/>
                  <a:gd name="connsiteX9" fmla="*/ 0 w 419099"/>
                  <a:gd name="connsiteY9" fmla="*/ 306514 h 419340"/>
                  <a:gd name="connsiteX10" fmla="*/ 0 w 419099"/>
                  <a:gd name="connsiteY10" fmla="*/ 32099 h 419340"/>
                  <a:gd name="connsiteX11" fmla="*/ 32099 w 419099"/>
                  <a:gd name="connsiteY11" fmla="*/ 0 h 419340"/>
                  <a:gd name="connsiteX12" fmla="*/ 155924 w 419099"/>
                  <a:gd name="connsiteY12" fmla="*/ 0 h 419340"/>
                  <a:gd name="connsiteX13" fmla="*/ 164878 w 419099"/>
                  <a:gd name="connsiteY13" fmla="*/ 8954 h 419340"/>
                  <a:gd name="connsiteX14" fmla="*/ 155924 w 419099"/>
                  <a:gd name="connsiteY14" fmla="*/ 17907 h 419340"/>
                  <a:gd name="connsiteX15" fmla="*/ 32099 w 419099"/>
                  <a:gd name="connsiteY15" fmla="*/ 17907 h 419340"/>
                  <a:gd name="connsiteX16" fmla="*/ 18002 w 419099"/>
                  <a:gd name="connsiteY16" fmla="*/ 32099 h 419340"/>
                  <a:gd name="connsiteX17" fmla="*/ 18002 w 419099"/>
                  <a:gd name="connsiteY17" fmla="*/ 306705 h 419340"/>
                  <a:gd name="connsiteX18" fmla="*/ 19431 w 419099"/>
                  <a:gd name="connsiteY18" fmla="*/ 312896 h 419340"/>
                  <a:gd name="connsiteX19" fmla="*/ 23431 w 419099"/>
                  <a:gd name="connsiteY19" fmla="*/ 315278 h 419340"/>
                  <a:gd name="connsiteX20" fmla="*/ 23908 w 419099"/>
                  <a:gd name="connsiteY20" fmla="*/ 315278 h 419340"/>
                  <a:gd name="connsiteX21" fmla="*/ 27527 w 419099"/>
                  <a:gd name="connsiteY21" fmla="*/ 311468 h 419340"/>
                  <a:gd name="connsiteX22" fmla="*/ 62198 w 419099"/>
                  <a:gd name="connsiteY22" fmla="*/ 267367 h 419340"/>
                  <a:gd name="connsiteX23" fmla="*/ 108299 w 419099"/>
                  <a:gd name="connsiteY23" fmla="*/ 244507 h 419340"/>
                  <a:gd name="connsiteX24" fmla="*/ 115729 w 419099"/>
                  <a:gd name="connsiteY24" fmla="*/ 240602 h 419340"/>
                  <a:gd name="connsiteX25" fmla="*/ 120872 w 419099"/>
                  <a:gd name="connsiteY25" fmla="*/ 242221 h 419340"/>
                  <a:gd name="connsiteX26" fmla="*/ 124492 w 419099"/>
                  <a:gd name="connsiteY26" fmla="*/ 248031 h 419340"/>
                  <a:gd name="connsiteX27" fmla="*/ 123063 w 419099"/>
                  <a:gd name="connsiteY27" fmla="*/ 254794 h 419340"/>
                  <a:gd name="connsiteX28" fmla="*/ 62198 w 419099"/>
                  <a:gd name="connsiteY28" fmla="*/ 285369 h 419340"/>
                  <a:gd name="connsiteX29" fmla="*/ 45053 w 419099"/>
                  <a:gd name="connsiteY29" fmla="*/ 316039 h 419340"/>
                  <a:gd name="connsiteX30" fmla="*/ 46196 w 419099"/>
                  <a:gd name="connsiteY30" fmla="*/ 319469 h 419340"/>
                  <a:gd name="connsiteX31" fmla="*/ 49435 w 419099"/>
                  <a:gd name="connsiteY31" fmla="*/ 320897 h 419340"/>
                  <a:gd name="connsiteX32" fmla="*/ 262033 w 419099"/>
                  <a:gd name="connsiteY32" fmla="*/ 320897 h 419340"/>
                  <a:gd name="connsiteX33" fmla="*/ 265271 w 419099"/>
                  <a:gd name="connsiteY33" fmla="*/ 319469 h 419340"/>
                  <a:gd name="connsiteX34" fmla="*/ 266414 w 419099"/>
                  <a:gd name="connsiteY34" fmla="*/ 316039 h 419340"/>
                  <a:gd name="connsiteX35" fmla="*/ 249269 w 419099"/>
                  <a:gd name="connsiteY35" fmla="*/ 285369 h 419340"/>
                  <a:gd name="connsiteX36" fmla="*/ 188500 w 419099"/>
                  <a:gd name="connsiteY36" fmla="*/ 254794 h 419340"/>
                  <a:gd name="connsiteX37" fmla="*/ 186976 w 419099"/>
                  <a:gd name="connsiteY37" fmla="*/ 248031 h 419340"/>
                  <a:gd name="connsiteX38" fmla="*/ 190691 w 419099"/>
                  <a:gd name="connsiteY38" fmla="*/ 242221 h 419340"/>
                  <a:gd name="connsiteX39" fmla="*/ 195739 w 419099"/>
                  <a:gd name="connsiteY39" fmla="*/ 240602 h 419340"/>
                  <a:gd name="connsiteX40" fmla="*/ 203168 w 419099"/>
                  <a:gd name="connsiteY40" fmla="*/ 244412 h 419340"/>
                  <a:gd name="connsiteX41" fmla="*/ 249269 w 419099"/>
                  <a:gd name="connsiteY41" fmla="*/ 267367 h 419340"/>
                  <a:gd name="connsiteX42" fmla="*/ 284512 w 419099"/>
                  <a:gd name="connsiteY42" fmla="*/ 316802 h 419340"/>
                  <a:gd name="connsiteX43" fmla="*/ 288893 w 419099"/>
                  <a:gd name="connsiteY43" fmla="*/ 320897 h 419340"/>
                  <a:gd name="connsiteX44" fmla="*/ 387001 w 419099"/>
                  <a:gd name="connsiteY44" fmla="*/ 320897 h 419340"/>
                  <a:gd name="connsiteX45" fmla="*/ 401098 w 419099"/>
                  <a:gd name="connsiteY45" fmla="*/ 306705 h 419340"/>
                  <a:gd name="connsiteX46" fmla="*/ 401098 w 419099"/>
                  <a:gd name="connsiteY46" fmla="*/ 209455 h 419340"/>
                  <a:gd name="connsiteX47" fmla="*/ 411026 w 419099"/>
                  <a:gd name="connsiteY47" fmla="*/ 201378 h 419340"/>
                  <a:gd name="connsiteX48" fmla="*/ 419100 w 419099"/>
                  <a:gd name="connsiteY48" fmla="*/ 209455 h 419340"/>
                  <a:gd name="connsiteX49" fmla="*/ 419100 w 419099"/>
                  <a:gd name="connsiteY49" fmla="*/ 306705 h 419340"/>
                  <a:gd name="connsiteX50" fmla="*/ 387001 w 419099"/>
                  <a:gd name="connsiteY50" fmla="*/ 338804 h 419340"/>
                  <a:gd name="connsiteX51" fmla="*/ 276416 w 419099"/>
                  <a:gd name="connsiteY51" fmla="*/ 338804 h 419340"/>
                  <a:gd name="connsiteX52" fmla="*/ 272034 w 419099"/>
                  <a:gd name="connsiteY52" fmla="*/ 343186 h 419340"/>
                  <a:gd name="connsiteX53" fmla="*/ 291084 w 419099"/>
                  <a:gd name="connsiteY53" fmla="*/ 400336 h 419340"/>
                  <a:gd name="connsiteX54" fmla="*/ 293751 w 419099"/>
                  <a:gd name="connsiteY54" fmla="*/ 401288 h 419340"/>
                  <a:gd name="connsiteX55" fmla="*/ 330232 w 419099"/>
                  <a:gd name="connsiteY55" fmla="*/ 401288 h 419340"/>
                  <a:gd name="connsiteX56" fmla="*/ 340160 w 419099"/>
                  <a:gd name="connsiteY56" fmla="*/ 409365 h 419340"/>
                  <a:gd name="connsiteX57" fmla="*/ 332086 w 419099"/>
                  <a:gd name="connsiteY57" fmla="*/ 419290 h 419340"/>
                  <a:gd name="connsiteX58" fmla="*/ 330232 w 419099"/>
                  <a:gd name="connsiteY58" fmla="*/ 419290 h 419340"/>
                  <a:gd name="connsiteX59" fmla="*/ 89249 w 419099"/>
                  <a:gd name="connsiteY59" fmla="*/ 419290 h 419340"/>
                  <a:gd name="connsiteX60" fmla="*/ 169450 w 419099"/>
                  <a:gd name="connsiteY60" fmla="*/ 338804 h 419340"/>
                  <a:gd name="connsiteX61" fmla="*/ 165068 w 419099"/>
                  <a:gd name="connsiteY61" fmla="*/ 343186 h 419340"/>
                  <a:gd name="connsiteX62" fmla="*/ 154781 w 419099"/>
                  <a:gd name="connsiteY62" fmla="*/ 394716 h 419340"/>
                  <a:gd name="connsiteX63" fmla="*/ 156678 w 419099"/>
                  <a:gd name="connsiteY63" fmla="*/ 400612 h 419340"/>
                  <a:gd name="connsiteX64" fmla="*/ 158782 w 419099"/>
                  <a:gd name="connsiteY64" fmla="*/ 401098 h 419340"/>
                  <a:gd name="connsiteX65" fmla="*/ 260414 w 419099"/>
                  <a:gd name="connsiteY65" fmla="*/ 401098 h 419340"/>
                  <a:gd name="connsiteX66" fmla="*/ 264128 w 419099"/>
                  <a:gd name="connsiteY66" fmla="*/ 399002 h 419340"/>
                  <a:gd name="connsiteX67" fmla="*/ 264128 w 419099"/>
                  <a:gd name="connsiteY67" fmla="*/ 394716 h 419340"/>
                  <a:gd name="connsiteX68" fmla="*/ 253841 w 419099"/>
                  <a:gd name="connsiteY68" fmla="*/ 343186 h 419340"/>
                  <a:gd name="connsiteX69" fmla="*/ 249460 w 419099"/>
                  <a:gd name="connsiteY69" fmla="*/ 338804 h 4193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419099" h="419340">
                    <a:moveTo>
                      <a:pt x="89249" y="419100"/>
                    </a:moveTo>
                    <a:cubicBezTo>
                      <a:pt x="84278" y="419615"/>
                      <a:pt x="79833" y="415995"/>
                      <a:pt x="79321" y="411023"/>
                    </a:cubicBezTo>
                    <a:cubicBezTo>
                      <a:pt x="78809" y="406051"/>
                      <a:pt x="82424" y="401612"/>
                      <a:pt x="87395" y="401098"/>
                    </a:cubicBezTo>
                    <a:cubicBezTo>
                      <a:pt x="88011" y="401031"/>
                      <a:pt x="88633" y="401031"/>
                      <a:pt x="89249" y="401098"/>
                    </a:cubicBezTo>
                    <a:lnTo>
                      <a:pt x="125539" y="401098"/>
                    </a:lnTo>
                    <a:cubicBezTo>
                      <a:pt x="126540" y="401088"/>
                      <a:pt x="127510" y="400755"/>
                      <a:pt x="128302" y="400145"/>
                    </a:cubicBezTo>
                    <a:cubicBezTo>
                      <a:pt x="133921" y="395764"/>
                      <a:pt x="147352" y="381095"/>
                      <a:pt x="147352" y="342995"/>
                    </a:cubicBezTo>
                    <a:cubicBezTo>
                      <a:pt x="147352" y="340576"/>
                      <a:pt x="145391" y="338614"/>
                      <a:pt x="142970" y="338614"/>
                    </a:cubicBezTo>
                    <a:lnTo>
                      <a:pt x="32099" y="338614"/>
                    </a:lnTo>
                    <a:cubicBezTo>
                      <a:pt x="14371" y="338614"/>
                      <a:pt x="0" y="324241"/>
                      <a:pt x="0" y="306514"/>
                    </a:cubicBezTo>
                    <a:lnTo>
                      <a:pt x="0" y="32099"/>
                    </a:lnTo>
                    <a:cubicBezTo>
                      <a:pt x="0" y="14373"/>
                      <a:pt x="14371" y="0"/>
                      <a:pt x="32099" y="0"/>
                    </a:cubicBezTo>
                    <a:lnTo>
                      <a:pt x="155924" y="0"/>
                    </a:lnTo>
                    <a:cubicBezTo>
                      <a:pt x="160869" y="0"/>
                      <a:pt x="164878" y="4010"/>
                      <a:pt x="164878" y="8954"/>
                    </a:cubicBezTo>
                    <a:cubicBezTo>
                      <a:pt x="164878" y="13897"/>
                      <a:pt x="160869" y="17907"/>
                      <a:pt x="155924" y="17907"/>
                    </a:cubicBezTo>
                    <a:lnTo>
                      <a:pt x="32099" y="17907"/>
                    </a:lnTo>
                    <a:cubicBezTo>
                      <a:pt x="24320" y="18012"/>
                      <a:pt x="18054" y="24317"/>
                      <a:pt x="18002" y="32099"/>
                    </a:cubicBezTo>
                    <a:lnTo>
                      <a:pt x="18002" y="306705"/>
                    </a:lnTo>
                    <a:cubicBezTo>
                      <a:pt x="18020" y="308848"/>
                      <a:pt x="18508" y="310963"/>
                      <a:pt x="19431" y="312896"/>
                    </a:cubicBezTo>
                    <a:cubicBezTo>
                      <a:pt x="20198" y="314392"/>
                      <a:pt x="21751" y="315316"/>
                      <a:pt x="23431" y="315278"/>
                    </a:cubicBezTo>
                    <a:lnTo>
                      <a:pt x="23908" y="315278"/>
                    </a:lnTo>
                    <a:cubicBezTo>
                      <a:pt x="25797" y="314896"/>
                      <a:pt x="27244" y="313372"/>
                      <a:pt x="27527" y="311468"/>
                    </a:cubicBezTo>
                    <a:cubicBezTo>
                      <a:pt x="31814" y="274987"/>
                      <a:pt x="48768" y="267367"/>
                      <a:pt x="62198" y="267367"/>
                    </a:cubicBezTo>
                    <a:cubicBezTo>
                      <a:pt x="80683" y="269253"/>
                      <a:pt x="98609" y="260366"/>
                      <a:pt x="108299" y="244507"/>
                    </a:cubicBezTo>
                    <a:cubicBezTo>
                      <a:pt x="110038" y="242126"/>
                      <a:pt x="112782" y="240687"/>
                      <a:pt x="115729" y="240602"/>
                    </a:cubicBezTo>
                    <a:cubicBezTo>
                      <a:pt x="117563" y="240630"/>
                      <a:pt x="119349" y="241202"/>
                      <a:pt x="120872" y="242221"/>
                    </a:cubicBezTo>
                    <a:cubicBezTo>
                      <a:pt x="122757" y="243640"/>
                      <a:pt x="124047" y="245716"/>
                      <a:pt x="124492" y="248031"/>
                    </a:cubicBezTo>
                    <a:cubicBezTo>
                      <a:pt x="124940" y="250384"/>
                      <a:pt x="124425" y="252822"/>
                      <a:pt x="123063" y="254794"/>
                    </a:cubicBezTo>
                    <a:cubicBezTo>
                      <a:pt x="110096" y="275577"/>
                      <a:pt x="86610" y="287369"/>
                      <a:pt x="62198" y="285369"/>
                    </a:cubicBezTo>
                    <a:cubicBezTo>
                      <a:pt x="55721" y="285369"/>
                      <a:pt x="47434" y="290703"/>
                      <a:pt x="45053" y="316039"/>
                    </a:cubicBezTo>
                    <a:cubicBezTo>
                      <a:pt x="44948" y="317287"/>
                      <a:pt x="45361" y="318535"/>
                      <a:pt x="46196" y="319469"/>
                    </a:cubicBezTo>
                    <a:cubicBezTo>
                      <a:pt x="47033" y="320373"/>
                      <a:pt x="48205" y="320888"/>
                      <a:pt x="49435" y="320897"/>
                    </a:cubicBezTo>
                    <a:lnTo>
                      <a:pt x="262033" y="320897"/>
                    </a:lnTo>
                    <a:cubicBezTo>
                      <a:pt x="263262" y="320888"/>
                      <a:pt x="264434" y="320373"/>
                      <a:pt x="265271" y="319469"/>
                    </a:cubicBezTo>
                    <a:cubicBezTo>
                      <a:pt x="266107" y="318535"/>
                      <a:pt x="266520" y="317287"/>
                      <a:pt x="266414" y="316039"/>
                    </a:cubicBezTo>
                    <a:cubicBezTo>
                      <a:pt x="264033" y="290703"/>
                      <a:pt x="255746" y="285369"/>
                      <a:pt x="249269" y="285369"/>
                    </a:cubicBezTo>
                    <a:cubicBezTo>
                      <a:pt x="224882" y="287379"/>
                      <a:pt x="201420" y="275577"/>
                      <a:pt x="188500" y="254794"/>
                    </a:cubicBezTo>
                    <a:cubicBezTo>
                      <a:pt x="187062" y="252851"/>
                      <a:pt x="186509" y="250403"/>
                      <a:pt x="186976" y="248031"/>
                    </a:cubicBezTo>
                    <a:cubicBezTo>
                      <a:pt x="187445" y="245698"/>
                      <a:pt x="188770" y="243621"/>
                      <a:pt x="190691" y="242221"/>
                    </a:cubicBezTo>
                    <a:cubicBezTo>
                      <a:pt x="192169" y="241183"/>
                      <a:pt x="193930" y="240611"/>
                      <a:pt x="195739" y="240602"/>
                    </a:cubicBezTo>
                    <a:cubicBezTo>
                      <a:pt x="198670" y="240659"/>
                      <a:pt x="201410" y="242068"/>
                      <a:pt x="203168" y="244412"/>
                    </a:cubicBezTo>
                    <a:cubicBezTo>
                      <a:pt x="212816" y="260318"/>
                      <a:pt x="230759" y="269253"/>
                      <a:pt x="249269" y="267367"/>
                    </a:cubicBezTo>
                    <a:cubicBezTo>
                      <a:pt x="263557" y="267367"/>
                      <a:pt x="281273" y="275939"/>
                      <a:pt x="284512" y="316802"/>
                    </a:cubicBezTo>
                    <a:cubicBezTo>
                      <a:pt x="284615" y="319135"/>
                      <a:pt x="286562" y="320955"/>
                      <a:pt x="288893" y="320897"/>
                    </a:cubicBezTo>
                    <a:lnTo>
                      <a:pt x="387001" y="320897"/>
                    </a:lnTo>
                    <a:cubicBezTo>
                      <a:pt x="394802" y="320850"/>
                      <a:pt x="401098" y="314506"/>
                      <a:pt x="401098" y="306705"/>
                    </a:cubicBezTo>
                    <a:lnTo>
                      <a:pt x="401098" y="209455"/>
                    </a:lnTo>
                    <a:cubicBezTo>
                      <a:pt x="401610" y="204483"/>
                      <a:pt x="406055" y="200873"/>
                      <a:pt x="411026" y="201378"/>
                    </a:cubicBezTo>
                    <a:cubicBezTo>
                      <a:pt x="415290" y="201816"/>
                      <a:pt x="418661" y="205187"/>
                      <a:pt x="419100" y="209455"/>
                    </a:cubicBezTo>
                    <a:lnTo>
                      <a:pt x="419100" y="306705"/>
                    </a:lnTo>
                    <a:cubicBezTo>
                      <a:pt x="419100" y="324431"/>
                      <a:pt x="404729" y="338804"/>
                      <a:pt x="387001" y="338804"/>
                    </a:cubicBezTo>
                    <a:lnTo>
                      <a:pt x="276416" y="338804"/>
                    </a:lnTo>
                    <a:cubicBezTo>
                      <a:pt x="274017" y="338852"/>
                      <a:pt x="272084" y="340786"/>
                      <a:pt x="272034" y="343186"/>
                    </a:cubicBezTo>
                    <a:cubicBezTo>
                      <a:pt x="272034" y="381286"/>
                      <a:pt x="285083" y="395764"/>
                      <a:pt x="291084" y="400336"/>
                    </a:cubicBezTo>
                    <a:cubicBezTo>
                      <a:pt x="291850" y="400926"/>
                      <a:pt x="292783" y="401260"/>
                      <a:pt x="293751" y="401288"/>
                    </a:cubicBezTo>
                    <a:lnTo>
                      <a:pt x="330232" y="401288"/>
                    </a:lnTo>
                    <a:cubicBezTo>
                      <a:pt x="335203" y="400774"/>
                      <a:pt x="339648" y="404393"/>
                      <a:pt x="340160" y="409365"/>
                    </a:cubicBezTo>
                    <a:cubicBezTo>
                      <a:pt x="340672" y="414338"/>
                      <a:pt x="337057" y="418776"/>
                      <a:pt x="332086" y="419290"/>
                    </a:cubicBezTo>
                    <a:cubicBezTo>
                      <a:pt x="331470" y="419357"/>
                      <a:pt x="330848" y="419357"/>
                      <a:pt x="330232" y="419290"/>
                    </a:cubicBezTo>
                    <a:lnTo>
                      <a:pt x="89249" y="419290"/>
                    </a:lnTo>
                    <a:close/>
                    <a:moveTo>
                      <a:pt x="169450" y="338804"/>
                    </a:moveTo>
                    <a:cubicBezTo>
                      <a:pt x="167029" y="338804"/>
                      <a:pt x="165068" y="340766"/>
                      <a:pt x="165068" y="343186"/>
                    </a:cubicBezTo>
                    <a:cubicBezTo>
                      <a:pt x="165687" y="360931"/>
                      <a:pt x="162166" y="378571"/>
                      <a:pt x="154781" y="394716"/>
                    </a:cubicBezTo>
                    <a:cubicBezTo>
                      <a:pt x="153675" y="396869"/>
                      <a:pt x="154525" y="399507"/>
                      <a:pt x="156678" y="400612"/>
                    </a:cubicBezTo>
                    <a:cubicBezTo>
                      <a:pt x="157327" y="400945"/>
                      <a:pt x="158051" y="401117"/>
                      <a:pt x="158782" y="401098"/>
                    </a:cubicBezTo>
                    <a:lnTo>
                      <a:pt x="260414" y="401098"/>
                    </a:lnTo>
                    <a:cubicBezTo>
                      <a:pt x="261931" y="401088"/>
                      <a:pt x="263337" y="400298"/>
                      <a:pt x="264128" y="399002"/>
                    </a:cubicBezTo>
                    <a:cubicBezTo>
                      <a:pt x="264840" y="397659"/>
                      <a:pt x="264840" y="396059"/>
                      <a:pt x="264128" y="394716"/>
                    </a:cubicBezTo>
                    <a:cubicBezTo>
                      <a:pt x="256744" y="378571"/>
                      <a:pt x="253222" y="360931"/>
                      <a:pt x="253841" y="343186"/>
                    </a:cubicBezTo>
                    <a:cubicBezTo>
                      <a:pt x="253841" y="340766"/>
                      <a:pt x="251880" y="338804"/>
                      <a:pt x="249460" y="338804"/>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2" name="Graphic 2">
                <a:extLst>
                  <a:ext uri="{FF2B5EF4-FFF2-40B4-BE49-F238E27FC236}">
                    <a16:creationId xmlns:a16="http://schemas.microsoft.com/office/drawing/2014/main" id="{C46E4992-97BA-7C5F-111B-B0BF8E57DADA}"/>
                  </a:ext>
                </a:extLst>
              </p:cNvPr>
              <p:cNvSpPr/>
              <p:nvPr/>
            </p:nvSpPr>
            <p:spPr>
              <a:xfrm>
                <a:off x="1341569" y="3643295"/>
                <a:ext cx="125064" cy="18100"/>
              </a:xfrm>
              <a:custGeom>
                <a:avLst/>
                <a:gdLst>
                  <a:gd name="connsiteX0" fmla="*/ 8123 w 125064"/>
                  <a:gd name="connsiteY0" fmla="*/ 18051 h 18100"/>
                  <a:gd name="connsiteX1" fmla="*/ 48 w 125064"/>
                  <a:gd name="connsiteY1" fmla="*/ 8126 h 18100"/>
                  <a:gd name="connsiteX2" fmla="*/ 8123 w 125064"/>
                  <a:gd name="connsiteY2" fmla="*/ 49 h 18100"/>
                  <a:gd name="connsiteX3" fmla="*/ 115088 w 125064"/>
                  <a:gd name="connsiteY3" fmla="*/ 49 h 18100"/>
                  <a:gd name="connsiteX4" fmla="*/ 125016 w 125064"/>
                  <a:gd name="connsiteY4" fmla="*/ 8126 h 18100"/>
                  <a:gd name="connsiteX5" fmla="*/ 116943 w 125064"/>
                  <a:gd name="connsiteY5" fmla="*/ 18051 h 18100"/>
                  <a:gd name="connsiteX6" fmla="*/ 115088 w 125064"/>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5064" h="18100">
                    <a:moveTo>
                      <a:pt x="8123" y="18051"/>
                    </a:moveTo>
                    <a:cubicBezTo>
                      <a:pt x="3151" y="17537"/>
                      <a:pt x="-463" y="13098"/>
                      <a:pt x="48" y="8126"/>
                    </a:cubicBezTo>
                    <a:cubicBezTo>
                      <a:pt x="487" y="3859"/>
                      <a:pt x="3858" y="487"/>
                      <a:pt x="8123" y="49"/>
                    </a:cubicBezTo>
                    <a:lnTo>
                      <a:pt x="115088" y="49"/>
                    </a:lnTo>
                    <a:cubicBezTo>
                      <a:pt x="120059" y="-466"/>
                      <a:pt x="124505" y="3154"/>
                      <a:pt x="125016" y="8126"/>
                    </a:cubicBezTo>
                    <a:cubicBezTo>
                      <a:pt x="125529" y="13098"/>
                      <a:pt x="121914" y="17537"/>
                      <a:pt x="116943" y="18051"/>
                    </a:cubicBezTo>
                    <a:cubicBezTo>
                      <a:pt x="116327" y="18117"/>
                      <a:pt x="115705" y="18117"/>
                      <a:pt x="115088" y="18051"/>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3" name="Graphic 2">
                <a:extLst>
                  <a:ext uri="{FF2B5EF4-FFF2-40B4-BE49-F238E27FC236}">
                    <a16:creationId xmlns:a16="http://schemas.microsoft.com/office/drawing/2014/main" id="{95D623BE-4719-D75B-5238-63D7C5403FD5}"/>
                  </a:ext>
                </a:extLst>
              </p:cNvPr>
              <p:cNvSpPr/>
              <p:nvPr/>
            </p:nvSpPr>
            <p:spPr>
              <a:xfrm>
                <a:off x="1340739" y="3696874"/>
                <a:ext cx="124872" cy="17907"/>
              </a:xfrm>
              <a:custGeom>
                <a:avLst/>
                <a:gdLst>
                  <a:gd name="connsiteX0" fmla="*/ 8953 w 124872"/>
                  <a:gd name="connsiteY0" fmla="*/ 17907 h 17907"/>
                  <a:gd name="connsiteX1" fmla="*/ 0 w 124872"/>
                  <a:gd name="connsiteY1" fmla="*/ 8954 h 17907"/>
                  <a:gd name="connsiteX2" fmla="*/ 8953 w 124872"/>
                  <a:gd name="connsiteY2" fmla="*/ 0 h 17907"/>
                  <a:gd name="connsiteX3" fmla="*/ 115919 w 124872"/>
                  <a:gd name="connsiteY3" fmla="*/ 0 h 17907"/>
                  <a:gd name="connsiteX4" fmla="*/ 124873 w 124872"/>
                  <a:gd name="connsiteY4" fmla="*/ 8954 h 17907"/>
                  <a:gd name="connsiteX5" fmla="*/ 115919 w 12487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4872" h="17907">
                    <a:moveTo>
                      <a:pt x="8953" y="17907"/>
                    </a:moveTo>
                    <a:cubicBezTo>
                      <a:pt x="4008" y="17907"/>
                      <a:pt x="0" y="13897"/>
                      <a:pt x="0" y="8954"/>
                    </a:cubicBezTo>
                    <a:cubicBezTo>
                      <a:pt x="0" y="4010"/>
                      <a:pt x="4008" y="0"/>
                      <a:pt x="8953" y="0"/>
                    </a:cubicBezTo>
                    <a:lnTo>
                      <a:pt x="115919" y="0"/>
                    </a:lnTo>
                    <a:cubicBezTo>
                      <a:pt x="120865" y="0"/>
                      <a:pt x="124873" y="4010"/>
                      <a:pt x="124873" y="8954"/>
                    </a:cubicBezTo>
                    <a:cubicBezTo>
                      <a:pt x="124873" y="13897"/>
                      <a:pt x="120865" y="17907"/>
                      <a:pt x="115919" y="17907"/>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4" name="Graphic 2">
                <a:extLst>
                  <a:ext uri="{FF2B5EF4-FFF2-40B4-BE49-F238E27FC236}">
                    <a16:creationId xmlns:a16="http://schemas.microsoft.com/office/drawing/2014/main" id="{0EDDD157-1D8E-BEBB-CED4-E65FC6210DDA}"/>
                  </a:ext>
                </a:extLst>
              </p:cNvPr>
              <p:cNvSpPr/>
              <p:nvPr/>
            </p:nvSpPr>
            <p:spPr>
              <a:xfrm>
                <a:off x="1287208" y="3589908"/>
                <a:ext cx="231933" cy="231838"/>
              </a:xfrm>
              <a:custGeom>
                <a:avLst/>
                <a:gdLst>
                  <a:gd name="connsiteX0" fmla="*/ 75914 w 231933"/>
                  <a:gd name="connsiteY0" fmla="*/ 231838 h 231838"/>
                  <a:gd name="connsiteX1" fmla="*/ 71914 w 231933"/>
                  <a:gd name="connsiteY1" fmla="*/ 230981 h 231838"/>
                  <a:gd name="connsiteX2" fmla="*/ 66866 w 231933"/>
                  <a:gd name="connsiteY2" fmla="*/ 222885 h 231838"/>
                  <a:gd name="connsiteX3" fmla="*/ 66866 w 231933"/>
                  <a:gd name="connsiteY3" fmla="*/ 182785 h 231838"/>
                  <a:gd name="connsiteX4" fmla="*/ 62676 w 231933"/>
                  <a:gd name="connsiteY4" fmla="*/ 178403 h 231838"/>
                  <a:gd name="connsiteX5" fmla="*/ 62484 w 231933"/>
                  <a:gd name="connsiteY5" fmla="*/ 178403 h 231838"/>
                  <a:gd name="connsiteX6" fmla="*/ 49149 w 231933"/>
                  <a:gd name="connsiteY6" fmla="*/ 178403 h 231838"/>
                  <a:gd name="connsiteX7" fmla="*/ 41075 w 231933"/>
                  <a:gd name="connsiteY7" fmla="*/ 168478 h 231838"/>
                  <a:gd name="connsiteX8" fmla="*/ 49149 w 231933"/>
                  <a:gd name="connsiteY8" fmla="*/ 160401 h 231838"/>
                  <a:gd name="connsiteX9" fmla="*/ 75914 w 231933"/>
                  <a:gd name="connsiteY9" fmla="*/ 160401 h 231838"/>
                  <a:gd name="connsiteX10" fmla="*/ 84868 w 231933"/>
                  <a:gd name="connsiteY10" fmla="*/ 169354 h 231838"/>
                  <a:gd name="connsiteX11" fmla="*/ 84868 w 231933"/>
                  <a:gd name="connsiteY11" fmla="*/ 194691 h 231838"/>
                  <a:gd name="connsiteX12" fmla="*/ 87344 w 231933"/>
                  <a:gd name="connsiteY12" fmla="*/ 198596 h 231838"/>
                  <a:gd name="connsiteX13" fmla="*/ 89249 w 231933"/>
                  <a:gd name="connsiteY13" fmla="*/ 199072 h 231838"/>
                  <a:gd name="connsiteX14" fmla="*/ 92012 w 231933"/>
                  <a:gd name="connsiteY14" fmla="*/ 198120 h 231838"/>
                  <a:gd name="connsiteX15" fmla="*/ 137160 w 231933"/>
                  <a:gd name="connsiteY15" fmla="*/ 162020 h 231838"/>
                  <a:gd name="connsiteX16" fmla="*/ 142685 w 231933"/>
                  <a:gd name="connsiteY16" fmla="*/ 160020 h 231838"/>
                  <a:gd name="connsiteX17" fmla="*/ 205454 w 231933"/>
                  <a:gd name="connsiteY17" fmla="*/ 160020 h 231838"/>
                  <a:gd name="connsiteX18" fmla="*/ 213932 w 231933"/>
                  <a:gd name="connsiteY18" fmla="*/ 151543 h 231838"/>
                  <a:gd name="connsiteX19" fmla="*/ 213931 w 231933"/>
                  <a:gd name="connsiteY19" fmla="*/ 151447 h 231838"/>
                  <a:gd name="connsiteX20" fmla="*/ 213931 w 231933"/>
                  <a:gd name="connsiteY20" fmla="*/ 22288 h 231838"/>
                  <a:gd name="connsiteX21" fmla="*/ 209550 w 231933"/>
                  <a:gd name="connsiteY21" fmla="*/ 17907 h 231838"/>
                  <a:gd name="connsiteX22" fmla="*/ 22384 w 231933"/>
                  <a:gd name="connsiteY22" fmla="*/ 17907 h 231838"/>
                  <a:gd name="connsiteX23" fmla="*/ 18002 w 231933"/>
                  <a:gd name="connsiteY23" fmla="*/ 22288 h 231838"/>
                  <a:gd name="connsiteX24" fmla="*/ 18002 w 231933"/>
                  <a:gd name="connsiteY24" fmla="*/ 75819 h 231838"/>
                  <a:gd name="connsiteX25" fmla="*/ 8074 w 231933"/>
                  <a:gd name="connsiteY25" fmla="*/ 83896 h 231838"/>
                  <a:gd name="connsiteX26" fmla="*/ 0 w 231933"/>
                  <a:gd name="connsiteY26" fmla="*/ 75819 h 231838"/>
                  <a:gd name="connsiteX27" fmla="*/ 0 w 231933"/>
                  <a:gd name="connsiteY27" fmla="*/ 22288 h 231838"/>
                  <a:gd name="connsiteX28" fmla="*/ 22384 w 231933"/>
                  <a:gd name="connsiteY28" fmla="*/ 0 h 231838"/>
                  <a:gd name="connsiteX29" fmla="*/ 209550 w 231933"/>
                  <a:gd name="connsiteY29" fmla="*/ 0 h 231838"/>
                  <a:gd name="connsiteX30" fmla="*/ 231934 w 231933"/>
                  <a:gd name="connsiteY30" fmla="*/ 22288 h 231838"/>
                  <a:gd name="connsiteX31" fmla="*/ 231934 w 231933"/>
                  <a:gd name="connsiteY31" fmla="*/ 151829 h 231838"/>
                  <a:gd name="connsiteX32" fmla="*/ 205454 w 231933"/>
                  <a:gd name="connsiteY32" fmla="*/ 178403 h 231838"/>
                  <a:gd name="connsiteX33" fmla="*/ 147447 w 231933"/>
                  <a:gd name="connsiteY33" fmla="*/ 178403 h 231838"/>
                  <a:gd name="connsiteX34" fmla="*/ 144685 w 231933"/>
                  <a:gd name="connsiteY34" fmla="*/ 179356 h 231838"/>
                  <a:gd name="connsiteX35" fmla="*/ 81534 w 231933"/>
                  <a:gd name="connsiteY35" fmla="*/ 229934 h 231838"/>
                  <a:gd name="connsiteX36" fmla="*/ 75914 w 231933"/>
                  <a:gd name="connsiteY36" fmla="*/ 231838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231933" h="231838">
                    <a:moveTo>
                      <a:pt x="75914" y="231838"/>
                    </a:moveTo>
                    <a:cubicBezTo>
                      <a:pt x="74534" y="231848"/>
                      <a:pt x="73169" y="231553"/>
                      <a:pt x="71914" y="230981"/>
                    </a:cubicBezTo>
                    <a:cubicBezTo>
                      <a:pt x="68903" y="229381"/>
                      <a:pt x="66978" y="226295"/>
                      <a:pt x="66866" y="222885"/>
                    </a:cubicBezTo>
                    <a:lnTo>
                      <a:pt x="66866" y="182785"/>
                    </a:lnTo>
                    <a:cubicBezTo>
                      <a:pt x="66919" y="180423"/>
                      <a:pt x="65043" y="178460"/>
                      <a:pt x="62676" y="178403"/>
                    </a:cubicBezTo>
                    <a:cubicBezTo>
                      <a:pt x="62613" y="178403"/>
                      <a:pt x="62548" y="178403"/>
                      <a:pt x="62484" y="178403"/>
                    </a:cubicBezTo>
                    <a:lnTo>
                      <a:pt x="49149" y="178403"/>
                    </a:lnTo>
                    <a:cubicBezTo>
                      <a:pt x="44178" y="177889"/>
                      <a:pt x="40563" y="173450"/>
                      <a:pt x="41075" y="168478"/>
                    </a:cubicBezTo>
                    <a:cubicBezTo>
                      <a:pt x="41515" y="164211"/>
                      <a:pt x="44885" y="160839"/>
                      <a:pt x="49149" y="160401"/>
                    </a:cubicBezTo>
                    <a:lnTo>
                      <a:pt x="75914" y="160401"/>
                    </a:lnTo>
                    <a:cubicBezTo>
                      <a:pt x="80860" y="160401"/>
                      <a:pt x="84868" y="164411"/>
                      <a:pt x="84868" y="169354"/>
                    </a:cubicBezTo>
                    <a:lnTo>
                      <a:pt x="84868" y="194691"/>
                    </a:lnTo>
                    <a:cubicBezTo>
                      <a:pt x="84835" y="196367"/>
                      <a:pt x="85811" y="197911"/>
                      <a:pt x="87344" y="198596"/>
                    </a:cubicBezTo>
                    <a:cubicBezTo>
                      <a:pt x="87935" y="198901"/>
                      <a:pt x="88586" y="199063"/>
                      <a:pt x="89249" y="199072"/>
                    </a:cubicBezTo>
                    <a:cubicBezTo>
                      <a:pt x="90244" y="199034"/>
                      <a:pt x="91205" y="198701"/>
                      <a:pt x="92012" y="198120"/>
                    </a:cubicBezTo>
                    <a:lnTo>
                      <a:pt x="137160" y="162020"/>
                    </a:lnTo>
                    <a:cubicBezTo>
                      <a:pt x="138700" y="160706"/>
                      <a:pt x="140662" y="160001"/>
                      <a:pt x="142685" y="160020"/>
                    </a:cubicBezTo>
                    <a:lnTo>
                      <a:pt x="205454" y="160020"/>
                    </a:lnTo>
                    <a:cubicBezTo>
                      <a:pt x="210136" y="160020"/>
                      <a:pt x="213931" y="156229"/>
                      <a:pt x="213932" y="151543"/>
                    </a:cubicBezTo>
                    <a:cubicBezTo>
                      <a:pt x="213932" y="151514"/>
                      <a:pt x="213931" y="151476"/>
                      <a:pt x="213931" y="151447"/>
                    </a:cubicBezTo>
                    <a:lnTo>
                      <a:pt x="213931" y="22288"/>
                    </a:lnTo>
                    <a:cubicBezTo>
                      <a:pt x="213931" y="19869"/>
                      <a:pt x="211970" y="17907"/>
                      <a:pt x="209550" y="17907"/>
                    </a:cubicBezTo>
                    <a:lnTo>
                      <a:pt x="22384" y="17907"/>
                    </a:lnTo>
                    <a:cubicBezTo>
                      <a:pt x="19985" y="17955"/>
                      <a:pt x="18053" y="19888"/>
                      <a:pt x="18002" y="22288"/>
                    </a:cubicBezTo>
                    <a:lnTo>
                      <a:pt x="18002" y="75819"/>
                    </a:lnTo>
                    <a:cubicBezTo>
                      <a:pt x="17490" y="80791"/>
                      <a:pt x="13045" y="84401"/>
                      <a:pt x="8074" y="83896"/>
                    </a:cubicBezTo>
                    <a:cubicBezTo>
                      <a:pt x="3810" y="83458"/>
                      <a:pt x="439" y="80086"/>
                      <a:pt x="0" y="75819"/>
                    </a:cubicBezTo>
                    <a:lnTo>
                      <a:pt x="0" y="22288"/>
                    </a:lnTo>
                    <a:cubicBezTo>
                      <a:pt x="52" y="9963"/>
                      <a:pt x="10058" y="0"/>
                      <a:pt x="22384" y="0"/>
                    </a:cubicBezTo>
                    <a:lnTo>
                      <a:pt x="209550" y="0"/>
                    </a:lnTo>
                    <a:cubicBezTo>
                      <a:pt x="221875" y="0"/>
                      <a:pt x="231881" y="9963"/>
                      <a:pt x="231934" y="22288"/>
                    </a:cubicBezTo>
                    <a:lnTo>
                      <a:pt x="231934" y="151829"/>
                    </a:lnTo>
                    <a:cubicBezTo>
                      <a:pt x="231934" y="166468"/>
                      <a:pt x="220094" y="178346"/>
                      <a:pt x="205454" y="178403"/>
                    </a:cubicBezTo>
                    <a:lnTo>
                      <a:pt x="147447" y="178403"/>
                    </a:lnTo>
                    <a:cubicBezTo>
                      <a:pt x="146440" y="178375"/>
                      <a:pt x="145457" y="178708"/>
                      <a:pt x="144685" y="179356"/>
                    </a:cubicBezTo>
                    <a:lnTo>
                      <a:pt x="81534" y="229934"/>
                    </a:lnTo>
                    <a:cubicBezTo>
                      <a:pt x="79911" y="231153"/>
                      <a:pt x="77942" y="231820"/>
                      <a:pt x="75914" y="231838"/>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sp>
            <p:nvSpPr>
              <p:cNvPr id="225" name="Graphic 2">
                <a:extLst>
                  <a:ext uri="{FF2B5EF4-FFF2-40B4-BE49-F238E27FC236}">
                    <a16:creationId xmlns:a16="http://schemas.microsoft.com/office/drawing/2014/main" id="{0D57E18A-ED11-972C-4E36-646E944928C1}"/>
                  </a:ext>
                </a:extLst>
              </p:cNvPr>
              <p:cNvSpPr/>
              <p:nvPr/>
            </p:nvSpPr>
            <p:spPr>
              <a:xfrm>
                <a:off x="1207008" y="3683444"/>
                <a:ext cx="97916" cy="138302"/>
              </a:xfrm>
              <a:custGeom>
                <a:avLst/>
                <a:gdLst>
                  <a:gd name="connsiteX0" fmla="*/ 49149 w 97916"/>
                  <a:gd name="connsiteY0" fmla="*/ 138303 h 138302"/>
                  <a:gd name="connsiteX1" fmla="*/ 0 w 97916"/>
                  <a:gd name="connsiteY1" fmla="*/ 60579 h 138302"/>
                  <a:gd name="connsiteX2" fmla="*/ 49149 w 97916"/>
                  <a:gd name="connsiteY2" fmla="*/ 0 h 138302"/>
                  <a:gd name="connsiteX3" fmla="*/ 97917 w 97916"/>
                  <a:gd name="connsiteY3" fmla="*/ 60579 h 138302"/>
                  <a:gd name="connsiteX4" fmla="*/ 49149 w 97916"/>
                  <a:gd name="connsiteY4" fmla="*/ 138303 h 138302"/>
                  <a:gd name="connsiteX5" fmla="*/ 49149 w 97916"/>
                  <a:gd name="connsiteY5" fmla="*/ 18002 h 138302"/>
                  <a:gd name="connsiteX6" fmla="*/ 18002 w 97916"/>
                  <a:gd name="connsiteY6" fmla="*/ 60579 h 138302"/>
                  <a:gd name="connsiteX7" fmla="*/ 49149 w 97916"/>
                  <a:gd name="connsiteY7" fmla="*/ 120396 h 138302"/>
                  <a:gd name="connsiteX8" fmla="*/ 80200 w 97916"/>
                  <a:gd name="connsiteY8" fmla="*/ 60579 h 138302"/>
                  <a:gd name="connsiteX9" fmla="*/ 49149 w 97916"/>
                  <a:gd name="connsiteY9" fmla="*/ 18002 h 1383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7916" h="138302">
                    <a:moveTo>
                      <a:pt x="49149" y="138303"/>
                    </a:moveTo>
                    <a:cubicBezTo>
                      <a:pt x="21622" y="138303"/>
                      <a:pt x="0" y="104204"/>
                      <a:pt x="0" y="60579"/>
                    </a:cubicBezTo>
                    <a:cubicBezTo>
                      <a:pt x="0" y="5905"/>
                      <a:pt x="34385" y="0"/>
                      <a:pt x="49149" y="0"/>
                    </a:cubicBezTo>
                    <a:cubicBezTo>
                      <a:pt x="63913" y="0"/>
                      <a:pt x="97917" y="5905"/>
                      <a:pt x="97917" y="60579"/>
                    </a:cubicBezTo>
                    <a:cubicBezTo>
                      <a:pt x="97917" y="104204"/>
                      <a:pt x="76676" y="138303"/>
                      <a:pt x="49149" y="138303"/>
                    </a:cubicBezTo>
                    <a:close/>
                    <a:moveTo>
                      <a:pt x="49149" y="18002"/>
                    </a:moveTo>
                    <a:cubicBezTo>
                      <a:pt x="41434" y="18002"/>
                      <a:pt x="18002" y="18002"/>
                      <a:pt x="18002" y="60579"/>
                    </a:cubicBezTo>
                    <a:cubicBezTo>
                      <a:pt x="18002" y="92392"/>
                      <a:pt x="32480" y="120396"/>
                      <a:pt x="49149" y="120396"/>
                    </a:cubicBezTo>
                    <a:cubicBezTo>
                      <a:pt x="65818" y="120396"/>
                      <a:pt x="80200" y="92392"/>
                      <a:pt x="80200" y="60579"/>
                    </a:cubicBezTo>
                    <a:cubicBezTo>
                      <a:pt x="80200" y="18002"/>
                      <a:pt x="56769" y="18002"/>
                      <a:pt x="49149" y="18002"/>
                    </a:cubicBezTo>
                    <a:close/>
                  </a:path>
                </a:pathLst>
              </a:custGeom>
              <a:solidFill>
                <a:srgbClr val="265998"/>
              </a:solidFill>
              <a:ln w="9525"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729"/>
              </a:p>
            </p:txBody>
          </p:sp>
        </p:grpSp>
        <p:sp>
          <p:nvSpPr>
            <p:cNvPr id="202" name="TextBox 201">
              <a:extLst>
                <a:ext uri="{FF2B5EF4-FFF2-40B4-BE49-F238E27FC236}">
                  <a16:creationId xmlns:a16="http://schemas.microsoft.com/office/drawing/2014/main" id="{DEC9FA23-687C-6602-8E17-82E5AF12C0E0}"/>
                </a:ext>
              </a:extLst>
            </p:cNvPr>
            <p:cNvSpPr txBox="1"/>
            <p:nvPr/>
          </p:nvSpPr>
          <p:spPr>
            <a:xfrm>
              <a:off x="7425951" y="4774212"/>
              <a:ext cx="2917786" cy="461665"/>
            </a:xfrm>
            <a:prstGeom prst="rect">
              <a:avLst/>
            </a:prstGeom>
            <a:noFill/>
          </p:spPr>
          <p:txBody>
            <a:bodyPr wrap="non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77</a:t>
              </a:r>
              <a:r>
                <a:rPr lang="en-US" sz="2400">
                  <a:solidFill>
                    <a:schemeClr val="bg2"/>
                  </a:solidFill>
                  <a:latin typeface="+mj-lt"/>
                  <a:ea typeface="Open Sans Extrabold" panose="020B0606030504020204" pitchFamily="34" charset="0"/>
                  <a:cs typeface="Open Sans Extrabold" panose="020B0606030504020204" pitchFamily="34" charset="0"/>
                </a:rPr>
                <a:t> </a:t>
              </a:r>
              <a:r>
                <a:rPr lang="en-US" sz="2400">
                  <a:solidFill>
                    <a:schemeClr val="bg2"/>
                  </a:solidFill>
                  <a:latin typeface="+mj-lt"/>
                  <a:ea typeface="Open Sans" panose="020B0606030504020204" pitchFamily="34" charset="0"/>
                  <a:cs typeface="Open Sans" panose="020B0606030504020204" pitchFamily="34" charset="0"/>
                </a:rPr>
                <a:t>online meetings</a:t>
              </a:r>
              <a:endParaRPr lang="en-US" sz="2400">
                <a:solidFill>
                  <a:schemeClr val="bg2"/>
                </a:solidFill>
                <a:latin typeface="+mj-lt"/>
                <a:ea typeface="Open Sans Extrabold" panose="020B0606030504020204" pitchFamily="34" charset="0"/>
                <a:cs typeface="Open Sans Extrabold" panose="020B0606030504020204" pitchFamily="34" charset="0"/>
              </a:endParaRPr>
            </a:p>
          </p:txBody>
        </p:sp>
      </p:grpSp>
      <p:grpSp>
        <p:nvGrpSpPr>
          <p:cNvPr id="241" name="Group 240">
            <a:extLst>
              <a:ext uri="{FF2B5EF4-FFF2-40B4-BE49-F238E27FC236}">
                <a16:creationId xmlns:a16="http://schemas.microsoft.com/office/drawing/2014/main" id="{C5D13255-BB64-7D97-12E4-7C43AB0A1F93}"/>
              </a:ext>
            </a:extLst>
          </p:cNvPr>
          <p:cNvGrpSpPr/>
          <p:nvPr/>
        </p:nvGrpSpPr>
        <p:grpSpPr>
          <a:xfrm>
            <a:off x="586078" y="5042385"/>
            <a:ext cx="6108489" cy="807872"/>
            <a:chOff x="6242431" y="3704248"/>
            <a:chExt cx="6108489" cy="807872"/>
          </a:xfrm>
        </p:grpSpPr>
        <p:sp>
          <p:nvSpPr>
            <p:cNvPr id="201" name="Rectangle 200">
              <a:extLst>
                <a:ext uri="{FF2B5EF4-FFF2-40B4-BE49-F238E27FC236}">
                  <a16:creationId xmlns:a16="http://schemas.microsoft.com/office/drawing/2014/main" id="{70BDAFA8-2DD7-9467-4113-CBA90D26C513}"/>
                </a:ext>
              </a:extLst>
            </p:cNvPr>
            <p:cNvSpPr/>
            <p:nvPr/>
          </p:nvSpPr>
          <p:spPr>
            <a:xfrm>
              <a:off x="6242431" y="3704248"/>
              <a:ext cx="5504945" cy="80787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29" name="Group 228">
              <a:extLst>
                <a:ext uri="{FF2B5EF4-FFF2-40B4-BE49-F238E27FC236}">
                  <a16:creationId xmlns:a16="http://schemas.microsoft.com/office/drawing/2014/main" id="{41D0D427-6BB4-494B-02EF-31863E95641C}"/>
                </a:ext>
              </a:extLst>
            </p:cNvPr>
            <p:cNvGrpSpPr/>
            <p:nvPr/>
          </p:nvGrpSpPr>
          <p:grpSpPr>
            <a:xfrm>
              <a:off x="6597439" y="3865035"/>
              <a:ext cx="677104" cy="501888"/>
              <a:chOff x="1034700" y="3553226"/>
              <a:chExt cx="501557" cy="371768"/>
            </a:xfrm>
          </p:grpSpPr>
          <p:sp>
            <p:nvSpPr>
              <p:cNvPr id="230" name="Freeform: Shape 229">
                <a:extLst>
                  <a:ext uri="{FF2B5EF4-FFF2-40B4-BE49-F238E27FC236}">
                    <a16:creationId xmlns:a16="http://schemas.microsoft.com/office/drawing/2014/main" id="{648F7A83-B2A4-AF47-B635-30D118D72EA9}"/>
                  </a:ext>
                </a:extLst>
              </p:cNvPr>
              <p:cNvSpPr/>
              <p:nvPr/>
            </p:nvSpPr>
            <p:spPr>
              <a:xfrm>
                <a:off x="1038606" y="3820033"/>
                <a:ext cx="125348" cy="64198"/>
              </a:xfrm>
              <a:custGeom>
                <a:avLst/>
                <a:gdLst>
                  <a:gd name="connsiteX0" fmla="*/ 100774 w 125348"/>
                  <a:gd name="connsiteY0" fmla="*/ 0 h 64198"/>
                  <a:gd name="connsiteX1" fmla="*/ 91249 w 125348"/>
                  <a:gd name="connsiteY1" fmla="*/ 0 h 64198"/>
                  <a:gd name="connsiteX2" fmla="*/ 38576 w 125348"/>
                  <a:gd name="connsiteY2" fmla="*/ 0 h 64198"/>
                  <a:gd name="connsiteX3" fmla="*/ 34385 w 125348"/>
                  <a:gd name="connsiteY3" fmla="*/ 0 h 64198"/>
                  <a:gd name="connsiteX4" fmla="*/ 12668 w 125348"/>
                  <a:gd name="connsiteY4" fmla="*/ 13430 h 64198"/>
                  <a:gd name="connsiteX5" fmla="*/ 0 w 125348"/>
                  <a:gd name="connsiteY5" fmla="*/ 64198 h 64198"/>
                  <a:gd name="connsiteX6" fmla="*/ 125349 w 125348"/>
                  <a:gd name="connsiteY6" fmla="*/ 64198 h 64198"/>
                  <a:gd name="connsiteX7" fmla="*/ 125349 w 125348"/>
                  <a:gd name="connsiteY7" fmla="*/ 20288 h 64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348" h="64198">
                    <a:moveTo>
                      <a:pt x="100774" y="0"/>
                    </a:moveTo>
                    <a:lnTo>
                      <a:pt x="91249" y="0"/>
                    </a:lnTo>
                    <a:cubicBezTo>
                      <a:pt x="74362" y="6858"/>
                      <a:pt x="55464" y="6858"/>
                      <a:pt x="38576" y="0"/>
                    </a:cubicBezTo>
                    <a:lnTo>
                      <a:pt x="34385" y="0"/>
                    </a:lnTo>
                    <a:lnTo>
                      <a:pt x="12668" y="13430"/>
                    </a:lnTo>
                    <a:lnTo>
                      <a:pt x="0" y="64198"/>
                    </a:lnTo>
                    <a:lnTo>
                      <a:pt x="125349" y="64198"/>
                    </a:lnTo>
                    <a:lnTo>
                      <a:pt x="125349" y="20288"/>
                    </a:lnTo>
                    <a:close/>
                  </a:path>
                </a:pathLst>
              </a:custGeom>
              <a:solidFill>
                <a:srgbClr val="66BCDB"/>
              </a:solidFill>
              <a:ln w="9525" cap="flat">
                <a:noFill/>
                <a:prstDash val="solid"/>
                <a:miter/>
              </a:ln>
            </p:spPr>
            <p:txBody>
              <a:bodyPr rtlCol="0" anchor="ctr"/>
              <a:lstStyle/>
              <a:p>
                <a:endParaRPr lang="en-AU" sz="153"/>
              </a:p>
            </p:txBody>
          </p:sp>
          <p:sp>
            <p:nvSpPr>
              <p:cNvPr id="231" name="Freeform: Shape 230">
                <a:extLst>
                  <a:ext uri="{FF2B5EF4-FFF2-40B4-BE49-F238E27FC236}">
                    <a16:creationId xmlns:a16="http://schemas.microsoft.com/office/drawing/2014/main" id="{C37B68C7-E223-A8A7-AB69-FE7836442114}"/>
                  </a:ext>
                </a:extLst>
              </p:cNvPr>
              <p:cNvSpPr/>
              <p:nvPr/>
            </p:nvSpPr>
            <p:spPr>
              <a:xfrm>
                <a:off x="1034700" y="3811555"/>
                <a:ext cx="138112" cy="81057"/>
              </a:xfrm>
              <a:custGeom>
                <a:avLst/>
                <a:gdLst>
                  <a:gd name="connsiteX0" fmla="*/ 8953 w 138112"/>
                  <a:gd name="connsiteY0" fmla="*/ 81058 h 81057"/>
                  <a:gd name="connsiteX1" fmla="*/ 0 w 138112"/>
                  <a:gd name="connsiteY1" fmla="*/ 72104 h 81057"/>
                  <a:gd name="connsiteX2" fmla="*/ 35719 w 138112"/>
                  <a:gd name="connsiteY2" fmla="*/ 95 h 81057"/>
                  <a:gd name="connsiteX3" fmla="*/ 44672 w 138112"/>
                  <a:gd name="connsiteY3" fmla="*/ 9049 h 81057"/>
                  <a:gd name="connsiteX4" fmla="*/ 35719 w 138112"/>
                  <a:gd name="connsiteY4" fmla="*/ 18002 h 81057"/>
                  <a:gd name="connsiteX5" fmla="*/ 35243 w 138112"/>
                  <a:gd name="connsiteY5" fmla="*/ 18002 h 81057"/>
                  <a:gd name="connsiteX6" fmla="*/ 18288 w 138112"/>
                  <a:gd name="connsiteY6" fmla="*/ 58103 h 81057"/>
                  <a:gd name="connsiteX7" fmla="*/ 19336 w 138112"/>
                  <a:gd name="connsiteY7" fmla="*/ 61532 h 81057"/>
                  <a:gd name="connsiteX8" fmla="*/ 22669 w 138112"/>
                  <a:gd name="connsiteY8" fmla="*/ 62960 h 81057"/>
                  <a:gd name="connsiteX9" fmla="*/ 114871 w 138112"/>
                  <a:gd name="connsiteY9" fmla="*/ 62960 h 81057"/>
                  <a:gd name="connsiteX10" fmla="*/ 118110 w 138112"/>
                  <a:gd name="connsiteY10" fmla="*/ 61532 h 81057"/>
                  <a:gd name="connsiteX11" fmla="*/ 119158 w 138112"/>
                  <a:gd name="connsiteY11" fmla="*/ 58103 h 81057"/>
                  <a:gd name="connsiteX12" fmla="*/ 102013 w 138112"/>
                  <a:gd name="connsiteY12" fmla="*/ 17907 h 81057"/>
                  <a:gd name="connsiteX13" fmla="*/ 101441 w 138112"/>
                  <a:gd name="connsiteY13" fmla="*/ 17907 h 81057"/>
                  <a:gd name="connsiteX14" fmla="*/ 92865 w 138112"/>
                  <a:gd name="connsiteY14" fmla="*/ 9154 h 81057"/>
                  <a:gd name="connsiteX15" fmla="*/ 92869 w 138112"/>
                  <a:gd name="connsiteY15" fmla="*/ 8954 h 81057"/>
                  <a:gd name="connsiteX16" fmla="*/ 102394 w 138112"/>
                  <a:gd name="connsiteY16" fmla="*/ 0 h 81057"/>
                  <a:gd name="connsiteX17" fmla="*/ 138113 w 138112"/>
                  <a:gd name="connsiteY17" fmla="*/ 72009 h 81057"/>
                  <a:gd name="connsiteX18" fmla="*/ 129064 w 138112"/>
                  <a:gd name="connsiteY18" fmla="*/ 80963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112" h="81057">
                    <a:moveTo>
                      <a:pt x="8953" y="81058"/>
                    </a:moveTo>
                    <a:cubicBezTo>
                      <a:pt x="4009" y="81058"/>
                      <a:pt x="0" y="77048"/>
                      <a:pt x="0" y="72104"/>
                    </a:cubicBezTo>
                    <a:cubicBezTo>
                      <a:pt x="0" y="10287"/>
                      <a:pt x="34290" y="95"/>
                      <a:pt x="35719" y="95"/>
                    </a:cubicBezTo>
                    <a:cubicBezTo>
                      <a:pt x="40663" y="95"/>
                      <a:pt x="44672" y="4105"/>
                      <a:pt x="44672" y="9049"/>
                    </a:cubicBezTo>
                    <a:cubicBezTo>
                      <a:pt x="44672" y="13992"/>
                      <a:pt x="40663" y="18002"/>
                      <a:pt x="35719" y="18002"/>
                    </a:cubicBezTo>
                    <a:lnTo>
                      <a:pt x="35243" y="18002"/>
                    </a:lnTo>
                    <a:cubicBezTo>
                      <a:pt x="28670" y="19050"/>
                      <a:pt x="20669" y="37052"/>
                      <a:pt x="18288" y="58103"/>
                    </a:cubicBezTo>
                    <a:cubicBezTo>
                      <a:pt x="18197" y="59341"/>
                      <a:pt x="18571" y="60560"/>
                      <a:pt x="19336" y="61532"/>
                    </a:cubicBezTo>
                    <a:cubicBezTo>
                      <a:pt x="20196" y="62456"/>
                      <a:pt x="21406" y="62979"/>
                      <a:pt x="22669" y="62960"/>
                    </a:cubicBezTo>
                    <a:lnTo>
                      <a:pt x="114871" y="62960"/>
                    </a:lnTo>
                    <a:cubicBezTo>
                      <a:pt x="116106" y="62970"/>
                      <a:pt x="117287" y="62456"/>
                      <a:pt x="118110" y="61532"/>
                    </a:cubicBezTo>
                    <a:cubicBezTo>
                      <a:pt x="118955" y="60608"/>
                      <a:pt x="119340" y="59341"/>
                      <a:pt x="119158" y="58103"/>
                    </a:cubicBezTo>
                    <a:cubicBezTo>
                      <a:pt x="116776" y="36862"/>
                      <a:pt x="108775" y="18860"/>
                      <a:pt x="102013" y="17907"/>
                    </a:cubicBezTo>
                    <a:lnTo>
                      <a:pt x="101441" y="17907"/>
                    </a:lnTo>
                    <a:cubicBezTo>
                      <a:pt x="96654" y="17859"/>
                      <a:pt x="92814" y="13935"/>
                      <a:pt x="92865" y="9154"/>
                    </a:cubicBezTo>
                    <a:cubicBezTo>
                      <a:pt x="92865" y="9087"/>
                      <a:pt x="92867" y="9020"/>
                      <a:pt x="92869" y="8954"/>
                    </a:cubicBezTo>
                    <a:cubicBezTo>
                      <a:pt x="93172" y="3915"/>
                      <a:pt x="97348" y="-9"/>
                      <a:pt x="102394" y="0"/>
                    </a:cubicBezTo>
                    <a:cubicBezTo>
                      <a:pt x="103822" y="0"/>
                      <a:pt x="138113" y="10192"/>
                      <a:pt x="138113" y="72009"/>
                    </a:cubicBezTo>
                    <a:cubicBezTo>
                      <a:pt x="137826" y="76867"/>
                      <a:pt x="133924" y="80724"/>
                      <a:pt x="129064" y="80963"/>
                    </a:cubicBezTo>
                    <a:close/>
                  </a:path>
                </a:pathLst>
              </a:custGeom>
              <a:solidFill>
                <a:srgbClr val="265998"/>
              </a:solidFill>
              <a:ln w="9525" cap="flat">
                <a:noFill/>
                <a:prstDash val="solid"/>
                <a:miter/>
              </a:ln>
            </p:spPr>
            <p:txBody>
              <a:bodyPr rtlCol="0" anchor="ctr"/>
              <a:lstStyle/>
              <a:p>
                <a:endParaRPr lang="en-AU" sz="153"/>
              </a:p>
            </p:txBody>
          </p:sp>
          <p:sp>
            <p:nvSpPr>
              <p:cNvPr id="232" name="Freeform: Shape 231">
                <a:extLst>
                  <a:ext uri="{FF2B5EF4-FFF2-40B4-BE49-F238E27FC236}">
                    <a16:creationId xmlns:a16="http://schemas.microsoft.com/office/drawing/2014/main" id="{A008AF64-E694-3354-C0EE-F20F84B7F6AF}"/>
                  </a:ext>
                </a:extLst>
              </p:cNvPr>
              <p:cNvSpPr/>
              <p:nvPr/>
            </p:nvSpPr>
            <p:spPr>
              <a:xfrm>
                <a:off x="1281923" y="3567119"/>
                <a:ext cx="252865" cy="200648"/>
              </a:xfrm>
              <a:custGeom>
                <a:avLst/>
                <a:gdLst>
                  <a:gd name="connsiteX0" fmla="*/ 97297 w 252865"/>
                  <a:gd name="connsiteY0" fmla="*/ 171474 h 200648"/>
                  <a:gd name="connsiteX1" fmla="*/ 113299 w 252865"/>
                  <a:gd name="connsiteY1" fmla="*/ 174808 h 200648"/>
                  <a:gd name="connsiteX2" fmla="*/ 252173 w 252865"/>
                  <a:gd name="connsiteY2" fmla="*/ 107561 h 200648"/>
                  <a:gd name="connsiteX3" fmla="*/ 139683 w 252865"/>
                  <a:gd name="connsiteY3" fmla="*/ 2025 h 200648"/>
                  <a:gd name="connsiteX4" fmla="*/ 713 w 252865"/>
                  <a:gd name="connsiteY4" fmla="*/ 69176 h 200648"/>
                  <a:gd name="connsiteX5" fmla="*/ 39480 w 252865"/>
                  <a:gd name="connsiteY5" fmla="*/ 144900 h 200648"/>
                  <a:gd name="connsiteX6" fmla="*/ 43004 w 252865"/>
                  <a:gd name="connsiteY6" fmla="*/ 153662 h 200648"/>
                  <a:gd name="connsiteX7" fmla="*/ 36623 w 252865"/>
                  <a:gd name="connsiteY7" fmla="*/ 195477 h 200648"/>
                  <a:gd name="connsiteX8" fmla="*/ 38528 w 252865"/>
                  <a:gd name="connsiteY8" fmla="*/ 199859 h 200648"/>
                  <a:gd name="connsiteX9" fmla="*/ 40337 w 252865"/>
                  <a:gd name="connsiteY9" fmla="*/ 200621 h 200648"/>
                  <a:gd name="connsiteX10" fmla="*/ 43290 w 252865"/>
                  <a:gd name="connsiteY10" fmla="*/ 200049 h 200648"/>
                  <a:gd name="connsiteX11" fmla="*/ 90915 w 252865"/>
                  <a:gd name="connsiteY11" fmla="*/ 172522 h 200648"/>
                  <a:gd name="connsiteX12" fmla="*/ 96916 w 252865"/>
                  <a:gd name="connsiteY12" fmla="*/ 171379 h 20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2865" h="200648">
                    <a:moveTo>
                      <a:pt x="97297" y="171474"/>
                    </a:moveTo>
                    <a:cubicBezTo>
                      <a:pt x="102571" y="172855"/>
                      <a:pt x="107912" y="173970"/>
                      <a:pt x="113299" y="174808"/>
                    </a:cubicBezTo>
                    <a:cubicBezTo>
                      <a:pt x="182641" y="185381"/>
                      <a:pt x="244934" y="155186"/>
                      <a:pt x="252173" y="107561"/>
                    </a:cubicBezTo>
                    <a:cubicBezTo>
                      <a:pt x="259412" y="59936"/>
                      <a:pt x="209025" y="12311"/>
                      <a:pt x="139683" y="2025"/>
                    </a:cubicBezTo>
                    <a:cubicBezTo>
                      <a:pt x="70341" y="-8263"/>
                      <a:pt x="7952" y="21646"/>
                      <a:pt x="713" y="69176"/>
                    </a:cubicBezTo>
                    <a:cubicBezTo>
                      <a:pt x="-3382" y="95941"/>
                      <a:pt x="10238" y="123564"/>
                      <a:pt x="39480" y="144900"/>
                    </a:cubicBezTo>
                    <a:cubicBezTo>
                      <a:pt x="42122" y="146995"/>
                      <a:pt x="43463" y="150319"/>
                      <a:pt x="43004" y="153662"/>
                    </a:cubicBezTo>
                    <a:lnTo>
                      <a:pt x="36623" y="195477"/>
                    </a:lnTo>
                    <a:cubicBezTo>
                      <a:pt x="36335" y="197182"/>
                      <a:pt x="37082" y="198906"/>
                      <a:pt x="38528" y="199859"/>
                    </a:cubicBezTo>
                    <a:cubicBezTo>
                      <a:pt x="39074" y="200230"/>
                      <a:pt x="39690" y="200488"/>
                      <a:pt x="40337" y="200621"/>
                    </a:cubicBezTo>
                    <a:cubicBezTo>
                      <a:pt x="41357" y="200726"/>
                      <a:pt x="42385" y="200526"/>
                      <a:pt x="43290" y="200049"/>
                    </a:cubicBezTo>
                    <a:lnTo>
                      <a:pt x="90915" y="172522"/>
                    </a:lnTo>
                    <a:cubicBezTo>
                      <a:pt x="92719" y="171446"/>
                      <a:pt x="94843" y="171046"/>
                      <a:pt x="96916" y="171379"/>
                    </a:cubicBezTo>
                    <a:close/>
                  </a:path>
                </a:pathLst>
              </a:custGeom>
              <a:solidFill>
                <a:srgbClr val="E8DDED"/>
              </a:solidFill>
              <a:ln w="9525" cap="flat">
                <a:noFill/>
                <a:prstDash val="solid"/>
                <a:miter/>
              </a:ln>
            </p:spPr>
            <p:txBody>
              <a:bodyPr rtlCol="0" anchor="ctr"/>
              <a:lstStyle/>
              <a:p>
                <a:endParaRPr lang="en-AU" sz="153"/>
              </a:p>
            </p:txBody>
          </p:sp>
          <p:sp>
            <p:nvSpPr>
              <p:cNvPr id="233" name="Freeform: Shape 232">
                <a:extLst>
                  <a:ext uri="{FF2B5EF4-FFF2-40B4-BE49-F238E27FC236}">
                    <a16:creationId xmlns:a16="http://schemas.microsoft.com/office/drawing/2014/main" id="{7B449360-948B-D4E4-C47D-7BA9AE83BFCC}"/>
                  </a:ext>
                </a:extLst>
              </p:cNvPr>
              <p:cNvSpPr/>
              <p:nvPr/>
            </p:nvSpPr>
            <p:spPr>
              <a:xfrm>
                <a:off x="1158049" y="3833463"/>
                <a:ext cx="161925" cy="80486"/>
              </a:xfrm>
              <a:custGeom>
                <a:avLst/>
                <a:gdLst>
                  <a:gd name="connsiteX0" fmla="*/ 130969 w 161925"/>
                  <a:gd name="connsiteY0" fmla="*/ 0 h 80486"/>
                  <a:gd name="connsiteX1" fmla="*/ 118300 w 161925"/>
                  <a:gd name="connsiteY1" fmla="*/ 0 h 80486"/>
                  <a:gd name="connsiteX2" fmla="*/ 50006 w 161925"/>
                  <a:gd name="connsiteY2" fmla="*/ 0 h 80486"/>
                  <a:gd name="connsiteX3" fmla="*/ 44577 w 161925"/>
                  <a:gd name="connsiteY3" fmla="*/ 0 h 80486"/>
                  <a:gd name="connsiteX4" fmla="*/ 10096 w 161925"/>
                  <a:gd name="connsiteY4" fmla="*/ 21812 h 80486"/>
                  <a:gd name="connsiteX5" fmla="*/ 0 w 161925"/>
                  <a:gd name="connsiteY5" fmla="*/ 80486 h 80486"/>
                  <a:gd name="connsiteX6" fmla="*/ 161925 w 161925"/>
                  <a:gd name="connsiteY6" fmla="*/ 80486 h 80486"/>
                  <a:gd name="connsiteX7" fmla="*/ 161925 w 161925"/>
                  <a:gd name="connsiteY7" fmla="*/ 35814 h 80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1925" h="80486">
                    <a:moveTo>
                      <a:pt x="130969" y="0"/>
                    </a:moveTo>
                    <a:lnTo>
                      <a:pt x="118300" y="0"/>
                    </a:lnTo>
                    <a:cubicBezTo>
                      <a:pt x="96379" y="8763"/>
                      <a:pt x="71928" y="8763"/>
                      <a:pt x="50006" y="0"/>
                    </a:cubicBezTo>
                    <a:lnTo>
                      <a:pt x="44577" y="0"/>
                    </a:lnTo>
                    <a:lnTo>
                      <a:pt x="10096" y="21812"/>
                    </a:lnTo>
                    <a:lnTo>
                      <a:pt x="0" y="80486"/>
                    </a:lnTo>
                    <a:lnTo>
                      <a:pt x="161925" y="80486"/>
                    </a:lnTo>
                    <a:lnTo>
                      <a:pt x="161925" y="35814"/>
                    </a:lnTo>
                    <a:close/>
                  </a:path>
                </a:pathLst>
              </a:custGeom>
              <a:solidFill>
                <a:srgbClr val="66BCDB"/>
              </a:solidFill>
              <a:ln w="9525" cap="flat">
                <a:noFill/>
                <a:prstDash val="solid"/>
                <a:miter/>
              </a:ln>
            </p:spPr>
            <p:txBody>
              <a:bodyPr rtlCol="0" anchor="ctr"/>
              <a:lstStyle/>
              <a:p>
                <a:endParaRPr lang="en-AU" sz="153"/>
              </a:p>
            </p:txBody>
          </p:sp>
          <p:sp>
            <p:nvSpPr>
              <p:cNvPr id="234" name="Freeform: Shape 233">
                <a:extLst>
                  <a:ext uri="{FF2B5EF4-FFF2-40B4-BE49-F238E27FC236}">
                    <a16:creationId xmlns:a16="http://schemas.microsoft.com/office/drawing/2014/main" id="{F9FB9D92-7D77-8A1A-89FE-AD5DF784244D}"/>
                  </a:ext>
                </a:extLst>
              </p:cNvPr>
              <p:cNvSpPr/>
              <p:nvPr/>
            </p:nvSpPr>
            <p:spPr>
              <a:xfrm>
                <a:off x="1068134" y="3705828"/>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2 h 107346"/>
                  <a:gd name="connsiteX6" fmla="*/ 17907 w 71437"/>
                  <a:gd name="connsiteY6" fmla="*/ 47625 h 107346"/>
                  <a:gd name="connsiteX7" fmla="*/ 35719 w 71437"/>
                  <a:gd name="connsiteY7" fmla="*/ 87821 h 107346"/>
                  <a:gd name="connsiteX8" fmla="*/ 53435 w 71437"/>
                  <a:gd name="connsiteY8" fmla="*/ 47625 h 107346"/>
                  <a:gd name="connsiteX9" fmla="*/ 35719 w 71437"/>
                  <a:gd name="connsiteY9" fmla="*/ 20288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724"/>
                      <a:pt x="0" y="47625"/>
                    </a:cubicBezTo>
                    <a:cubicBezTo>
                      <a:pt x="0" y="3810"/>
                      <a:pt x="27337" y="0"/>
                      <a:pt x="35719" y="0"/>
                    </a:cubicBezTo>
                    <a:cubicBezTo>
                      <a:pt x="44101" y="0"/>
                      <a:pt x="71438" y="3429"/>
                      <a:pt x="71438" y="47625"/>
                    </a:cubicBezTo>
                    <a:cubicBezTo>
                      <a:pt x="71438" y="82010"/>
                      <a:pt x="55817" y="107347"/>
                      <a:pt x="35719" y="107347"/>
                    </a:cubicBezTo>
                    <a:close/>
                    <a:moveTo>
                      <a:pt x="35719" y="20002"/>
                    </a:moveTo>
                    <a:cubicBezTo>
                      <a:pt x="28099" y="20002"/>
                      <a:pt x="17907" y="22860"/>
                      <a:pt x="17907" y="47625"/>
                    </a:cubicBezTo>
                    <a:cubicBezTo>
                      <a:pt x="17907" y="70675"/>
                      <a:pt x="27432" y="87821"/>
                      <a:pt x="35719" y="87821"/>
                    </a:cubicBezTo>
                    <a:cubicBezTo>
                      <a:pt x="44005" y="87821"/>
                      <a:pt x="53435" y="70675"/>
                      <a:pt x="53435" y="47625"/>
                    </a:cubicBezTo>
                    <a:cubicBezTo>
                      <a:pt x="53435" y="23146"/>
                      <a:pt x="43339" y="20288"/>
                      <a:pt x="35719" y="20288"/>
                    </a:cubicBezTo>
                    <a:close/>
                  </a:path>
                </a:pathLst>
              </a:custGeom>
              <a:solidFill>
                <a:srgbClr val="265998"/>
              </a:solidFill>
              <a:ln w="9525" cap="flat">
                <a:noFill/>
                <a:prstDash val="solid"/>
                <a:miter/>
              </a:ln>
            </p:spPr>
            <p:txBody>
              <a:bodyPr rtlCol="0" anchor="ctr"/>
              <a:lstStyle/>
              <a:p>
                <a:endParaRPr lang="en-AU" sz="153"/>
              </a:p>
            </p:txBody>
          </p:sp>
          <p:sp>
            <p:nvSpPr>
              <p:cNvPr id="235" name="Freeform: Shape 234">
                <a:extLst>
                  <a:ext uri="{FF2B5EF4-FFF2-40B4-BE49-F238E27FC236}">
                    <a16:creationId xmlns:a16="http://schemas.microsoft.com/office/drawing/2014/main" id="{600FB8FD-C3DE-3BD4-654B-8969BFC9A440}"/>
                  </a:ext>
                </a:extLst>
              </p:cNvPr>
              <p:cNvSpPr/>
              <p:nvPr/>
            </p:nvSpPr>
            <p:spPr>
              <a:xfrm>
                <a:off x="1196436" y="3683920"/>
                <a:ext cx="92773" cy="138779"/>
              </a:xfrm>
              <a:custGeom>
                <a:avLst/>
                <a:gdLst>
                  <a:gd name="connsiteX0" fmla="*/ 46387 w 92773"/>
                  <a:gd name="connsiteY0" fmla="*/ 138779 h 138779"/>
                  <a:gd name="connsiteX1" fmla="*/ 0 w 92773"/>
                  <a:gd name="connsiteY1" fmla="*/ 61341 h 138779"/>
                  <a:gd name="connsiteX2" fmla="*/ 46387 w 92773"/>
                  <a:gd name="connsiteY2" fmla="*/ 0 h 138779"/>
                  <a:gd name="connsiteX3" fmla="*/ 92773 w 92773"/>
                  <a:gd name="connsiteY3" fmla="*/ 61341 h 138779"/>
                  <a:gd name="connsiteX4" fmla="*/ 46387 w 92773"/>
                  <a:gd name="connsiteY4" fmla="*/ 138779 h 138779"/>
                  <a:gd name="connsiteX5" fmla="*/ 46387 w 92773"/>
                  <a:gd name="connsiteY5" fmla="*/ 18193 h 138779"/>
                  <a:gd name="connsiteX6" fmla="*/ 18383 w 92773"/>
                  <a:gd name="connsiteY6" fmla="*/ 60008 h 138779"/>
                  <a:gd name="connsiteX7" fmla="*/ 46387 w 92773"/>
                  <a:gd name="connsiteY7" fmla="*/ 120682 h 138779"/>
                  <a:gd name="connsiteX8" fmla="*/ 74295 w 92773"/>
                  <a:gd name="connsiteY8" fmla="*/ 60008 h 138779"/>
                  <a:gd name="connsiteX9" fmla="*/ 46387 w 92773"/>
                  <a:gd name="connsiteY9" fmla="*/ 18002 h 138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2773" h="138779">
                    <a:moveTo>
                      <a:pt x="46387" y="138779"/>
                    </a:moveTo>
                    <a:cubicBezTo>
                      <a:pt x="19907" y="138779"/>
                      <a:pt x="0" y="105537"/>
                      <a:pt x="0" y="61341"/>
                    </a:cubicBezTo>
                    <a:cubicBezTo>
                      <a:pt x="0" y="4191"/>
                      <a:pt x="35528" y="0"/>
                      <a:pt x="46387" y="0"/>
                    </a:cubicBezTo>
                    <a:cubicBezTo>
                      <a:pt x="57245" y="0"/>
                      <a:pt x="92773" y="4382"/>
                      <a:pt x="92773" y="61341"/>
                    </a:cubicBezTo>
                    <a:cubicBezTo>
                      <a:pt x="92773" y="105346"/>
                      <a:pt x="72771" y="138779"/>
                      <a:pt x="46387" y="138779"/>
                    </a:cubicBezTo>
                    <a:close/>
                    <a:moveTo>
                      <a:pt x="46387" y="18193"/>
                    </a:moveTo>
                    <a:cubicBezTo>
                      <a:pt x="34385" y="18193"/>
                      <a:pt x="18383" y="22479"/>
                      <a:pt x="18383" y="60008"/>
                    </a:cubicBezTo>
                    <a:cubicBezTo>
                      <a:pt x="18383" y="94679"/>
                      <a:pt x="33147" y="120682"/>
                      <a:pt x="46387" y="120682"/>
                    </a:cubicBezTo>
                    <a:cubicBezTo>
                      <a:pt x="59626" y="120682"/>
                      <a:pt x="74295" y="94679"/>
                      <a:pt x="74295" y="60008"/>
                    </a:cubicBezTo>
                    <a:cubicBezTo>
                      <a:pt x="74295" y="22288"/>
                      <a:pt x="58388" y="18002"/>
                      <a:pt x="46387" y="18002"/>
                    </a:cubicBezTo>
                    <a:close/>
                  </a:path>
                </a:pathLst>
              </a:custGeom>
              <a:solidFill>
                <a:srgbClr val="265998"/>
              </a:solidFill>
              <a:ln w="9525" cap="flat">
                <a:noFill/>
                <a:prstDash val="solid"/>
                <a:miter/>
              </a:ln>
            </p:spPr>
            <p:txBody>
              <a:bodyPr rtlCol="0" anchor="ctr"/>
              <a:lstStyle/>
              <a:p>
                <a:endParaRPr lang="en-AU" sz="153"/>
              </a:p>
            </p:txBody>
          </p:sp>
          <p:sp>
            <p:nvSpPr>
              <p:cNvPr id="236" name="Freeform: Shape 235">
                <a:extLst>
                  <a:ext uri="{FF2B5EF4-FFF2-40B4-BE49-F238E27FC236}">
                    <a16:creationId xmlns:a16="http://schemas.microsoft.com/office/drawing/2014/main" id="{373C8539-5E2F-C9E0-9C12-FB2255BC6401}"/>
                  </a:ext>
                </a:extLst>
              </p:cNvPr>
              <p:cNvSpPr/>
              <p:nvPr/>
            </p:nvSpPr>
            <p:spPr>
              <a:xfrm>
                <a:off x="1153095" y="3822506"/>
                <a:ext cx="179165" cy="102488"/>
              </a:xfrm>
              <a:custGeom>
                <a:avLst/>
                <a:gdLst>
                  <a:gd name="connsiteX0" fmla="*/ 11620 w 179165"/>
                  <a:gd name="connsiteY0" fmla="*/ 102298 h 102488"/>
                  <a:gd name="connsiteX1" fmla="*/ 0 w 179165"/>
                  <a:gd name="connsiteY1" fmla="*/ 90583 h 102488"/>
                  <a:gd name="connsiteX2" fmla="*/ 46291 w 179165"/>
                  <a:gd name="connsiteY2" fmla="*/ 0 h 102488"/>
                  <a:gd name="connsiteX3" fmla="*/ 58007 w 179165"/>
                  <a:gd name="connsiteY3" fmla="*/ 11716 h 102488"/>
                  <a:gd name="connsiteX4" fmla="*/ 40767 w 179165"/>
                  <a:gd name="connsiteY4" fmla="*/ 22669 h 102488"/>
                  <a:gd name="connsiteX5" fmla="*/ 40100 w 179165"/>
                  <a:gd name="connsiteY5" fmla="*/ 22669 h 102488"/>
                  <a:gd name="connsiteX6" fmla="*/ 21050 w 179165"/>
                  <a:gd name="connsiteY6" fmla="*/ 77343 h 102488"/>
                  <a:gd name="connsiteX7" fmla="*/ 22479 w 179165"/>
                  <a:gd name="connsiteY7" fmla="*/ 81724 h 102488"/>
                  <a:gd name="connsiteX8" fmla="*/ 26670 w 179165"/>
                  <a:gd name="connsiteY8" fmla="*/ 83629 h 102488"/>
                  <a:gd name="connsiteX9" fmla="*/ 153638 w 179165"/>
                  <a:gd name="connsiteY9" fmla="*/ 84201 h 102488"/>
                  <a:gd name="connsiteX10" fmla="*/ 157829 w 179165"/>
                  <a:gd name="connsiteY10" fmla="*/ 82296 h 102488"/>
                  <a:gd name="connsiteX11" fmla="*/ 159258 w 179165"/>
                  <a:gd name="connsiteY11" fmla="*/ 77819 h 102488"/>
                  <a:gd name="connsiteX12" fmla="*/ 139065 w 179165"/>
                  <a:gd name="connsiteY12" fmla="*/ 23622 h 102488"/>
                  <a:gd name="connsiteX13" fmla="*/ 138493 w 179165"/>
                  <a:gd name="connsiteY13" fmla="*/ 23622 h 102488"/>
                  <a:gd name="connsiteX14" fmla="*/ 120967 w 179165"/>
                  <a:gd name="connsiteY14" fmla="*/ 11621 h 102488"/>
                  <a:gd name="connsiteX15" fmla="*/ 132778 w 179165"/>
                  <a:gd name="connsiteY15" fmla="*/ 190 h 102488"/>
                  <a:gd name="connsiteX16" fmla="*/ 179165 w 179165"/>
                  <a:gd name="connsiteY16" fmla="*/ 90773 h 102488"/>
                  <a:gd name="connsiteX17" fmla="*/ 167545 w 179165"/>
                  <a:gd name="connsiteY17" fmla="*/ 102489 h 1024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79165" h="102488">
                    <a:moveTo>
                      <a:pt x="11620" y="102298"/>
                    </a:moveTo>
                    <a:cubicBezTo>
                      <a:pt x="5187" y="102251"/>
                      <a:pt x="0" y="97012"/>
                      <a:pt x="0" y="90583"/>
                    </a:cubicBezTo>
                    <a:cubicBezTo>
                      <a:pt x="0" y="10477"/>
                      <a:pt x="44482" y="0"/>
                      <a:pt x="46291" y="0"/>
                    </a:cubicBezTo>
                    <a:cubicBezTo>
                      <a:pt x="52762" y="0"/>
                      <a:pt x="58007" y="5248"/>
                      <a:pt x="58007" y="11716"/>
                    </a:cubicBezTo>
                    <a:cubicBezTo>
                      <a:pt x="58007" y="17907"/>
                      <a:pt x="46958" y="22384"/>
                      <a:pt x="40767" y="22669"/>
                    </a:cubicBezTo>
                    <a:lnTo>
                      <a:pt x="40100" y="22669"/>
                    </a:lnTo>
                    <a:cubicBezTo>
                      <a:pt x="31528" y="24003"/>
                      <a:pt x="24384" y="50101"/>
                      <a:pt x="21050" y="77343"/>
                    </a:cubicBezTo>
                    <a:cubicBezTo>
                      <a:pt x="20878" y="78943"/>
                      <a:pt x="21398" y="80534"/>
                      <a:pt x="22479" y="81724"/>
                    </a:cubicBezTo>
                    <a:cubicBezTo>
                      <a:pt x="23524" y="82953"/>
                      <a:pt x="25059" y="83648"/>
                      <a:pt x="26670" y="83629"/>
                    </a:cubicBezTo>
                    <a:lnTo>
                      <a:pt x="153638" y="84201"/>
                    </a:lnTo>
                    <a:cubicBezTo>
                      <a:pt x="155238" y="84172"/>
                      <a:pt x="156754" y="83477"/>
                      <a:pt x="157829" y="82296"/>
                    </a:cubicBezTo>
                    <a:cubicBezTo>
                      <a:pt x="158948" y="81086"/>
                      <a:pt x="159472" y="79448"/>
                      <a:pt x="159258" y="77819"/>
                    </a:cubicBezTo>
                    <a:cubicBezTo>
                      <a:pt x="156115" y="50292"/>
                      <a:pt x="147828" y="24860"/>
                      <a:pt x="139065" y="23622"/>
                    </a:cubicBezTo>
                    <a:lnTo>
                      <a:pt x="138493" y="23622"/>
                    </a:lnTo>
                    <a:cubicBezTo>
                      <a:pt x="132302" y="23622"/>
                      <a:pt x="120967" y="18097"/>
                      <a:pt x="120967" y="11621"/>
                    </a:cubicBezTo>
                    <a:cubicBezTo>
                      <a:pt x="121268" y="5286"/>
                      <a:pt x="126441" y="286"/>
                      <a:pt x="132778" y="190"/>
                    </a:cubicBezTo>
                    <a:cubicBezTo>
                      <a:pt x="134683" y="190"/>
                      <a:pt x="179165" y="10668"/>
                      <a:pt x="179165" y="90773"/>
                    </a:cubicBezTo>
                    <a:cubicBezTo>
                      <a:pt x="179165" y="97203"/>
                      <a:pt x="173978" y="102441"/>
                      <a:pt x="167545" y="102489"/>
                    </a:cubicBezTo>
                    <a:close/>
                  </a:path>
                </a:pathLst>
              </a:custGeom>
              <a:solidFill>
                <a:srgbClr val="265998"/>
              </a:solidFill>
              <a:ln w="9525" cap="flat">
                <a:noFill/>
                <a:prstDash val="solid"/>
                <a:miter/>
              </a:ln>
            </p:spPr>
            <p:txBody>
              <a:bodyPr rtlCol="0" anchor="ctr"/>
              <a:lstStyle/>
              <a:p>
                <a:endParaRPr lang="en-AU" sz="153"/>
              </a:p>
            </p:txBody>
          </p:sp>
          <p:sp>
            <p:nvSpPr>
              <p:cNvPr id="237" name="Freeform: Shape 236">
                <a:extLst>
                  <a:ext uri="{FF2B5EF4-FFF2-40B4-BE49-F238E27FC236}">
                    <a16:creationId xmlns:a16="http://schemas.microsoft.com/office/drawing/2014/main" id="{482DEF37-0686-C8B9-FCB3-24C386D50C4B}"/>
                  </a:ext>
                </a:extLst>
              </p:cNvPr>
              <p:cNvSpPr/>
              <p:nvPr/>
            </p:nvSpPr>
            <p:spPr>
              <a:xfrm>
                <a:off x="1358073" y="3617338"/>
                <a:ext cx="84581" cy="17907"/>
              </a:xfrm>
              <a:custGeom>
                <a:avLst/>
                <a:gdLst>
                  <a:gd name="connsiteX0" fmla="*/ 8953 w 84581"/>
                  <a:gd name="connsiteY0" fmla="*/ 17907 h 17907"/>
                  <a:gd name="connsiteX1" fmla="*/ 0 w 84581"/>
                  <a:gd name="connsiteY1" fmla="*/ 8954 h 17907"/>
                  <a:gd name="connsiteX2" fmla="*/ 8953 w 84581"/>
                  <a:gd name="connsiteY2" fmla="*/ 0 h 17907"/>
                  <a:gd name="connsiteX3" fmla="*/ 75628 w 84581"/>
                  <a:gd name="connsiteY3" fmla="*/ 0 h 17907"/>
                  <a:gd name="connsiteX4" fmla="*/ 84582 w 84581"/>
                  <a:gd name="connsiteY4" fmla="*/ 8954 h 17907"/>
                  <a:gd name="connsiteX5" fmla="*/ 75628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3" y="17907"/>
                    </a:moveTo>
                    <a:cubicBezTo>
                      <a:pt x="4008" y="17907"/>
                      <a:pt x="0" y="13897"/>
                      <a:pt x="0" y="8954"/>
                    </a:cubicBezTo>
                    <a:cubicBezTo>
                      <a:pt x="0" y="4010"/>
                      <a:pt x="4008" y="0"/>
                      <a:pt x="8953" y="0"/>
                    </a:cubicBezTo>
                    <a:lnTo>
                      <a:pt x="75628" y="0"/>
                    </a:lnTo>
                    <a:cubicBezTo>
                      <a:pt x="80573" y="0"/>
                      <a:pt x="84582" y="4010"/>
                      <a:pt x="84582" y="8954"/>
                    </a:cubicBezTo>
                    <a:cubicBezTo>
                      <a:pt x="84582" y="13897"/>
                      <a:pt x="80573" y="17907"/>
                      <a:pt x="75628" y="17907"/>
                    </a:cubicBezTo>
                    <a:close/>
                  </a:path>
                </a:pathLst>
              </a:custGeom>
              <a:solidFill>
                <a:srgbClr val="265998"/>
              </a:solidFill>
              <a:ln w="9525" cap="flat">
                <a:noFill/>
                <a:prstDash val="solid"/>
                <a:miter/>
              </a:ln>
            </p:spPr>
            <p:txBody>
              <a:bodyPr rtlCol="0" anchor="ctr"/>
              <a:lstStyle/>
              <a:p>
                <a:endParaRPr lang="en-AU" sz="153"/>
              </a:p>
            </p:txBody>
          </p:sp>
          <p:sp>
            <p:nvSpPr>
              <p:cNvPr id="238" name="Freeform: Shape 237">
                <a:extLst>
                  <a:ext uri="{FF2B5EF4-FFF2-40B4-BE49-F238E27FC236}">
                    <a16:creationId xmlns:a16="http://schemas.microsoft.com/office/drawing/2014/main" id="{4181E69D-71A3-8290-D91C-219891263D49}"/>
                  </a:ext>
                </a:extLst>
              </p:cNvPr>
              <p:cNvSpPr/>
              <p:nvPr/>
            </p:nvSpPr>
            <p:spPr>
              <a:xfrm>
                <a:off x="1358073" y="3657438"/>
                <a:ext cx="98107" cy="17907"/>
              </a:xfrm>
              <a:custGeom>
                <a:avLst/>
                <a:gdLst>
                  <a:gd name="connsiteX0" fmla="*/ 8953 w 98107"/>
                  <a:gd name="connsiteY0" fmla="*/ 17907 h 17907"/>
                  <a:gd name="connsiteX1" fmla="*/ 0 w 98107"/>
                  <a:gd name="connsiteY1" fmla="*/ 8954 h 17907"/>
                  <a:gd name="connsiteX2" fmla="*/ 8953 w 98107"/>
                  <a:gd name="connsiteY2" fmla="*/ 0 h 17907"/>
                  <a:gd name="connsiteX3" fmla="*/ 89154 w 98107"/>
                  <a:gd name="connsiteY3" fmla="*/ 0 h 17907"/>
                  <a:gd name="connsiteX4" fmla="*/ 98107 w 98107"/>
                  <a:gd name="connsiteY4" fmla="*/ 8954 h 17907"/>
                  <a:gd name="connsiteX5" fmla="*/ 89154 w 98107"/>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107" h="17907">
                    <a:moveTo>
                      <a:pt x="8953" y="17907"/>
                    </a:moveTo>
                    <a:cubicBezTo>
                      <a:pt x="4008" y="17907"/>
                      <a:pt x="0" y="13897"/>
                      <a:pt x="0" y="8954"/>
                    </a:cubicBezTo>
                    <a:cubicBezTo>
                      <a:pt x="0" y="4010"/>
                      <a:pt x="4008" y="0"/>
                      <a:pt x="8953" y="0"/>
                    </a:cubicBezTo>
                    <a:lnTo>
                      <a:pt x="89154" y="0"/>
                    </a:lnTo>
                    <a:cubicBezTo>
                      <a:pt x="94099" y="0"/>
                      <a:pt x="98107" y="4010"/>
                      <a:pt x="98107" y="8954"/>
                    </a:cubicBezTo>
                    <a:cubicBezTo>
                      <a:pt x="98107" y="13897"/>
                      <a:pt x="94099" y="17907"/>
                      <a:pt x="89154" y="17907"/>
                    </a:cubicBezTo>
                    <a:close/>
                  </a:path>
                </a:pathLst>
              </a:custGeom>
              <a:solidFill>
                <a:srgbClr val="265998"/>
              </a:solidFill>
              <a:ln w="9525" cap="flat">
                <a:noFill/>
                <a:prstDash val="solid"/>
                <a:miter/>
              </a:ln>
            </p:spPr>
            <p:txBody>
              <a:bodyPr rtlCol="0" anchor="ctr"/>
              <a:lstStyle/>
              <a:p>
                <a:endParaRPr lang="en-AU" sz="153"/>
              </a:p>
            </p:txBody>
          </p:sp>
          <p:sp>
            <p:nvSpPr>
              <p:cNvPr id="239" name="Freeform: Shape 238">
                <a:extLst>
                  <a:ext uri="{FF2B5EF4-FFF2-40B4-BE49-F238E27FC236}">
                    <a16:creationId xmlns:a16="http://schemas.microsoft.com/office/drawing/2014/main" id="{87E5B596-CD09-0A35-F6B4-92534C62D873}"/>
                  </a:ext>
                </a:extLst>
              </p:cNvPr>
              <p:cNvSpPr/>
              <p:nvPr/>
            </p:nvSpPr>
            <p:spPr>
              <a:xfrm>
                <a:off x="1278909" y="3553226"/>
                <a:ext cx="257348" cy="234480"/>
              </a:xfrm>
              <a:custGeom>
                <a:avLst/>
                <a:gdLst>
                  <a:gd name="connsiteX0" fmla="*/ 39541 w 257348"/>
                  <a:gd name="connsiteY0" fmla="*/ 234326 h 234480"/>
                  <a:gd name="connsiteX1" fmla="*/ 36016 w 257348"/>
                  <a:gd name="connsiteY1" fmla="*/ 232897 h 234480"/>
                  <a:gd name="connsiteX2" fmla="*/ 32016 w 257348"/>
                  <a:gd name="connsiteY2" fmla="*/ 224039 h 234480"/>
                  <a:gd name="connsiteX3" fmla="*/ 41541 w 257348"/>
                  <a:gd name="connsiteY3" fmla="*/ 164698 h 234480"/>
                  <a:gd name="connsiteX4" fmla="*/ 39922 w 257348"/>
                  <a:gd name="connsiteY4" fmla="*/ 160603 h 234480"/>
                  <a:gd name="connsiteX5" fmla="*/ 869 w 257348"/>
                  <a:gd name="connsiteY5" fmla="*/ 77164 h 234480"/>
                  <a:gd name="connsiteX6" fmla="*/ 143173 w 257348"/>
                  <a:gd name="connsiteY6" fmla="*/ 1916 h 234480"/>
                  <a:gd name="connsiteX7" fmla="*/ 256520 w 257348"/>
                  <a:gd name="connsiteY7" fmla="*/ 116216 h 234480"/>
                  <a:gd name="connsiteX8" fmla="*/ 114217 w 257348"/>
                  <a:gd name="connsiteY8" fmla="*/ 191464 h 234480"/>
                  <a:gd name="connsiteX9" fmla="*/ 113550 w 257348"/>
                  <a:gd name="connsiteY9" fmla="*/ 191464 h 234480"/>
                  <a:gd name="connsiteX10" fmla="*/ 110502 w 257348"/>
                  <a:gd name="connsiteY10" fmla="*/ 192130 h 234480"/>
                  <a:gd name="connsiteX11" fmla="*/ 46208 w 257348"/>
                  <a:gd name="connsiteY11" fmla="*/ 233088 h 234480"/>
                  <a:gd name="connsiteX12" fmla="*/ 39541 w 257348"/>
                  <a:gd name="connsiteY12" fmla="*/ 234326 h 234480"/>
                  <a:gd name="connsiteX13" fmla="*/ 140315 w 257348"/>
                  <a:gd name="connsiteY13" fmla="*/ 19632 h 234480"/>
                  <a:gd name="connsiteX14" fmla="*/ 18490 w 257348"/>
                  <a:gd name="connsiteY14" fmla="*/ 79926 h 234480"/>
                  <a:gd name="connsiteX15" fmla="*/ 56590 w 257348"/>
                  <a:gd name="connsiteY15" fmla="*/ 150601 h 234480"/>
                  <a:gd name="connsiteX16" fmla="*/ 60400 w 257348"/>
                  <a:gd name="connsiteY16" fmla="*/ 159364 h 234480"/>
                  <a:gd name="connsiteX17" fmla="*/ 54495 w 257348"/>
                  <a:gd name="connsiteY17" fmla="*/ 197464 h 234480"/>
                  <a:gd name="connsiteX18" fmla="*/ 56495 w 257348"/>
                  <a:gd name="connsiteY18" fmla="*/ 201751 h 234480"/>
                  <a:gd name="connsiteX19" fmla="*/ 58210 w 257348"/>
                  <a:gd name="connsiteY19" fmla="*/ 202417 h 234480"/>
                  <a:gd name="connsiteX20" fmla="*/ 61258 w 257348"/>
                  <a:gd name="connsiteY20" fmla="*/ 201846 h 234480"/>
                  <a:gd name="connsiteX21" fmla="*/ 104882 w 257348"/>
                  <a:gd name="connsiteY21" fmla="*/ 174223 h 234480"/>
                  <a:gd name="connsiteX22" fmla="*/ 110883 w 257348"/>
                  <a:gd name="connsiteY22" fmla="*/ 172890 h 234480"/>
                  <a:gd name="connsiteX23" fmla="*/ 110883 w 257348"/>
                  <a:gd name="connsiteY23" fmla="*/ 172890 h 234480"/>
                  <a:gd name="connsiteX24" fmla="*/ 112883 w 257348"/>
                  <a:gd name="connsiteY24" fmla="*/ 172890 h 234480"/>
                  <a:gd name="connsiteX25" fmla="*/ 115931 w 257348"/>
                  <a:gd name="connsiteY25" fmla="*/ 173461 h 234480"/>
                  <a:gd name="connsiteX26" fmla="*/ 237851 w 257348"/>
                  <a:gd name="connsiteY26" fmla="*/ 113168 h 234480"/>
                  <a:gd name="connsiteX27" fmla="*/ 140315 w 257348"/>
                  <a:gd name="connsiteY27" fmla="*/ 19632 h 2344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57348" h="234480">
                    <a:moveTo>
                      <a:pt x="39541" y="234326"/>
                    </a:moveTo>
                    <a:cubicBezTo>
                      <a:pt x="38269" y="234136"/>
                      <a:pt x="37061" y="233650"/>
                      <a:pt x="36016" y="232897"/>
                    </a:cubicBezTo>
                    <a:cubicBezTo>
                      <a:pt x="33164" y="230897"/>
                      <a:pt x="31629" y="227497"/>
                      <a:pt x="32016" y="224039"/>
                    </a:cubicBezTo>
                    <a:lnTo>
                      <a:pt x="41541" y="164698"/>
                    </a:lnTo>
                    <a:cubicBezTo>
                      <a:pt x="41797" y="163136"/>
                      <a:pt x="41175" y="161565"/>
                      <a:pt x="39922" y="160603"/>
                    </a:cubicBezTo>
                    <a:cubicBezTo>
                      <a:pt x="10489" y="137647"/>
                      <a:pt x="-3798" y="107263"/>
                      <a:pt x="869" y="77164"/>
                    </a:cubicBezTo>
                    <a:cubicBezTo>
                      <a:pt x="8775" y="24966"/>
                      <a:pt x="72688" y="-8561"/>
                      <a:pt x="143173" y="1916"/>
                    </a:cubicBezTo>
                    <a:cubicBezTo>
                      <a:pt x="213658" y="12394"/>
                      <a:pt x="264521" y="63924"/>
                      <a:pt x="256520" y="116216"/>
                    </a:cubicBezTo>
                    <a:cubicBezTo>
                      <a:pt x="248519" y="168508"/>
                      <a:pt x="184702" y="201941"/>
                      <a:pt x="114217" y="191464"/>
                    </a:cubicBezTo>
                    <a:lnTo>
                      <a:pt x="113550" y="191464"/>
                    </a:lnTo>
                    <a:cubicBezTo>
                      <a:pt x="112486" y="191292"/>
                      <a:pt x="111398" y="191530"/>
                      <a:pt x="110502" y="192130"/>
                    </a:cubicBezTo>
                    <a:lnTo>
                      <a:pt x="46208" y="233088"/>
                    </a:lnTo>
                    <a:cubicBezTo>
                      <a:pt x="44213" y="234307"/>
                      <a:pt x="41840" y="234745"/>
                      <a:pt x="39541" y="234326"/>
                    </a:cubicBezTo>
                    <a:close/>
                    <a:moveTo>
                      <a:pt x="140315" y="19632"/>
                    </a:moveTo>
                    <a:cubicBezTo>
                      <a:pt x="79641" y="10107"/>
                      <a:pt x="24967" y="37444"/>
                      <a:pt x="18490" y="79926"/>
                    </a:cubicBezTo>
                    <a:cubicBezTo>
                      <a:pt x="14680" y="105167"/>
                      <a:pt x="28873" y="131551"/>
                      <a:pt x="56590" y="150601"/>
                    </a:cubicBezTo>
                    <a:cubicBezTo>
                      <a:pt x="59339" y="152630"/>
                      <a:pt x="60794" y="155974"/>
                      <a:pt x="60400" y="159364"/>
                    </a:cubicBezTo>
                    <a:lnTo>
                      <a:pt x="54495" y="197464"/>
                    </a:lnTo>
                    <a:cubicBezTo>
                      <a:pt x="54291" y="199160"/>
                      <a:pt x="55066" y="200817"/>
                      <a:pt x="56495" y="201751"/>
                    </a:cubicBezTo>
                    <a:cubicBezTo>
                      <a:pt x="57004" y="202113"/>
                      <a:pt x="57592" y="202341"/>
                      <a:pt x="58210" y="202417"/>
                    </a:cubicBezTo>
                    <a:cubicBezTo>
                      <a:pt x="59261" y="202617"/>
                      <a:pt x="60349" y="202408"/>
                      <a:pt x="61258" y="201846"/>
                    </a:cubicBezTo>
                    <a:lnTo>
                      <a:pt x="104882" y="174223"/>
                    </a:lnTo>
                    <a:cubicBezTo>
                      <a:pt x="106625" y="172995"/>
                      <a:pt x="108785" y="172518"/>
                      <a:pt x="110883" y="172890"/>
                    </a:cubicBezTo>
                    <a:lnTo>
                      <a:pt x="110883" y="172890"/>
                    </a:lnTo>
                    <a:lnTo>
                      <a:pt x="112883" y="172890"/>
                    </a:lnTo>
                    <a:lnTo>
                      <a:pt x="115931" y="173461"/>
                    </a:lnTo>
                    <a:cubicBezTo>
                      <a:pt x="176701" y="182986"/>
                      <a:pt x="231279" y="155649"/>
                      <a:pt x="237851" y="113168"/>
                    </a:cubicBezTo>
                    <a:cubicBezTo>
                      <a:pt x="244423" y="70687"/>
                      <a:pt x="200608" y="28967"/>
                      <a:pt x="140315" y="19632"/>
                    </a:cubicBezTo>
                    <a:close/>
                  </a:path>
                </a:pathLst>
              </a:custGeom>
              <a:solidFill>
                <a:srgbClr val="265998"/>
              </a:solidFill>
              <a:ln w="9525" cap="flat">
                <a:noFill/>
                <a:prstDash val="solid"/>
                <a:miter/>
              </a:ln>
            </p:spPr>
            <p:txBody>
              <a:bodyPr rtlCol="0" anchor="ctr"/>
              <a:lstStyle/>
              <a:p>
                <a:endParaRPr lang="en-AU" sz="153"/>
              </a:p>
            </p:txBody>
          </p:sp>
        </p:grpSp>
        <p:sp>
          <p:nvSpPr>
            <p:cNvPr id="240" name="TextBox 239">
              <a:extLst>
                <a:ext uri="{FF2B5EF4-FFF2-40B4-BE49-F238E27FC236}">
                  <a16:creationId xmlns:a16="http://schemas.microsoft.com/office/drawing/2014/main" id="{BC277280-B3EA-AEBE-108B-693E28C19B4D}"/>
                </a:ext>
              </a:extLst>
            </p:cNvPr>
            <p:cNvSpPr txBox="1"/>
            <p:nvPr/>
          </p:nvSpPr>
          <p:spPr>
            <a:xfrm>
              <a:off x="7425951" y="3885529"/>
              <a:ext cx="4924969" cy="461665"/>
            </a:xfrm>
            <a:prstGeom prst="rect">
              <a:avLst/>
            </a:prstGeom>
            <a:noFill/>
          </p:spPr>
          <p:txBody>
            <a:bodyPr wrap="square" rtlCol="0">
              <a:spAutoFit/>
            </a:bodyPr>
            <a:lstStyle/>
            <a:p>
              <a:r>
                <a:rPr lang="en-US" sz="2400" b="1">
                  <a:solidFill>
                    <a:schemeClr val="bg2"/>
                  </a:solidFill>
                  <a:latin typeface="+mj-lt"/>
                  <a:ea typeface="Open Sans Extrabold" panose="020B0606030504020204" pitchFamily="34" charset="0"/>
                  <a:cs typeface="Open Sans Extrabold" panose="020B0606030504020204" pitchFamily="34" charset="0"/>
                </a:rPr>
                <a:t>3</a:t>
              </a:r>
              <a:r>
                <a:rPr lang="en-US" sz="2400">
                  <a:solidFill>
                    <a:schemeClr val="bg2"/>
                  </a:solidFill>
                  <a:latin typeface="+mj-lt"/>
                  <a:ea typeface="Open Sans Extrabold" panose="020B0606030504020204" pitchFamily="34" charset="0"/>
                  <a:cs typeface="Open Sans Extrabold" panose="020B0606030504020204" pitchFamily="34" charset="0"/>
                </a:rPr>
                <a:t> days of public hearings</a:t>
              </a:r>
            </a:p>
          </p:txBody>
        </p:sp>
      </p:grpSp>
    </p:spTree>
    <p:custDataLst>
      <p:custData r:id="rId1"/>
      <p:custData r:id="rId2"/>
    </p:custDataLst>
    <p:extLst>
      <p:ext uri="{BB962C8B-B14F-4D97-AF65-F5344CB8AC3E}">
        <p14:creationId xmlns:p14="http://schemas.microsoft.com/office/powerpoint/2010/main" val="32044621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563E2E-89E2-DF4F-CC76-ADEAB2D622C6}"/>
            </a:ext>
          </a:extLst>
        </p:cNvPr>
        <p:cNvGrpSpPr/>
        <p:nvPr/>
      </p:nvGrpSpPr>
      <p:grpSpPr>
        <a:xfrm>
          <a:off x="0" y="0"/>
          <a:ext cx="0" cy="0"/>
          <a:chOff x="0" y="0"/>
          <a:chExt cx="0" cy="0"/>
        </a:xfrm>
      </p:grpSpPr>
      <p:sp>
        <p:nvSpPr>
          <p:cNvPr id="4" name="TextBox 3">
            <a:extLst>
              <a:ext uri="{FF2B5EF4-FFF2-40B4-BE49-F238E27FC236}">
                <a16:creationId xmlns:a16="http://schemas.microsoft.com/office/drawing/2014/main" id="{A019112A-A5F0-F329-2371-292C5C998BB6}"/>
              </a:ext>
            </a:extLst>
          </p:cNvPr>
          <p:cNvSpPr txBox="1"/>
          <p:nvPr/>
        </p:nvSpPr>
        <p:spPr>
          <a:xfrm>
            <a:off x="3432927" y="4773548"/>
            <a:ext cx="2592000" cy="1623600"/>
          </a:xfrm>
          <a:prstGeom prst="rect">
            <a:avLst/>
          </a:prstGeom>
          <a:solidFill>
            <a:schemeClr val="accent2">
              <a:lumMod val="20000"/>
              <a:lumOff val="80000"/>
            </a:schemeClr>
          </a:solidFill>
          <a:effectLst/>
        </p:spPr>
        <p:txBody>
          <a:bodyPr wrap="square" lIns="120000" tIns="96000" bIns="240000" rtlCol="0" anchor="b" anchorCtr="0">
            <a:noAutofit/>
          </a:bodyPr>
          <a:lstStyle/>
          <a:p>
            <a:pPr algn="ctr">
              <a:spcBef>
                <a:spcPts val="800"/>
              </a:spcBef>
              <a:spcAft>
                <a:spcPts val="1600"/>
              </a:spcAft>
            </a:pPr>
            <a:r>
              <a:rPr lang="en-AU" sz="1400">
                <a:solidFill>
                  <a:schemeClr val="tx1"/>
                </a:solidFill>
                <a:latin typeface="Open Sans" panose="020B0606030504020204" pitchFamily="34" charset="0"/>
                <a:ea typeface="Open Sans" panose="020B0606030504020204" pitchFamily="34" charset="0"/>
                <a:cs typeface="Open Sans" panose="020B0606030504020204" pitchFamily="34" charset="0"/>
              </a:rPr>
              <a:t>Improve the commissioning of services responding to local needs and priorities</a:t>
            </a:r>
          </a:p>
        </p:txBody>
      </p:sp>
      <p:sp>
        <p:nvSpPr>
          <p:cNvPr id="2" name="Title 1">
            <a:extLst>
              <a:ext uri="{FF2B5EF4-FFF2-40B4-BE49-F238E27FC236}">
                <a16:creationId xmlns:a16="http://schemas.microsoft.com/office/drawing/2014/main" id="{BBF3217B-2DCD-E930-8EA5-9E176FB06A14}"/>
              </a:ext>
            </a:extLst>
          </p:cNvPr>
          <p:cNvSpPr>
            <a:spLocks noGrp="1"/>
          </p:cNvSpPr>
          <p:nvPr>
            <p:ph type="ctrTitle"/>
          </p:nvPr>
        </p:nvSpPr>
        <p:spPr/>
        <p:txBody>
          <a:bodyPr/>
          <a:lstStyle/>
          <a:p>
            <a:r>
              <a:rPr lang="en-US"/>
              <a:t>What we heard</a:t>
            </a:r>
            <a:endParaRPr lang="en-AU"/>
          </a:p>
        </p:txBody>
      </p:sp>
      <p:grpSp>
        <p:nvGrpSpPr>
          <p:cNvPr id="122" name="Group 121">
            <a:extLst>
              <a:ext uri="{FF2B5EF4-FFF2-40B4-BE49-F238E27FC236}">
                <a16:creationId xmlns:a16="http://schemas.microsoft.com/office/drawing/2014/main" id="{5D803A3E-6743-FFAF-1541-EEA419E7408C}"/>
              </a:ext>
            </a:extLst>
          </p:cNvPr>
          <p:cNvGrpSpPr/>
          <p:nvPr/>
        </p:nvGrpSpPr>
        <p:grpSpPr>
          <a:xfrm>
            <a:off x="9535019" y="2658731"/>
            <a:ext cx="621812" cy="621812"/>
            <a:chOff x="3183445" y="3589908"/>
            <a:chExt cx="419576" cy="419576"/>
          </a:xfrm>
        </p:grpSpPr>
        <p:sp>
          <p:nvSpPr>
            <p:cNvPr id="195" name="Graphic 2">
              <a:extLst>
                <a:ext uri="{FF2B5EF4-FFF2-40B4-BE49-F238E27FC236}">
                  <a16:creationId xmlns:a16="http://schemas.microsoft.com/office/drawing/2014/main" id="{6AEBF511-9DF1-7A51-3DFC-D94776064475}"/>
                </a:ext>
              </a:extLst>
            </p:cNvPr>
            <p:cNvSpPr/>
            <p:nvPr/>
          </p:nvSpPr>
          <p:spPr>
            <a:xfrm>
              <a:off x="3200400" y="3607816"/>
              <a:ext cx="254222" cy="211264"/>
            </a:xfrm>
            <a:custGeom>
              <a:avLst/>
              <a:gdLst>
                <a:gd name="connsiteX0" fmla="*/ 110680 w 254222"/>
                <a:gd name="connsiteY0" fmla="*/ 173927 h 211264"/>
                <a:gd name="connsiteX1" fmla="*/ 126968 w 254222"/>
                <a:gd name="connsiteY1" fmla="*/ 174688 h 211264"/>
                <a:gd name="connsiteX2" fmla="*/ 254222 w 254222"/>
                <a:gd name="connsiteY2" fmla="*/ 87344 h 211264"/>
                <a:gd name="connsiteX3" fmla="*/ 126968 w 254222"/>
                <a:gd name="connsiteY3" fmla="*/ 0 h 211264"/>
                <a:gd name="connsiteX4" fmla="*/ 0 w 254222"/>
                <a:gd name="connsiteY4" fmla="*/ 87344 h 211264"/>
                <a:gd name="connsiteX5" fmla="*/ 49625 w 254222"/>
                <a:gd name="connsiteY5" fmla="*/ 156400 h 211264"/>
                <a:gd name="connsiteX6" fmla="*/ 54483 w 254222"/>
                <a:gd name="connsiteY6" fmla="*/ 164402 h 211264"/>
                <a:gd name="connsiteX7" fmla="*/ 54483 w 254222"/>
                <a:gd name="connsiteY7" fmla="*/ 206788 h 211264"/>
                <a:gd name="connsiteX8" fmla="*/ 57055 w 254222"/>
                <a:gd name="connsiteY8" fmla="*/ 210788 h 211264"/>
                <a:gd name="connsiteX9" fmla="*/ 58960 w 254222"/>
                <a:gd name="connsiteY9" fmla="*/ 211264 h 211264"/>
                <a:gd name="connsiteX10" fmla="*/ 61817 w 254222"/>
                <a:gd name="connsiteY10" fmla="*/ 210217 h 211264"/>
                <a:gd name="connsiteX11" fmla="*/ 104204 w 254222"/>
                <a:gd name="connsiteY11" fmla="*/ 175927 h 211264"/>
                <a:gd name="connsiteX12" fmla="*/ 110014 w 254222"/>
                <a:gd name="connsiteY12" fmla="*/ 173927 h 211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4222" h="211264">
                  <a:moveTo>
                    <a:pt x="110680" y="173927"/>
                  </a:moveTo>
                  <a:cubicBezTo>
                    <a:pt x="116777" y="174498"/>
                    <a:pt x="121920" y="174688"/>
                    <a:pt x="126968" y="174688"/>
                  </a:cubicBezTo>
                  <a:cubicBezTo>
                    <a:pt x="197168" y="174688"/>
                    <a:pt x="254222" y="135541"/>
                    <a:pt x="254222" y="87344"/>
                  </a:cubicBezTo>
                  <a:cubicBezTo>
                    <a:pt x="254222" y="39148"/>
                    <a:pt x="197072" y="0"/>
                    <a:pt x="126968" y="0"/>
                  </a:cubicBezTo>
                  <a:cubicBezTo>
                    <a:pt x="56864" y="0"/>
                    <a:pt x="0" y="39243"/>
                    <a:pt x="0" y="87344"/>
                  </a:cubicBezTo>
                  <a:cubicBezTo>
                    <a:pt x="0" y="114395"/>
                    <a:pt x="18097" y="139541"/>
                    <a:pt x="49625" y="156400"/>
                  </a:cubicBezTo>
                  <a:cubicBezTo>
                    <a:pt x="52635" y="157924"/>
                    <a:pt x="54521" y="161030"/>
                    <a:pt x="54483" y="164402"/>
                  </a:cubicBezTo>
                  <a:lnTo>
                    <a:pt x="54483" y="206788"/>
                  </a:lnTo>
                  <a:cubicBezTo>
                    <a:pt x="54483" y="208512"/>
                    <a:pt x="55483" y="210074"/>
                    <a:pt x="57055" y="210788"/>
                  </a:cubicBezTo>
                  <a:cubicBezTo>
                    <a:pt x="57645" y="211093"/>
                    <a:pt x="58293" y="211255"/>
                    <a:pt x="58960" y="211264"/>
                  </a:cubicBezTo>
                  <a:cubicBezTo>
                    <a:pt x="60007" y="211255"/>
                    <a:pt x="61008" y="210883"/>
                    <a:pt x="61817" y="210217"/>
                  </a:cubicBezTo>
                  <a:lnTo>
                    <a:pt x="104204" y="175927"/>
                  </a:lnTo>
                  <a:cubicBezTo>
                    <a:pt x="105870" y="174641"/>
                    <a:pt x="107909" y="173936"/>
                    <a:pt x="110014" y="173927"/>
                  </a:cubicBezTo>
                  <a:close/>
                </a:path>
              </a:pathLst>
            </a:custGeom>
            <a:solidFill>
              <a:srgbClr val="C7E4F1"/>
            </a:solidFill>
            <a:ln w="9525" cap="flat">
              <a:noFill/>
              <a:prstDash val="solid"/>
              <a:miter/>
            </a:ln>
          </p:spPr>
          <p:txBody>
            <a:bodyPr rtlCol="0" anchor="ctr"/>
            <a:lstStyle/>
            <a:p>
              <a:endParaRPr lang="en-AU" sz="2400"/>
            </a:p>
          </p:txBody>
        </p:sp>
        <p:sp>
          <p:nvSpPr>
            <p:cNvPr id="196" name="Graphic 2">
              <a:extLst>
                <a:ext uri="{FF2B5EF4-FFF2-40B4-BE49-F238E27FC236}">
                  <a16:creationId xmlns:a16="http://schemas.microsoft.com/office/drawing/2014/main" id="{6A2BA2F5-3174-BEE8-330D-525FE14E7874}"/>
                </a:ext>
              </a:extLst>
            </p:cNvPr>
            <p:cNvSpPr/>
            <p:nvPr/>
          </p:nvSpPr>
          <p:spPr>
            <a:xfrm>
              <a:off x="3335464" y="3768788"/>
              <a:ext cx="249459" cy="207371"/>
            </a:xfrm>
            <a:custGeom>
              <a:avLst/>
              <a:gdLst>
                <a:gd name="connsiteX0" fmla="*/ 141161 w 249459"/>
                <a:gd name="connsiteY0" fmla="*/ 170688 h 207371"/>
                <a:gd name="connsiteX1" fmla="*/ 146780 w 249459"/>
                <a:gd name="connsiteY1" fmla="*/ 172688 h 207371"/>
                <a:gd name="connsiteX2" fmla="*/ 188786 w 249459"/>
                <a:gd name="connsiteY2" fmla="*/ 206312 h 207371"/>
                <a:gd name="connsiteX3" fmla="*/ 191548 w 249459"/>
                <a:gd name="connsiteY3" fmla="*/ 207264 h 207371"/>
                <a:gd name="connsiteX4" fmla="*/ 193453 w 249459"/>
                <a:gd name="connsiteY4" fmla="*/ 207264 h 207371"/>
                <a:gd name="connsiteX5" fmla="*/ 195929 w 249459"/>
                <a:gd name="connsiteY5" fmla="*/ 203263 h 207371"/>
                <a:gd name="connsiteX6" fmla="*/ 195929 w 249459"/>
                <a:gd name="connsiteY6" fmla="*/ 161544 h 207371"/>
                <a:gd name="connsiteX7" fmla="*/ 200692 w 249459"/>
                <a:gd name="connsiteY7" fmla="*/ 153638 h 207371"/>
                <a:gd name="connsiteX8" fmla="*/ 249460 w 249459"/>
                <a:gd name="connsiteY8" fmla="*/ 85725 h 207371"/>
                <a:gd name="connsiteX9" fmla="*/ 124682 w 249459"/>
                <a:gd name="connsiteY9" fmla="*/ 0 h 207371"/>
                <a:gd name="connsiteX10" fmla="*/ 0 w 249459"/>
                <a:gd name="connsiteY10" fmla="*/ 85725 h 207371"/>
                <a:gd name="connsiteX11" fmla="*/ 124682 w 249459"/>
                <a:gd name="connsiteY11" fmla="*/ 171450 h 207371"/>
                <a:gd name="connsiteX12" fmla="*/ 140684 w 249459"/>
                <a:gd name="connsiteY12" fmla="*/ 170688 h 2073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9459" h="207371">
                  <a:moveTo>
                    <a:pt x="141161" y="170688"/>
                  </a:moveTo>
                  <a:cubicBezTo>
                    <a:pt x="143199" y="170736"/>
                    <a:pt x="145171" y="171440"/>
                    <a:pt x="146780" y="172688"/>
                  </a:cubicBezTo>
                  <a:lnTo>
                    <a:pt x="188786" y="206312"/>
                  </a:lnTo>
                  <a:cubicBezTo>
                    <a:pt x="189567" y="206940"/>
                    <a:pt x="190548" y="207274"/>
                    <a:pt x="191548" y="207264"/>
                  </a:cubicBezTo>
                  <a:cubicBezTo>
                    <a:pt x="192176" y="207407"/>
                    <a:pt x="192824" y="207407"/>
                    <a:pt x="193453" y="207264"/>
                  </a:cubicBezTo>
                  <a:cubicBezTo>
                    <a:pt x="194967" y="206512"/>
                    <a:pt x="195929" y="204959"/>
                    <a:pt x="195929" y="203263"/>
                  </a:cubicBezTo>
                  <a:lnTo>
                    <a:pt x="195929" y="161544"/>
                  </a:lnTo>
                  <a:cubicBezTo>
                    <a:pt x="196053" y="158267"/>
                    <a:pt x="197844" y="155277"/>
                    <a:pt x="200692" y="153638"/>
                  </a:cubicBezTo>
                  <a:cubicBezTo>
                    <a:pt x="231648" y="137065"/>
                    <a:pt x="249460" y="112300"/>
                    <a:pt x="249460" y="85725"/>
                  </a:cubicBezTo>
                  <a:cubicBezTo>
                    <a:pt x="249460" y="38100"/>
                    <a:pt x="193453" y="0"/>
                    <a:pt x="124682" y="0"/>
                  </a:cubicBezTo>
                  <a:cubicBezTo>
                    <a:pt x="55912" y="0"/>
                    <a:pt x="0" y="38100"/>
                    <a:pt x="0" y="85725"/>
                  </a:cubicBezTo>
                  <a:cubicBezTo>
                    <a:pt x="0" y="133350"/>
                    <a:pt x="55912" y="171450"/>
                    <a:pt x="124682" y="171450"/>
                  </a:cubicBezTo>
                  <a:cubicBezTo>
                    <a:pt x="129635" y="171450"/>
                    <a:pt x="134779" y="171450"/>
                    <a:pt x="140684" y="170688"/>
                  </a:cubicBezTo>
                  <a:close/>
                </a:path>
              </a:pathLst>
            </a:custGeom>
            <a:solidFill>
              <a:srgbClr val="66B9DA"/>
            </a:solidFill>
            <a:ln w="9525" cap="flat">
              <a:noFill/>
              <a:prstDash val="solid"/>
              <a:miter/>
            </a:ln>
          </p:spPr>
          <p:txBody>
            <a:bodyPr rtlCol="0" anchor="ctr"/>
            <a:lstStyle/>
            <a:p>
              <a:endParaRPr lang="en-AU" sz="2400"/>
            </a:p>
          </p:txBody>
        </p:sp>
        <p:sp>
          <p:nvSpPr>
            <p:cNvPr id="197" name="Graphic 2">
              <a:extLst>
                <a:ext uri="{FF2B5EF4-FFF2-40B4-BE49-F238E27FC236}">
                  <a16:creationId xmlns:a16="http://schemas.microsoft.com/office/drawing/2014/main" id="{BBFFCBCD-AF83-951C-3E60-11C4F2584364}"/>
                </a:ext>
              </a:extLst>
            </p:cNvPr>
            <p:cNvSpPr/>
            <p:nvPr/>
          </p:nvSpPr>
          <p:spPr>
            <a:xfrm>
              <a:off x="3317271" y="3750786"/>
              <a:ext cx="285750" cy="258698"/>
            </a:xfrm>
            <a:custGeom>
              <a:avLst/>
              <a:gdLst>
                <a:gd name="connsiteX0" fmla="*/ 222885 w 285750"/>
                <a:gd name="connsiteY0" fmla="*/ 258223 h 258698"/>
                <a:gd name="connsiteX1" fmla="*/ 217170 w 285750"/>
                <a:gd name="connsiteY1" fmla="*/ 256127 h 258698"/>
                <a:gd name="connsiteX2" fmla="*/ 157925 w 285750"/>
                <a:gd name="connsiteY2" fmla="*/ 208502 h 258698"/>
                <a:gd name="connsiteX3" fmla="*/ 155162 w 285750"/>
                <a:gd name="connsiteY3" fmla="*/ 207550 h 258698"/>
                <a:gd name="connsiteX4" fmla="*/ 155162 w 285750"/>
                <a:gd name="connsiteY4" fmla="*/ 207550 h 258698"/>
                <a:gd name="connsiteX5" fmla="*/ 142875 w 285750"/>
                <a:gd name="connsiteY5" fmla="*/ 208026 h 258698"/>
                <a:gd name="connsiteX6" fmla="*/ 0 w 285750"/>
                <a:gd name="connsiteY6" fmla="*/ 104013 h 258698"/>
                <a:gd name="connsiteX7" fmla="*/ 142875 w 285750"/>
                <a:gd name="connsiteY7" fmla="*/ 0 h 258698"/>
                <a:gd name="connsiteX8" fmla="*/ 285750 w 285750"/>
                <a:gd name="connsiteY8" fmla="*/ 104013 h 258698"/>
                <a:gd name="connsiteX9" fmla="*/ 234410 w 285750"/>
                <a:gd name="connsiteY9" fmla="*/ 183928 h 258698"/>
                <a:gd name="connsiteX10" fmla="*/ 232315 w 285750"/>
                <a:gd name="connsiteY10" fmla="*/ 187642 h 258698"/>
                <a:gd name="connsiteX11" fmla="*/ 232315 w 285750"/>
                <a:gd name="connsiteY11" fmla="*/ 249650 h 258698"/>
                <a:gd name="connsiteX12" fmla="*/ 223361 w 285750"/>
                <a:gd name="connsiteY12" fmla="*/ 258699 h 258698"/>
                <a:gd name="connsiteX13" fmla="*/ 159449 w 285750"/>
                <a:gd name="connsiteY13" fmla="*/ 188690 h 258698"/>
                <a:gd name="connsiteX14" fmla="*/ 165068 w 285750"/>
                <a:gd name="connsiteY14" fmla="*/ 190690 h 258698"/>
                <a:gd name="connsiteX15" fmla="*/ 206978 w 285750"/>
                <a:gd name="connsiteY15" fmla="*/ 224314 h 258698"/>
                <a:gd name="connsiteX16" fmla="*/ 209741 w 285750"/>
                <a:gd name="connsiteY16" fmla="*/ 225266 h 258698"/>
                <a:gd name="connsiteX17" fmla="*/ 211646 w 285750"/>
                <a:gd name="connsiteY17" fmla="*/ 225266 h 258698"/>
                <a:gd name="connsiteX18" fmla="*/ 214122 w 285750"/>
                <a:gd name="connsiteY18" fmla="*/ 221266 h 258698"/>
                <a:gd name="connsiteX19" fmla="*/ 214122 w 285750"/>
                <a:gd name="connsiteY19" fmla="*/ 179546 h 258698"/>
                <a:gd name="connsiteX20" fmla="*/ 218885 w 285750"/>
                <a:gd name="connsiteY20" fmla="*/ 171640 h 258698"/>
                <a:gd name="connsiteX21" fmla="*/ 267653 w 285750"/>
                <a:gd name="connsiteY21" fmla="*/ 103727 h 258698"/>
                <a:gd name="connsiteX22" fmla="*/ 142875 w 285750"/>
                <a:gd name="connsiteY22" fmla="*/ 18002 h 258698"/>
                <a:gd name="connsiteX23" fmla="*/ 18193 w 285750"/>
                <a:gd name="connsiteY23" fmla="*/ 103727 h 258698"/>
                <a:gd name="connsiteX24" fmla="*/ 142875 w 285750"/>
                <a:gd name="connsiteY24" fmla="*/ 189452 h 258698"/>
                <a:gd name="connsiteX25" fmla="*/ 158877 w 285750"/>
                <a:gd name="connsiteY25" fmla="*/ 188690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85750" h="258698">
                  <a:moveTo>
                    <a:pt x="222885" y="258223"/>
                  </a:moveTo>
                  <a:cubicBezTo>
                    <a:pt x="220790" y="258213"/>
                    <a:pt x="218770" y="257470"/>
                    <a:pt x="217170" y="256127"/>
                  </a:cubicBezTo>
                  <a:lnTo>
                    <a:pt x="157925" y="208502"/>
                  </a:lnTo>
                  <a:cubicBezTo>
                    <a:pt x="157153" y="207854"/>
                    <a:pt x="156172" y="207521"/>
                    <a:pt x="155162" y="207550"/>
                  </a:cubicBezTo>
                  <a:lnTo>
                    <a:pt x="155162" y="207550"/>
                  </a:lnTo>
                  <a:cubicBezTo>
                    <a:pt x="150781" y="207550"/>
                    <a:pt x="146780" y="208026"/>
                    <a:pt x="142875" y="208026"/>
                  </a:cubicBezTo>
                  <a:cubicBezTo>
                    <a:pt x="64199" y="208026"/>
                    <a:pt x="0" y="161354"/>
                    <a:pt x="0" y="104013"/>
                  </a:cubicBezTo>
                  <a:cubicBezTo>
                    <a:pt x="0" y="46672"/>
                    <a:pt x="64008" y="0"/>
                    <a:pt x="142875" y="0"/>
                  </a:cubicBezTo>
                  <a:cubicBezTo>
                    <a:pt x="221742" y="0"/>
                    <a:pt x="285750" y="46672"/>
                    <a:pt x="285750" y="104013"/>
                  </a:cubicBezTo>
                  <a:cubicBezTo>
                    <a:pt x="285750" y="135064"/>
                    <a:pt x="266700" y="164211"/>
                    <a:pt x="234410" y="183928"/>
                  </a:cubicBezTo>
                  <a:cubicBezTo>
                    <a:pt x="233086" y="184690"/>
                    <a:pt x="232286" y="186118"/>
                    <a:pt x="232315" y="187642"/>
                  </a:cubicBezTo>
                  <a:lnTo>
                    <a:pt x="232315" y="249650"/>
                  </a:lnTo>
                  <a:cubicBezTo>
                    <a:pt x="232077" y="254508"/>
                    <a:pt x="228219" y="258413"/>
                    <a:pt x="223361" y="258699"/>
                  </a:cubicBezTo>
                  <a:close/>
                  <a:moveTo>
                    <a:pt x="159449" y="188690"/>
                  </a:moveTo>
                  <a:cubicBezTo>
                    <a:pt x="161487" y="188738"/>
                    <a:pt x="163459" y="189443"/>
                    <a:pt x="165068" y="190690"/>
                  </a:cubicBezTo>
                  <a:lnTo>
                    <a:pt x="206978" y="224314"/>
                  </a:lnTo>
                  <a:cubicBezTo>
                    <a:pt x="207759" y="224942"/>
                    <a:pt x="208740" y="225276"/>
                    <a:pt x="209741" y="225266"/>
                  </a:cubicBezTo>
                  <a:cubicBezTo>
                    <a:pt x="210369" y="225409"/>
                    <a:pt x="211017" y="225409"/>
                    <a:pt x="211646" y="225266"/>
                  </a:cubicBezTo>
                  <a:cubicBezTo>
                    <a:pt x="213160" y="224514"/>
                    <a:pt x="214122" y="222961"/>
                    <a:pt x="214122" y="221266"/>
                  </a:cubicBezTo>
                  <a:lnTo>
                    <a:pt x="214122" y="179546"/>
                  </a:lnTo>
                  <a:cubicBezTo>
                    <a:pt x="214246" y="176269"/>
                    <a:pt x="216037" y="173279"/>
                    <a:pt x="218885" y="171640"/>
                  </a:cubicBezTo>
                  <a:cubicBezTo>
                    <a:pt x="249841" y="155067"/>
                    <a:pt x="267653" y="130302"/>
                    <a:pt x="267653" y="103727"/>
                  </a:cubicBezTo>
                  <a:cubicBezTo>
                    <a:pt x="267653" y="56102"/>
                    <a:pt x="211646" y="18002"/>
                    <a:pt x="142875" y="18002"/>
                  </a:cubicBezTo>
                  <a:cubicBezTo>
                    <a:pt x="74104" y="18002"/>
                    <a:pt x="18193" y="56102"/>
                    <a:pt x="18193" y="103727"/>
                  </a:cubicBezTo>
                  <a:cubicBezTo>
                    <a:pt x="18193" y="151352"/>
                    <a:pt x="74104" y="189452"/>
                    <a:pt x="142875" y="189452"/>
                  </a:cubicBezTo>
                  <a:cubicBezTo>
                    <a:pt x="147828" y="189452"/>
                    <a:pt x="152971" y="189452"/>
                    <a:pt x="158877" y="188690"/>
                  </a:cubicBezTo>
                  <a:close/>
                </a:path>
              </a:pathLst>
            </a:custGeom>
            <a:solidFill>
              <a:srgbClr val="265998"/>
            </a:solidFill>
            <a:ln w="9525" cap="flat">
              <a:noFill/>
              <a:prstDash val="solid"/>
              <a:miter/>
            </a:ln>
          </p:spPr>
          <p:txBody>
            <a:bodyPr rtlCol="0" anchor="ctr"/>
            <a:lstStyle/>
            <a:p>
              <a:endParaRPr lang="en-AU" sz="2400"/>
            </a:p>
          </p:txBody>
        </p:sp>
        <p:sp>
          <p:nvSpPr>
            <p:cNvPr id="198" name="Graphic 2">
              <a:extLst>
                <a:ext uri="{FF2B5EF4-FFF2-40B4-BE49-F238E27FC236}">
                  <a16:creationId xmlns:a16="http://schemas.microsoft.com/office/drawing/2014/main" id="{13EAB689-623B-3921-DCB2-BA31CA92F98C}"/>
                </a:ext>
              </a:extLst>
            </p:cNvPr>
            <p:cNvSpPr/>
            <p:nvPr/>
          </p:nvSpPr>
          <p:spPr>
            <a:xfrm>
              <a:off x="3398301" y="38305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sp>
          <p:nvSpPr>
            <p:cNvPr id="199" name="Graphic 2">
              <a:extLst>
                <a:ext uri="{FF2B5EF4-FFF2-40B4-BE49-F238E27FC236}">
                  <a16:creationId xmlns:a16="http://schemas.microsoft.com/office/drawing/2014/main" id="{F5EDD054-92E4-5379-2100-E07F1A18BC0B}"/>
                </a:ext>
              </a:extLst>
            </p:cNvPr>
            <p:cNvSpPr/>
            <p:nvPr/>
          </p:nvSpPr>
          <p:spPr>
            <a:xfrm>
              <a:off x="3398301" y="38706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5"/>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sp>
          <p:nvSpPr>
            <p:cNvPr id="200" name="Graphic 2">
              <a:extLst>
                <a:ext uri="{FF2B5EF4-FFF2-40B4-BE49-F238E27FC236}">
                  <a16:creationId xmlns:a16="http://schemas.microsoft.com/office/drawing/2014/main" id="{592D4076-9BCA-20A6-5944-E9709D11AD25}"/>
                </a:ext>
              </a:extLst>
            </p:cNvPr>
            <p:cNvSpPr/>
            <p:nvPr/>
          </p:nvSpPr>
          <p:spPr>
            <a:xfrm>
              <a:off x="3183445" y="3589908"/>
              <a:ext cx="285750" cy="258639"/>
            </a:xfrm>
            <a:custGeom>
              <a:avLst/>
              <a:gdLst>
                <a:gd name="connsiteX0" fmla="*/ 62484 w 285750"/>
                <a:gd name="connsiteY0" fmla="*/ 258604 h 258639"/>
                <a:gd name="connsiteX1" fmla="*/ 58579 w 285750"/>
                <a:gd name="connsiteY1" fmla="*/ 257746 h 258639"/>
                <a:gd name="connsiteX2" fmla="*/ 53530 w 285750"/>
                <a:gd name="connsiteY2" fmla="*/ 249650 h 258639"/>
                <a:gd name="connsiteX3" fmla="*/ 53530 w 285750"/>
                <a:gd name="connsiteY3" fmla="*/ 187547 h 258639"/>
                <a:gd name="connsiteX4" fmla="*/ 51435 w 285750"/>
                <a:gd name="connsiteY4" fmla="*/ 183832 h 258639"/>
                <a:gd name="connsiteX5" fmla="*/ 0 w 285750"/>
                <a:gd name="connsiteY5" fmla="*/ 103918 h 258639"/>
                <a:gd name="connsiteX6" fmla="*/ 142875 w 285750"/>
                <a:gd name="connsiteY6" fmla="*/ 0 h 258639"/>
                <a:gd name="connsiteX7" fmla="*/ 285750 w 285750"/>
                <a:gd name="connsiteY7" fmla="*/ 103918 h 258639"/>
                <a:gd name="connsiteX8" fmla="*/ 280321 w 285750"/>
                <a:gd name="connsiteY8" fmla="*/ 132493 h 258639"/>
                <a:gd name="connsiteX9" fmla="*/ 271939 w 285750"/>
                <a:gd name="connsiteY9" fmla="*/ 138303 h 258639"/>
                <a:gd name="connsiteX10" fmla="*/ 268700 w 285750"/>
                <a:gd name="connsiteY10" fmla="*/ 137636 h 258639"/>
                <a:gd name="connsiteX11" fmla="*/ 263747 w 285750"/>
                <a:gd name="connsiteY11" fmla="*/ 132874 h 258639"/>
                <a:gd name="connsiteX12" fmla="*/ 263747 w 285750"/>
                <a:gd name="connsiteY12" fmla="*/ 126016 h 258639"/>
                <a:gd name="connsiteX13" fmla="*/ 267938 w 285750"/>
                <a:gd name="connsiteY13" fmla="*/ 103918 h 258639"/>
                <a:gd name="connsiteX14" fmla="*/ 143256 w 285750"/>
                <a:gd name="connsiteY14" fmla="*/ 18193 h 258639"/>
                <a:gd name="connsiteX15" fmla="*/ 18479 w 285750"/>
                <a:gd name="connsiteY15" fmla="*/ 103918 h 258639"/>
                <a:gd name="connsiteX16" fmla="*/ 67246 w 285750"/>
                <a:gd name="connsiteY16" fmla="*/ 171926 h 258639"/>
                <a:gd name="connsiteX17" fmla="*/ 72009 w 285750"/>
                <a:gd name="connsiteY17" fmla="*/ 179832 h 258639"/>
                <a:gd name="connsiteX18" fmla="*/ 72009 w 285750"/>
                <a:gd name="connsiteY18" fmla="*/ 221837 h 258639"/>
                <a:gd name="connsiteX19" fmla="*/ 74486 w 285750"/>
                <a:gd name="connsiteY19" fmla="*/ 225743 h 258639"/>
                <a:gd name="connsiteX20" fmla="*/ 76390 w 285750"/>
                <a:gd name="connsiteY20" fmla="*/ 226219 h 258639"/>
                <a:gd name="connsiteX21" fmla="*/ 79057 w 285750"/>
                <a:gd name="connsiteY21" fmla="*/ 225266 h 258639"/>
                <a:gd name="connsiteX22" fmla="*/ 124206 w 285750"/>
                <a:gd name="connsiteY22" fmla="*/ 189167 h 258639"/>
                <a:gd name="connsiteX23" fmla="*/ 129826 w 285750"/>
                <a:gd name="connsiteY23" fmla="*/ 187166 h 258639"/>
                <a:gd name="connsiteX24" fmla="*/ 138874 w 285750"/>
                <a:gd name="connsiteY24" fmla="*/ 196025 h 258639"/>
                <a:gd name="connsiteX25" fmla="*/ 135446 w 285750"/>
                <a:gd name="connsiteY25" fmla="*/ 203168 h 258639"/>
                <a:gd name="connsiteX26" fmla="*/ 68771 w 285750"/>
                <a:gd name="connsiteY26" fmla="*/ 256604 h 258639"/>
                <a:gd name="connsiteX27" fmla="*/ 62484 w 285750"/>
                <a:gd name="connsiteY27" fmla="*/ 258604 h 258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85750" h="258639">
                  <a:moveTo>
                    <a:pt x="62484" y="258604"/>
                  </a:moveTo>
                  <a:cubicBezTo>
                    <a:pt x="61131" y="258594"/>
                    <a:pt x="59807" y="258308"/>
                    <a:pt x="58579" y="257746"/>
                  </a:cubicBezTo>
                  <a:cubicBezTo>
                    <a:pt x="55569" y="256146"/>
                    <a:pt x="53645" y="253060"/>
                    <a:pt x="53530" y="249650"/>
                  </a:cubicBezTo>
                  <a:lnTo>
                    <a:pt x="53530" y="187547"/>
                  </a:lnTo>
                  <a:cubicBezTo>
                    <a:pt x="53559" y="186023"/>
                    <a:pt x="52759" y="184595"/>
                    <a:pt x="51435" y="183832"/>
                  </a:cubicBezTo>
                  <a:cubicBezTo>
                    <a:pt x="18764" y="164116"/>
                    <a:pt x="0" y="134969"/>
                    <a:pt x="0" y="103918"/>
                  </a:cubicBezTo>
                  <a:cubicBezTo>
                    <a:pt x="0" y="46768"/>
                    <a:pt x="64103" y="0"/>
                    <a:pt x="142875" y="0"/>
                  </a:cubicBezTo>
                  <a:cubicBezTo>
                    <a:pt x="221647" y="0"/>
                    <a:pt x="285750" y="46577"/>
                    <a:pt x="285750" y="103918"/>
                  </a:cubicBezTo>
                  <a:cubicBezTo>
                    <a:pt x="285750" y="113700"/>
                    <a:pt x="283902" y="123397"/>
                    <a:pt x="280321" y="132493"/>
                  </a:cubicBezTo>
                  <a:cubicBezTo>
                    <a:pt x="278882" y="135884"/>
                    <a:pt x="275625" y="138151"/>
                    <a:pt x="271939" y="138303"/>
                  </a:cubicBezTo>
                  <a:cubicBezTo>
                    <a:pt x="270824" y="138274"/>
                    <a:pt x="269729" y="138046"/>
                    <a:pt x="268700" y="137636"/>
                  </a:cubicBezTo>
                  <a:cubicBezTo>
                    <a:pt x="266462" y="136798"/>
                    <a:pt x="264671" y="135074"/>
                    <a:pt x="263747" y="132874"/>
                  </a:cubicBezTo>
                  <a:cubicBezTo>
                    <a:pt x="262833" y="130673"/>
                    <a:pt x="262833" y="128206"/>
                    <a:pt x="263747" y="126016"/>
                  </a:cubicBezTo>
                  <a:cubicBezTo>
                    <a:pt x="266500" y="118977"/>
                    <a:pt x="267919" y="111481"/>
                    <a:pt x="267938" y="103918"/>
                  </a:cubicBezTo>
                  <a:cubicBezTo>
                    <a:pt x="267938" y="56293"/>
                    <a:pt x="212027" y="18193"/>
                    <a:pt x="143256" y="18193"/>
                  </a:cubicBezTo>
                  <a:cubicBezTo>
                    <a:pt x="74486" y="18193"/>
                    <a:pt x="18479" y="56769"/>
                    <a:pt x="18479" y="103918"/>
                  </a:cubicBezTo>
                  <a:cubicBezTo>
                    <a:pt x="18479" y="130588"/>
                    <a:pt x="36290" y="155353"/>
                    <a:pt x="67246" y="171926"/>
                  </a:cubicBezTo>
                  <a:cubicBezTo>
                    <a:pt x="70190" y="173460"/>
                    <a:pt x="72028" y="176508"/>
                    <a:pt x="72009" y="179832"/>
                  </a:cubicBezTo>
                  <a:lnTo>
                    <a:pt x="72009" y="221837"/>
                  </a:lnTo>
                  <a:cubicBezTo>
                    <a:pt x="72028" y="223504"/>
                    <a:pt x="72980" y="225019"/>
                    <a:pt x="74486" y="225743"/>
                  </a:cubicBezTo>
                  <a:cubicBezTo>
                    <a:pt x="75076" y="226047"/>
                    <a:pt x="75724" y="226209"/>
                    <a:pt x="76390" y="226219"/>
                  </a:cubicBezTo>
                  <a:cubicBezTo>
                    <a:pt x="77362" y="226190"/>
                    <a:pt x="78296" y="225857"/>
                    <a:pt x="79057" y="225266"/>
                  </a:cubicBezTo>
                  <a:lnTo>
                    <a:pt x="124206" y="189167"/>
                  </a:lnTo>
                  <a:cubicBezTo>
                    <a:pt x="125787" y="187871"/>
                    <a:pt x="127778" y="187166"/>
                    <a:pt x="129826" y="187166"/>
                  </a:cubicBezTo>
                  <a:cubicBezTo>
                    <a:pt x="134769" y="187109"/>
                    <a:pt x="138827" y="191071"/>
                    <a:pt x="138874" y="196025"/>
                  </a:cubicBezTo>
                  <a:cubicBezTo>
                    <a:pt x="138912" y="198806"/>
                    <a:pt x="137636" y="201454"/>
                    <a:pt x="135446" y="203168"/>
                  </a:cubicBezTo>
                  <a:lnTo>
                    <a:pt x="68771" y="256604"/>
                  </a:lnTo>
                  <a:cubicBezTo>
                    <a:pt x="67027" y="258089"/>
                    <a:pt x="64761" y="258813"/>
                    <a:pt x="62484" y="258604"/>
                  </a:cubicBezTo>
                  <a:close/>
                </a:path>
              </a:pathLst>
            </a:custGeom>
            <a:solidFill>
              <a:srgbClr val="265998"/>
            </a:solidFill>
            <a:ln w="9525" cap="flat">
              <a:noFill/>
              <a:prstDash val="solid"/>
              <a:miter/>
            </a:ln>
          </p:spPr>
          <p:txBody>
            <a:bodyPr rtlCol="0" anchor="ctr"/>
            <a:lstStyle/>
            <a:p>
              <a:endParaRPr lang="en-AU" sz="2400"/>
            </a:p>
          </p:txBody>
        </p:sp>
        <p:sp>
          <p:nvSpPr>
            <p:cNvPr id="201" name="Graphic 2">
              <a:extLst>
                <a:ext uri="{FF2B5EF4-FFF2-40B4-BE49-F238E27FC236}">
                  <a16:creationId xmlns:a16="http://schemas.microsoft.com/office/drawing/2014/main" id="{877696B3-52FA-5CA1-2BF6-C7346F12386C}"/>
                </a:ext>
              </a:extLst>
            </p:cNvPr>
            <p:cNvSpPr/>
            <p:nvPr/>
          </p:nvSpPr>
          <p:spPr>
            <a:xfrm>
              <a:off x="3263741" y="3670109"/>
              <a:ext cx="124872" cy="17906"/>
            </a:xfrm>
            <a:custGeom>
              <a:avLst/>
              <a:gdLst>
                <a:gd name="connsiteX0" fmla="*/ 8954 w 124872"/>
                <a:gd name="connsiteY0" fmla="*/ 17907 h 17906"/>
                <a:gd name="connsiteX1" fmla="*/ 0 w 124872"/>
                <a:gd name="connsiteY1" fmla="*/ 8954 h 17906"/>
                <a:gd name="connsiteX2" fmla="*/ 8954 w 124872"/>
                <a:gd name="connsiteY2" fmla="*/ 0 h 17906"/>
                <a:gd name="connsiteX3" fmla="*/ 115919 w 124872"/>
                <a:gd name="connsiteY3" fmla="*/ 0 h 17906"/>
                <a:gd name="connsiteX4" fmla="*/ 124873 w 124872"/>
                <a:gd name="connsiteY4" fmla="*/ 8954 h 17906"/>
                <a:gd name="connsiteX5" fmla="*/ 115919 w 1248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4872" h="17906">
                  <a:moveTo>
                    <a:pt x="8954" y="17907"/>
                  </a:moveTo>
                  <a:cubicBezTo>
                    <a:pt x="4010" y="17907"/>
                    <a:pt x="0" y="13897"/>
                    <a:pt x="0" y="8954"/>
                  </a:cubicBezTo>
                  <a:cubicBezTo>
                    <a:pt x="0" y="4010"/>
                    <a:pt x="4010" y="0"/>
                    <a:pt x="8954" y="0"/>
                  </a:cubicBezTo>
                  <a:lnTo>
                    <a:pt x="115919" y="0"/>
                  </a:lnTo>
                  <a:cubicBezTo>
                    <a:pt x="120863" y="0"/>
                    <a:pt x="124873" y="4010"/>
                    <a:pt x="124873" y="8954"/>
                  </a:cubicBezTo>
                  <a:cubicBezTo>
                    <a:pt x="124873" y="13897"/>
                    <a:pt x="120863" y="17907"/>
                    <a:pt x="115919" y="17907"/>
                  </a:cubicBezTo>
                  <a:close/>
                </a:path>
              </a:pathLst>
            </a:custGeom>
            <a:solidFill>
              <a:srgbClr val="265998"/>
            </a:solidFill>
            <a:ln w="9525" cap="flat">
              <a:noFill/>
              <a:prstDash val="solid"/>
              <a:miter/>
            </a:ln>
          </p:spPr>
          <p:txBody>
            <a:bodyPr rtlCol="0" anchor="ctr"/>
            <a:lstStyle/>
            <a:p>
              <a:endParaRPr lang="en-AU" sz="2400"/>
            </a:p>
          </p:txBody>
        </p:sp>
        <p:sp>
          <p:nvSpPr>
            <p:cNvPr id="202" name="Graphic 2">
              <a:extLst>
                <a:ext uri="{FF2B5EF4-FFF2-40B4-BE49-F238E27FC236}">
                  <a16:creationId xmlns:a16="http://schemas.microsoft.com/office/drawing/2014/main" id="{743AD386-E4EB-2738-1DF9-3BF8191E556F}"/>
                </a:ext>
              </a:extLst>
            </p:cNvPr>
            <p:cNvSpPr/>
            <p:nvPr/>
          </p:nvSpPr>
          <p:spPr>
            <a:xfrm>
              <a:off x="3264570" y="3710209"/>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grpSp>
      <p:grpSp>
        <p:nvGrpSpPr>
          <p:cNvPr id="13" name="Group 12">
            <a:extLst>
              <a:ext uri="{FF2B5EF4-FFF2-40B4-BE49-F238E27FC236}">
                <a16:creationId xmlns:a16="http://schemas.microsoft.com/office/drawing/2014/main" id="{8C9EA529-5652-AC64-CA9A-7DDF49AC82E9}"/>
              </a:ext>
            </a:extLst>
          </p:cNvPr>
          <p:cNvGrpSpPr/>
          <p:nvPr/>
        </p:nvGrpSpPr>
        <p:grpSpPr>
          <a:xfrm>
            <a:off x="613605" y="2485067"/>
            <a:ext cx="10964782" cy="1632548"/>
            <a:chOff x="1765335" y="2038176"/>
            <a:chExt cx="5600228" cy="1224411"/>
          </a:xfrm>
        </p:grpSpPr>
        <p:sp>
          <p:nvSpPr>
            <p:cNvPr id="213" name="Rectangle 212">
              <a:extLst>
                <a:ext uri="{FF2B5EF4-FFF2-40B4-BE49-F238E27FC236}">
                  <a16:creationId xmlns:a16="http://schemas.microsoft.com/office/drawing/2014/main" id="{1EA1BCCC-75E1-C0C3-AA30-10A764BE8E40}"/>
                </a:ext>
              </a:extLst>
            </p:cNvPr>
            <p:cNvSpPr/>
            <p:nvPr/>
          </p:nvSpPr>
          <p:spPr>
            <a:xfrm>
              <a:off x="1765335" y="2046151"/>
              <a:ext cx="1811793" cy="121643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sp>
          <p:nvSpPr>
            <p:cNvPr id="214" name="Rectangle 213">
              <a:extLst>
                <a:ext uri="{FF2B5EF4-FFF2-40B4-BE49-F238E27FC236}">
                  <a16:creationId xmlns:a16="http://schemas.microsoft.com/office/drawing/2014/main" id="{BE383F71-EF4B-F426-37EF-B917DC3CC7FE}"/>
                </a:ext>
              </a:extLst>
            </p:cNvPr>
            <p:cNvSpPr/>
            <p:nvPr/>
          </p:nvSpPr>
          <p:spPr>
            <a:xfrm>
              <a:off x="3659553" y="2046150"/>
              <a:ext cx="1811793" cy="121643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sp>
          <p:nvSpPr>
            <p:cNvPr id="215" name="Rectangle 214">
              <a:extLst>
                <a:ext uri="{FF2B5EF4-FFF2-40B4-BE49-F238E27FC236}">
                  <a16:creationId xmlns:a16="http://schemas.microsoft.com/office/drawing/2014/main" id="{B33656DC-7A47-13AD-1B78-4F860DC52EC7}"/>
                </a:ext>
              </a:extLst>
            </p:cNvPr>
            <p:cNvSpPr/>
            <p:nvPr/>
          </p:nvSpPr>
          <p:spPr>
            <a:xfrm>
              <a:off x="5553770" y="2038176"/>
              <a:ext cx="1811793" cy="121643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grpSp>
      <p:sp>
        <p:nvSpPr>
          <p:cNvPr id="15" name="TextBox 14">
            <a:extLst>
              <a:ext uri="{FF2B5EF4-FFF2-40B4-BE49-F238E27FC236}">
                <a16:creationId xmlns:a16="http://schemas.microsoft.com/office/drawing/2014/main" id="{77A73865-107E-11F7-9D74-47BED880A4F1}"/>
              </a:ext>
            </a:extLst>
          </p:cNvPr>
          <p:cNvSpPr txBox="1"/>
          <p:nvPr/>
        </p:nvSpPr>
        <p:spPr>
          <a:xfrm>
            <a:off x="787085" y="3202741"/>
            <a:ext cx="3198462" cy="738664"/>
          </a:xfrm>
          <a:prstGeom prst="rect">
            <a:avLst/>
          </a:prstGeom>
          <a:noFill/>
        </p:spPr>
        <p:txBody>
          <a:bodyPr wrap="square" rtlCol="0">
            <a:spAutoFit/>
          </a:bodyPr>
          <a:lstStyle/>
          <a:p>
            <a:pPr algn="ctr"/>
            <a: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Centering voices of people with lived and living experience and their supporters, family, carers and kin</a:t>
            </a:r>
          </a:p>
        </p:txBody>
      </p:sp>
      <p:sp>
        <p:nvSpPr>
          <p:cNvPr id="118" name="TextBox 117">
            <a:extLst>
              <a:ext uri="{FF2B5EF4-FFF2-40B4-BE49-F238E27FC236}">
                <a16:creationId xmlns:a16="http://schemas.microsoft.com/office/drawing/2014/main" id="{7584C8F1-0296-A860-1742-DDA36E128DC0}"/>
              </a:ext>
            </a:extLst>
          </p:cNvPr>
          <p:cNvSpPr txBox="1"/>
          <p:nvPr/>
        </p:nvSpPr>
        <p:spPr>
          <a:xfrm>
            <a:off x="4454473" y="3218179"/>
            <a:ext cx="3313472" cy="523220"/>
          </a:xfrm>
          <a:prstGeom prst="rect">
            <a:avLst/>
          </a:prstGeom>
          <a:noFill/>
        </p:spPr>
        <p:txBody>
          <a:bodyPr wrap="square" rtlCol="0">
            <a:spAutoFit/>
          </a:bodyPr>
          <a:lstStyle/>
          <a:p>
            <a:pPr algn="ctr"/>
            <a: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Strengthening accountability </a:t>
            </a:r>
            <a:b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br>
            <a: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and governance</a:t>
            </a:r>
          </a:p>
        </p:txBody>
      </p:sp>
      <p:sp>
        <p:nvSpPr>
          <p:cNvPr id="119" name="Rectangle 118">
            <a:extLst>
              <a:ext uri="{FF2B5EF4-FFF2-40B4-BE49-F238E27FC236}">
                <a16:creationId xmlns:a16="http://schemas.microsoft.com/office/drawing/2014/main" id="{1A7B3C9D-C7E4-43FB-5614-56FB4A63CB72}"/>
              </a:ext>
            </a:extLst>
          </p:cNvPr>
          <p:cNvSpPr/>
          <p:nvPr/>
        </p:nvSpPr>
        <p:spPr>
          <a:xfrm>
            <a:off x="8204517" y="3289999"/>
            <a:ext cx="3200399" cy="523220"/>
          </a:xfrm>
          <a:prstGeom prst="rect">
            <a:avLst/>
          </a:prstGeom>
          <a:noFill/>
        </p:spPr>
        <p:txBody>
          <a:bodyPr wrap="square">
            <a:spAutoFit/>
          </a:bodyPr>
          <a:lstStyle/>
          <a:p>
            <a:pPr algn="ctr"/>
            <a: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Ensuring commitments</a:t>
            </a:r>
            <a:b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br>
            <a:r>
              <a:rPr lang="en-US" sz="14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clearly link to objectives</a:t>
            </a:r>
          </a:p>
        </p:txBody>
      </p:sp>
      <p:sp>
        <p:nvSpPr>
          <p:cNvPr id="120" name="Rectangle 119">
            <a:extLst>
              <a:ext uri="{FF2B5EF4-FFF2-40B4-BE49-F238E27FC236}">
                <a16:creationId xmlns:a16="http://schemas.microsoft.com/office/drawing/2014/main" id="{9A443E53-612D-8A9C-FF1D-3FFCC76CAC9B}"/>
              </a:ext>
            </a:extLst>
          </p:cNvPr>
          <p:cNvSpPr/>
          <p:nvPr/>
        </p:nvSpPr>
        <p:spPr>
          <a:xfrm>
            <a:off x="613608" y="1942637"/>
            <a:ext cx="10964786" cy="40163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2400"/>
              </a:spcAft>
            </a:pPr>
            <a:r>
              <a:rPr lang="en-US" sz="1400" b="1">
                <a:solidFill>
                  <a:prstClr val="white"/>
                </a:solidFill>
                <a:latin typeface="Arial" panose="020B0604020202020204" pitchFamily="34" charset="0"/>
                <a:cs typeface="Arial" panose="020B0604020202020204" pitchFamily="34" charset="0"/>
              </a:rPr>
              <a:t>Significant opportunities to improve the next agreement </a:t>
            </a:r>
            <a:endParaRPr lang="en-US" sz="1400">
              <a:solidFill>
                <a:prstClr val="white"/>
              </a:solidFill>
              <a:latin typeface="Arial" panose="020B0604020202020204" pitchFamily="34" charset="0"/>
              <a:cs typeface="Arial" panose="020B0604020202020204" pitchFamily="34" charset="0"/>
            </a:endParaRPr>
          </a:p>
        </p:txBody>
      </p:sp>
      <p:sp>
        <p:nvSpPr>
          <p:cNvPr id="124" name="TextBox 123">
            <a:extLst>
              <a:ext uri="{FF2B5EF4-FFF2-40B4-BE49-F238E27FC236}">
                <a16:creationId xmlns:a16="http://schemas.microsoft.com/office/drawing/2014/main" id="{C34B7B53-E89D-107F-7EC4-EF719688C7A6}"/>
              </a:ext>
            </a:extLst>
          </p:cNvPr>
          <p:cNvSpPr txBox="1"/>
          <p:nvPr/>
        </p:nvSpPr>
        <p:spPr>
          <a:xfrm>
            <a:off x="613605" y="4773548"/>
            <a:ext cx="2592000" cy="1623600"/>
          </a:xfrm>
          <a:prstGeom prst="rect">
            <a:avLst/>
          </a:prstGeom>
          <a:solidFill>
            <a:schemeClr val="accent2">
              <a:lumMod val="20000"/>
              <a:lumOff val="80000"/>
            </a:schemeClr>
          </a:solidFill>
          <a:effectLst/>
        </p:spPr>
        <p:txBody>
          <a:bodyPr wrap="square" lIns="120000" tIns="96000" bIns="240000" rtlCol="0" anchor="b" anchorCtr="0">
            <a:noAutofit/>
          </a:bodyPr>
          <a:lstStyle/>
          <a:p>
            <a:pPr algn="ctr">
              <a:spcBef>
                <a:spcPts val="800"/>
              </a:spcBef>
            </a:pPr>
            <a:endParaRPr lang="en-AU">
              <a:solidFill>
                <a:schemeClr val="tx1"/>
              </a:solidFill>
              <a:latin typeface="Open Sans" panose="020B0606030504020204" pitchFamily="34" charset="0"/>
              <a:ea typeface="Open Sans" panose="020B0606030504020204" pitchFamily="34" charset="0"/>
              <a:cs typeface="Open Sans" panose="020B0606030504020204" pitchFamily="34" charset="0"/>
            </a:endParaRPr>
          </a:p>
          <a:p>
            <a:pPr algn="ctr">
              <a:spcBef>
                <a:spcPts val="800"/>
              </a:spcBef>
            </a:pPr>
            <a:r>
              <a:rPr lang="en-AU">
                <a:latin typeface="Open Sans" panose="020B0606030504020204" pitchFamily="34" charset="0"/>
                <a:ea typeface="Open Sans" panose="020B0606030504020204" pitchFamily="34" charset="0"/>
                <a:cs typeface="Open Sans" panose="020B0606030504020204" pitchFamily="34" charset="0"/>
              </a:rPr>
              <a:t>                                               </a:t>
            </a:r>
            <a:r>
              <a:rPr lang="en-AU" sz="1400">
                <a:solidFill>
                  <a:schemeClr val="tx1"/>
                </a:solidFill>
                <a:latin typeface="Open Sans" panose="020B0606030504020204" pitchFamily="34" charset="0"/>
                <a:ea typeface="Open Sans" panose="020B0606030504020204" pitchFamily="34" charset="0"/>
                <a:cs typeface="Open Sans" panose="020B0606030504020204" pitchFamily="34" charset="0"/>
              </a:rPr>
              <a:t>An overarching national strategy is needed to guide long-term reform</a:t>
            </a:r>
          </a:p>
        </p:txBody>
      </p:sp>
      <p:sp>
        <p:nvSpPr>
          <p:cNvPr id="3" name="Rectangle 2">
            <a:extLst>
              <a:ext uri="{FF2B5EF4-FFF2-40B4-BE49-F238E27FC236}">
                <a16:creationId xmlns:a16="http://schemas.microsoft.com/office/drawing/2014/main" id="{C88BA06B-B6E6-81FF-F1E1-2EB3DBEFDF42}"/>
              </a:ext>
            </a:extLst>
          </p:cNvPr>
          <p:cNvSpPr/>
          <p:nvPr/>
        </p:nvSpPr>
        <p:spPr>
          <a:xfrm>
            <a:off x="613609" y="4243636"/>
            <a:ext cx="10964782" cy="36247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2400"/>
              </a:spcAft>
            </a:pPr>
            <a:r>
              <a:rPr lang="en-US" sz="1400" b="1">
                <a:solidFill>
                  <a:prstClr val="white"/>
                </a:solidFill>
                <a:latin typeface="Arial" panose="020B0604020202020204" pitchFamily="34" charset="0"/>
                <a:cs typeface="Arial" panose="020B0604020202020204" pitchFamily="34" charset="0"/>
              </a:rPr>
              <a:t>Gaps that the next agreement can address</a:t>
            </a:r>
          </a:p>
        </p:txBody>
      </p:sp>
      <p:sp>
        <p:nvSpPr>
          <p:cNvPr id="5" name="TextBox 4">
            <a:extLst>
              <a:ext uri="{FF2B5EF4-FFF2-40B4-BE49-F238E27FC236}">
                <a16:creationId xmlns:a16="http://schemas.microsoft.com/office/drawing/2014/main" id="{D061683E-8EA9-66A7-A415-AD7D62503C14}"/>
              </a:ext>
            </a:extLst>
          </p:cNvPr>
          <p:cNvSpPr txBox="1"/>
          <p:nvPr/>
        </p:nvSpPr>
        <p:spPr>
          <a:xfrm>
            <a:off x="8989311" y="4773548"/>
            <a:ext cx="2592000" cy="1623600"/>
          </a:xfrm>
          <a:prstGeom prst="rect">
            <a:avLst/>
          </a:prstGeom>
          <a:solidFill>
            <a:schemeClr val="accent2">
              <a:lumMod val="20000"/>
              <a:lumOff val="80000"/>
            </a:schemeClr>
          </a:solidFill>
          <a:effectLst/>
        </p:spPr>
        <p:txBody>
          <a:bodyPr wrap="square" lIns="120000" tIns="96000" bIns="240000" rtlCol="0" anchor="b" anchorCtr="0">
            <a:noAutofit/>
          </a:bodyPr>
          <a:lstStyle/>
          <a:p>
            <a:pPr algn="ctr">
              <a:spcBef>
                <a:spcPts val="800"/>
              </a:spcBef>
              <a:spcAft>
                <a:spcPts val="1600"/>
              </a:spcAft>
            </a:pPr>
            <a:r>
              <a:rPr lang="en-AU" sz="1400">
                <a:latin typeface="Open Sans" panose="020B0606030504020204" pitchFamily="34" charset="0"/>
                <a:ea typeface="Open Sans" panose="020B0606030504020204" pitchFamily="34" charset="0"/>
                <a:cs typeface="Open Sans" panose="020B0606030504020204" pitchFamily="34" charset="0"/>
              </a:rPr>
              <a:t>Enhance</a:t>
            </a:r>
            <a:r>
              <a:rPr lang="en-AU" sz="1400">
                <a:solidFill>
                  <a:schemeClr val="tx1"/>
                </a:solidFill>
                <a:latin typeface="Open Sans" panose="020B0606030504020204" pitchFamily="34" charset="0"/>
                <a:ea typeface="Open Sans" panose="020B0606030504020204" pitchFamily="34" charset="0"/>
                <a:cs typeface="Open Sans" panose="020B0606030504020204" pitchFamily="34" charset="0"/>
              </a:rPr>
              <a:t> data collection, sharing and evaluation practices</a:t>
            </a:r>
          </a:p>
        </p:txBody>
      </p:sp>
      <p:sp>
        <p:nvSpPr>
          <p:cNvPr id="6" name="TextBox 5">
            <a:extLst>
              <a:ext uri="{FF2B5EF4-FFF2-40B4-BE49-F238E27FC236}">
                <a16:creationId xmlns:a16="http://schemas.microsoft.com/office/drawing/2014/main" id="{36B2C63D-4405-FB5E-33D4-AF4F8DCC7DFC}"/>
              </a:ext>
            </a:extLst>
          </p:cNvPr>
          <p:cNvSpPr txBox="1"/>
          <p:nvPr/>
        </p:nvSpPr>
        <p:spPr>
          <a:xfrm>
            <a:off x="6211119" y="4773548"/>
            <a:ext cx="2592000" cy="1623600"/>
          </a:xfrm>
          <a:prstGeom prst="rect">
            <a:avLst/>
          </a:prstGeom>
          <a:solidFill>
            <a:schemeClr val="accent2">
              <a:lumMod val="20000"/>
              <a:lumOff val="80000"/>
            </a:schemeClr>
          </a:solidFill>
          <a:effectLst/>
        </p:spPr>
        <p:txBody>
          <a:bodyPr wrap="square" lIns="120000" tIns="96000" bIns="240000" rtlCol="0" anchor="b" anchorCtr="0">
            <a:noAutofit/>
          </a:bodyPr>
          <a:lstStyle/>
          <a:p>
            <a:pPr algn="ctr">
              <a:spcBef>
                <a:spcPts val="800"/>
              </a:spcBef>
            </a:pPr>
            <a:r>
              <a:rPr lang="en-AU" sz="1400">
                <a:solidFill>
                  <a:schemeClr val="tx1"/>
                </a:solidFill>
                <a:latin typeface="Open Sans" panose="020B0606030504020204" pitchFamily="34" charset="0"/>
                <a:ea typeface="Open Sans" panose="020B0606030504020204" pitchFamily="34" charset="0"/>
                <a:cs typeface="Open Sans" panose="020B0606030504020204" pitchFamily="34" charset="0"/>
              </a:rPr>
              <a:t>Resolve the gap in the delivery of psychosocial supports outside the NDIS</a:t>
            </a:r>
          </a:p>
        </p:txBody>
      </p:sp>
      <p:grpSp>
        <p:nvGrpSpPr>
          <p:cNvPr id="7" name="Group 6">
            <a:extLst>
              <a:ext uri="{FF2B5EF4-FFF2-40B4-BE49-F238E27FC236}">
                <a16:creationId xmlns:a16="http://schemas.microsoft.com/office/drawing/2014/main" id="{6509B85C-0150-4BF3-260E-6E91B2B6C5E1}"/>
              </a:ext>
            </a:extLst>
          </p:cNvPr>
          <p:cNvGrpSpPr/>
          <p:nvPr/>
        </p:nvGrpSpPr>
        <p:grpSpPr>
          <a:xfrm>
            <a:off x="2074966" y="2541016"/>
            <a:ext cx="763325" cy="514040"/>
            <a:chOff x="1034700" y="3553226"/>
            <a:chExt cx="501557" cy="371771"/>
          </a:xfrm>
        </p:grpSpPr>
        <p:sp>
          <p:nvSpPr>
            <p:cNvPr id="8" name="Freeform: Shape 7">
              <a:extLst>
                <a:ext uri="{FF2B5EF4-FFF2-40B4-BE49-F238E27FC236}">
                  <a16:creationId xmlns:a16="http://schemas.microsoft.com/office/drawing/2014/main" id="{DAABAF4A-4F00-3110-0427-666A29D6D913}"/>
                </a:ext>
              </a:extLst>
            </p:cNvPr>
            <p:cNvSpPr/>
            <p:nvPr/>
          </p:nvSpPr>
          <p:spPr>
            <a:xfrm>
              <a:off x="1038606" y="3820033"/>
              <a:ext cx="125348" cy="64198"/>
            </a:xfrm>
            <a:custGeom>
              <a:avLst/>
              <a:gdLst>
                <a:gd name="connsiteX0" fmla="*/ 100774 w 125348"/>
                <a:gd name="connsiteY0" fmla="*/ 0 h 64198"/>
                <a:gd name="connsiteX1" fmla="*/ 91249 w 125348"/>
                <a:gd name="connsiteY1" fmla="*/ 0 h 64198"/>
                <a:gd name="connsiteX2" fmla="*/ 38576 w 125348"/>
                <a:gd name="connsiteY2" fmla="*/ 0 h 64198"/>
                <a:gd name="connsiteX3" fmla="*/ 34385 w 125348"/>
                <a:gd name="connsiteY3" fmla="*/ 0 h 64198"/>
                <a:gd name="connsiteX4" fmla="*/ 12668 w 125348"/>
                <a:gd name="connsiteY4" fmla="*/ 13430 h 64198"/>
                <a:gd name="connsiteX5" fmla="*/ 0 w 125348"/>
                <a:gd name="connsiteY5" fmla="*/ 64198 h 64198"/>
                <a:gd name="connsiteX6" fmla="*/ 125349 w 125348"/>
                <a:gd name="connsiteY6" fmla="*/ 64198 h 64198"/>
                <a:gd name="connsiteX7" fmla="*/ 125349 w 125348"/>
                <a:gd name="connsiteY7" fmla="*/ 20288 h 64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348" h="64198">
                  <a:moveTo>
                    <a:pt x="100774" y="0"/>
                  </a:moveTo>
                  <a:lnTo>
                    <a:pt x="91249" y="0"/>
                  </a:lnTo>
                  <a:cubicBezTo>
                    <a:pt x="74362" y="6858"/>
                    <a:pt x="55464" y="6858"/>
                    <a:pt x="38576" y="0"/>
                  </a:cubicBezTo>
                  <a:lnTo>
                    <a:pt x="34385" y="0"/>
                  </a:lnTo>
                  <a:lnTo>
                    <a:pt x="12668" y="13430"/>
                  </a:lnTo>
                  <a:lnTo>
                    <a:pt x="0" y="64198"/>
                  </a:lnTo>
                  <a:lnTo>
                    <a:pt x="125349" y="64198"/>
                  </a:lnTo>
                  <a:lnTo>
                    <a:pt x="125349" y="20288"/>
                  </a:lnTo>
                  <a:close/>
                </a:path>
              </a:pathLst>
            </a:custGeom>
            <a:solidFill>
              <a:srgbClr val="66BCDB"/>
            </a:solidFill>
            <a:ln w="9525" cap="flat">
              <a:noFill/>
              <a:prstDash val="solid"/>
              <a:miter/>
            </a:ln>
          </p:spPr>
          <p:txBody>
            <a:bodyPr rtlCol="0" anchor="ctr"/>
            <a:lstStyle/>
            <a:p>
              <a:pPr algn="ctr"/>
              <a:endParaRPr lang="en-AU" sz="153"/>
            </a:p>
          </p:txBody>
        </p:sp>
        <p:sp>
          <p:nvSpPr>
            <p:cNvPr id="9" name="Freeform: Shape 8">
              <a:extLst>
                <a:ext uri="{FF2B5EF4-FFF2-40B4-BE49-F238E27FC236}">
                  <a16:creationId xmlns:a16="http://schemas.microsoft.com/office/drawing/2014/main" id="{D068BFEB-A44E-A59B-AE12-D5DF21DC4C44}"/>
                </a:ext>
              </a:extLst>
            </p:cNvPr>
            <p:cNvSpPr/>
            <p:nvPr/>
          </p:nvSpPr>
          <p:spPr>
            <a:xfrm>
              <a:off x="1034700" y="3811555"/>
              <a:ext cx="138112" cy="81057"/>
            </a:xfrm>
            <a:custGeom>
              <a:avLst/>
              <a:gdLst>
                <a:gd name="connsiteX0" fmla="*/ 8953 w 138112"/>
                <a:gd name="connsiteY0" fmla="*/ 81058 h 81057"/>
                <a:gd name="connsiteX1" fmla="*/ 0 w 138112"/>
                <a:gd name="connsiteY1" fmla="*/ 72104 h 81057"/>
                <a:gd name="connsiteX2" fmla="*/ 35719 w 138112"/>
                <a:gd name="connsiteY2" fmla="*/ 95 h 81057"/>
                <a:gd name="connsiteX3" fmla="*/ 44672 w 138112"/>
                <a:gd name="connsiteY3" fmla="*/ 9049 h 81057"/>
                <a:gd name="connsiteX4" fmla="*/ 35719 w 138112"/>
                <a:gd name="connsiteY4" fmla="*/ 18002 h 81057"/>
                <a:gd name="connsiteX5" fmla="*/ 35243 w 138112"/>
                <a:gd name="connsiteY5" fmla="*/ 18002 h 81057"/>
                <a:gd name="connsiteX6" fmla="*/ 18288 w 138112"/>
                <a:gd name="connsiteY6" fmla="*/ 58103 h 81057"/>
                <a:gd name="connsiteX7" fmla="*/ 19336 w 138112"/>
                <a:gd name="connsiteY7" fmla="*/ 61532 h 81057"/>
                <a:gd name="connsiteX8" fmla="*/ 22669 w 138112"/>
                <a:gd name="connsiteY8" fmla="*/ 62960 h 81057"/>
                <a:gd name="connsiteX9" fmla="*/ 114871 w 138112"/>
                <a:gd name="connsiteY9" fmla="*/ 62960 h 81057"/>
                <a:gd name="connsiteX10" fmla="*/ 118110 w 138112"/>
                <a:gd name="connsiteY10" fmla="*/ 61532 h 81057"/>
                <a:gd name="connsiteX11" fmla="*/ 119158 w 138112"/>
                <a:gd name="connsiteY11" fmla="*/ 58103 h 81057"/>
                <a:gd name="connsiteX12" fmla="*/ 102013 w 138112"/>
                <a:gd name="connsiteY12" fmla="*/ 17907 h 81057"/>
                <a:gd name="connsiteX13" fmla="*/ 101441 w 138112"/>
                <a:gd name="connsiteY13" fmla="*/ 17907 h 81057"/>
                <a:gd name="connsiteX14" fmla="*/ 92865 w 138112"/>
                <a:gd name="connsiteY14" fmla="*/ 9154 h 81057"/>
                <a:gd name="connsiteX15" fmla="*/ 92869 w 138112"/>
                <a:gd name="connsiteY15" fmla="*/ 8954 h 81057"/>
                <a:gd name="connsiteX16" fmla="*/ 102394 w 138112"/>
                <a:gd name="connsiteY16" fmla="*/ 0 h 81057"/>
                <a:gd name="connsiteX17" fmla="*/ 138113 w 138112"/>
                <a:gd name="connsiteY17" fmla="*/ 72009 h 81057"/>
                <a:gd name="connsiteX18" fmla="*/ 129064 w 138112"/>
                <a:gd name="connsiteY18" fmla="*/ 80963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112" h="81057">
                  <a:moveTo>
                    <a:pt x="8953" y="81058"/>
                  </a:moveTo>
                  <a:cubicBezTo>
                    <a:pt x="4009" y="81058"/>
                    <a:pt x="0" y="77048"/>
                    <a:pt x="0" y="72104"/>
                  </a:cubicBezTo>
                  <a:cubicBezTo>
                    <a:pt x="0" y="10287"/>
                    <a:pt x="34290" y="95"/>
                    <a:pt x="35719" y="95"/>
                  </a:cubicBezTo>
                  <a:cubicBezTo>
                    <a:pt x="40663" y="95"/>
                    <a:pt x="44672" y="4105"/>
                    <a:pt x="44672" y="9049"/>
                  </a:cubicBezTo>
                  <a:cubicBezTo>
                    <a:pt x="44672" y="13992"/>
                    <a:pt x="40663" y="18002"/>
                    <a:pt x="35719" y="18002"/>
                  </a:cubicBezTo>
                  <a:lnTo>
                    <a:pt x="35243" y="18002"/>
                  </a:lnTo>
                  <a:cubicBezTo>
                    <a:pt x="28670" y="19050"/>
                    <a:pt x="20669" y="37052"/>
                    <a:pt x="18288" y="58103"/>
                  </a:cubicBezTo>
                  <a:cubicBezTo>
                    <a:pt x="18197" y="59341"/>
                    <a:pt x="18571" y="60560"/>
                    <a:pt x="19336" y="61532"/>
                  </a:cubicBezTo>
                  <a:cubicBezTo>
                    <a:pt x="20196" y="62456"/>
                    <a:pt x="21406" y="62979"/>
                    <a:pt x="22669" y="62960"/>
                  </a:cubicBezTo>
                  <a:lnTo>
                    <a:pt x="114871" y="62960"/>
                  </a:lnTo>
                  <a:cubicBezTo>
                    <a:pt x="116106" y="62970"/>
                    <a:pt x="117287" y="62456"/>
                    <a:pt x="118110" y="61532"/>
                  </a:cubicBezTo>
                  <a:cubicBezTo>
                    <a:pt x="118955" y="60608"/>
                    <a:pt x="119340" y="59341"/>
                    <a:pt x="119158" y="58103"/>
                  </a:cubicBezTo>
                  <a:cubicBezTo>
                    <a:pt x="116776" y="36862"/>
                    <a:pt x="108775" y="18860"/>
                    <a:pt x="102013" y="17907"/>
                  </a:cubicBezTo>
                  <a:lnTo>
                    <a:pt x="101441" y="17907"/>
                  </a:lnTo>
                  <a:cubicBezTo>
                    <a:pt x="96654" y="17859"/>
                    <a:pt x="92814" y="13935"/>
                    <a:pt x="92865" y="9154"/>
                  </a:cubicBezTo>
                  <a:cubicBezTo>
                    <a:pt x="92865" y="9087"/>
                    <a:pt x="92867" y="9020"/>
                    <a:pt x="92869" y="8954"/>
                  </a:cubicBezTo>
                  <a:cubicBezTo>
                    <a:pt x="93172" y="3915"/>
                    <a:pt x="97348" y="-9"/>
                    <a:pt x="102394" y="0"/>
                  </a:cubicBezTo>
                  <a:cubicBezTo>
                    <a:pt x="103822" y="0"/>
                    <a:pt x="138113" y="10192"/>
                    <a:pt x="138113" y="72009"/>
                  </a:cubicBezTo>
                  <a:cubicBezTo>
                    <a:pt x="137826" y="76867"/>
                    <a:pt x="133924" y="80724"/>
                    <a:pt x="129064" y="80963"/>
                  </a:cubicBezTo>
                  <a:close/>
                </a:path>
              </a:pathLst>
            </a:custGeom>
            <a:solidFill>
              <a:srgbClr val="265998"/>
            </a:solidFill>
            <a:ln w="9525" cap="flat">
              <a:noFill/>
              <a:prstDash val="solid"/>
              <a:miter/>
            </a:ln>
          </p:spPr>
          <p:txBody>
            <a:bodyPr rtlCol="0" anchor="ctr"/>
            <a:lstStyle/>
            <a:p>
              <a:pPr algn="ctr"/>
              <a:endParaRPr lang="en-AU" sz="153"/>
            </a:p>
          </p:txBody>
        </p:sp>
        <p:sp>
          <p:nvSpPr>
            <p:cNvPr id="10" name="Freeform: Shape 9">
              <a:extLst>
                <a:ext uri="{FF2B5EF4-FFF2-40B4-BE49-F238E27FC236}">
                  <a16:creationId xmlns:a16="http://schemas.microsoft.com/office/drawing/2014/main" id="{F39AE8A1-A9B2-BDC6-A2D0-FDFED1CB53C3}"/>
                </a:ext>
              </a:extLst>
            </p:cNvPr>
            <p:cNvSpPr/>
            <p:nvPr/>
          </p:nvSpPr>
          <p:spPr>
            <a:xfrm>
              <a:off x="1281923" y="3567119"/>
              <a:ext cx="252865" cy="200648"/>
            </a:xfrm>
            <a:custGeom>
              <a:avLst/>
              <a:gdLst>
                <a:gd name="connsiteX0" fmla="*/ 97297 w 252865"/>
                <a:gd name="connsiteY0" fmla="*/ 171474 h 200648"/>
                <a:gd name="connsiteX1" fmla="*/ 113299 w 252865"/>
                <a:gd name="connsiteY1" fmla="*/ 174808 h 200648"/>
                <a:gd name="connsiteX2" fmla="*/ 252173 w 252865"/>
                <a:gd name="connsiteY2" fmla="*/ 107561 h 200648"/>
                <a:gd name="connsiteX3" fmla="*/ 139683 w 252865"/>
                <a:gd name="connsiteY3" fmla="*/ 2025 h 200648"/>
                <a:gd name="connsiteX4" fmla="*/ 713 w 252865"/>
                <a:gd name="connsiteY4" fmla="*/ 69176 h 200648"/>
                <a:gd name="connsiteX5" fmla="*/ 39480 w 252865"/>
                <a:gd name="connsiteY5" fmla="*/ 144900 h 200648"/>
                <a:gd name="connsiteX6" fmla="*/ 43004 w 252865"/>
                <a:gd name="connsiteY6" fmla="*/ 153662 h 200648"/>
                <a:gd name="connsiteX7" fmla="*/ 36623 w 252865"/>
                <a:gd name="connsiteY7" fmla="*/ 195477 h 200648"/>
                <a:gd name="connsiteX8" fmla="*/ 38528 w 252865"/>
                <a:gd name="connsiteY8" fmla="*/ 199859 h 200648"/>
                <a:gd name="connsiteX9" fmla="*/ 40337 w 252865"/>
                <a:gd name="connsiteY9" fmla="*/ 200621 h 200648"/>
                <a:gd name="connsiteX10" fmla="*/ 43290 w 252865"/>
                <a:gd name="connsiteY10" fmla="*/ 200049 h 200648"/>
                <a:gd name="connsiteX11" fmla="*/ 90915 w 252865"/>
                <a:gd name="connsiteY11" fmla="*/ 172522 h 200648"/>
                <a:gd name="connsiteX12" fmla="*/ 96916 w 252865"/>
                <a:gd name="connsiteY12" fmla="*/ 171379 h 20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2865" h="200648">
                  <a:moveTo>
                    <a:pt x="97297" y="171474"/>
                  </a:moveTo>
                  <a:cubicBezTo>
                    <a:pt x="102571" y="172855"/>
                    <a:pt x="107912" y="173970"/>
                    <a:pt x="113299" y="174808"/>
                  </a:cubicBezTo>
                  <a:cubicBezTo>
                    <a:pt x="182641" y="185381"/>
                    <a:pt x="244934" y="155186"/>
                    <a:pt x="252173" y="107561"/>
                  </a:cubicBezTo>
                  <a:cubicBezTo>
                    <a:pt x="259412" y="59936"/>
                    <a:pt x="209025" y="12311"/>
                    <a:pt x="139683" y="2025"/>
                  </a:cubicBezTo>
                  <a:cubicBezTo>
                    <a:pt x="70341" y="-8263"/>
                    <a:pt x="7952" y="21646"/>
                    <a:pt x="713" y="69176"/>
                  </a:cubicBezTo>
                  <a:cubicBezTo>
                    <a:pt x="-3382" y="95941"/>
                    <a:pt x="10238" y="123564"/>
                    <a:pt x="39480" y="144900"/>
                  </a:cubicBezTo>
                  <a:cubicBezTo>
                    <a:pt x="42122" y="146995"/>
                    <a:pt x="43463" y="150319"/>
                    <a:pt x="43004" y="153662"/>
                  </a:cubicBezTo>
                  <a:lnTo>
                    <a:pt x="36623" y="195477"/>
                  </a:lnTo>
                  <a:cubicBezTo>
                    <a:pt x="36335" y="197182"/>
                    <a:pt x="37082" y="198906"/>
                    <a:pt x="38528" y="199859"/>
                  </a:cubicBezTo>
                  <a:cubicBezTo>
                    <a:pt x="39074" y="200230"/>
                    <a:pt x="39690" y="200488"/>
                    <a:pt x="40337" y="200621"/>
                  </a:cubicBezTo>
                  <a:cubicBezTo>
                    <a:pt x="41357" y="200726"/>
                    <a:pt x="42385" y="200526"/>
                    <a:pt x="43290" y="200049"/>
                  </a:cubicBezTo>
                  <a:lnTo>
                    <a:pt x="90915" y="172522"/>
                  </a:lnTo>
                  <a:cubicBezTo>
                    <a:pt x="92719" y="171446"/>
                    <a:pt x="94843" y="171046"/>
                    <a:pt x="96916" y="171379"/>
                  </a:cubicBezTo>
                  <a:close/>
                </a:path>
              </a:pathLst>
            </a:custGeom>
            <a:solidFill>
              <a:srgbClr val="C7E4F1"/>
            </a:solidFill>
            <a:ln w="9525" cap="flat">
              <a:noFill/>
              <a:prstDash val="solid"/>
              <a:miter/>
            </a:ln>
          </p:spPr>
          <p:txBody>
            <a:bodyPr rtlCol="0" anchor="ctr"/>
            <a:lstStyle/>
            <a:p>
              <a:pPr algn="ctr"/>
              <a:endParaRPr lang="en-AU" sz="153"/>
            </a:p>
          </p:txBody>
        </p:sp>
        <p:sp>
          <p:nvSpPr>
            <p:cNvPr id="11" name="Freeform: Shape 10">
              <a:extLst>
                <a:ext uri="{FF2B5EF4-FFF2-40B4-BE49-F238E27FC236}">
                  <a16:creationId xmlns:a16="http://schemas.microsoft.com/office/drawing/2014/main" id="{AE8ABE11-F24C-8920-5258-4D9AD49442CA}"/>
                </a:ext>
              </a:extLst>
            </p:cNvPr>
            <p:cNvSpPr/>
            <p:nvPr/>
          </p:nvSpPr>
          <p:spPr>
            <a:xfrm>
              <a:off x="1158049" y="3833463"/>
              <a:ext cx="161925" cy="80486"/>
            </a:xfrm>
            <a:custGeom>
              <a:avLst/>
              <a:gdLst>
                <a:gd name="connsiteX0" fmla="*/ 130969 w 161925"/>
                <a:gd name="connsiteY0" fmla="*/ 0 h 80486"/>
                <a:gd name="connsiteX1" fmla="*/ 118300 w 161925"/>
                <a:gd name="connsiteY1" fmla="*/ 0 h 80486"/>
                <a:gd name="connsiteX2" fmla="*/ 50006 w 161925"/>
                <a:gd name="connsiteY2" fmla="*/ 0 h 80486"/>
                <a:gd name="connsiteX3" fmla="*/ 44577 w 161925"/>
                <a:gd name="connsiteY3" fmla="*/ 0 h 80486"/>
                <a:gd name="connsiteX4" fmla="*/ 10096 w 161925"/>
                <a:gd name="connsiteY4" fmla="*/ 21812 h 80486"/>
                <a:gd name="connsiteX5" fmla="*/ 0 w 161925"/>
                <a:gd name="connsiteY5" fmla="*/ 80486 h 80486"/>
                <a:gd name="connsiteX6" fmla="*/ 161925 w 161925"/>
                <a:gd name="connsiteY6" fmla="*/ 80486 h 80486"/>
                <a:gd name="connsiteX7" fmla="*/ 161925 w 161925"/>
                <a:gd name="connsiteY7" fmla="*/ 35814 h 80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1925" h="80486">
                  <a:moveTo>
                    <a:pt x="130969" y="0"/>
                  </a:moveTo>
                  <a:lnTo>
                    <a:pt x="118300" y="0"/>
                  </a:lnTo>
                  <a:cubicBezTo>
                    <a:pt x="96379" y="8763"/>
                    <a:pt x="71928" y="8763"/>
                    <a:pt x="50006" y="0"/>
                  </a:cubicBezTo>
                  <a:lnTo>
                    <a:pt x="44577" y="0"/>
                  </a:lnTo>
                  <a:lnTo>
                    <a:pt x="10096" y="21812"/>
                  </a:lnTo>
                  <a:lnTo>
                    <a:pt x="0" y="80486"/>
                  </a:lnTo>
                  <a:lnTo>
                    <a:pt x="161925" y="80486"/>
                  </a:lnTo>
                  <a:lnTo>
                    <a:pt x="161925" y="35814"/>
                  </a:lnTo>
                  <a:close/>
                </a:path>
              </a:pathLst>
            </a:custGeom>
            <a:solidFill>
              <a:srgbClr val="66BCDB"/>
            </a:solidFill>
            <a:ln w="9525" cap="flat">
              <a:noFill/>
              <a:prstDash val="solid"/>
              <a:miter/>
            </a:ln>
          </p:spPr>
          <p:txBody>
            <a:bodyPr rtlCol="0" anchor="ctr"/>
            <a:lstStyle/>
            <a:p>
              <a:pPr algn="ctr"/>
              <a:endParaRPr lang="en-AU" sz="153"/>
            </a:p>
          </p:txBody>
        </p:sp>
        <p:sp>
          <p:nvSpPr>
            <p:cNvPr id="16" name="Freeform: Shape 15">
              <a:extLst>
                <a:ext uri="{FF2B5EF4-FFF2-40B4-BE49-F238E27FC236}">
                  <a16:creationId xmlns:a16="http://schemas.microsoft.com/office/drawing/2014/main" id="{E9752BC8-7D0C-EF72-606D-A8B9ED4A5153}"/>
                </a:ext>
              </a:extLst>
            </p:cNvPr>
            <p:cNvSpPr/>
            <p:nvPr/>
          </p:nvSpPr>
          <p:spPr>
            <a:xfrm>
              <a:off x="1068133" y="3705828"/>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2 h 107346"/>
                <a:gd name="connsiteX6" fmla="*/ 17907 w 71437"/>
                <a:gd name="connsiteY6" fmla="*/ 47625 h 107346"/>
                <a:gd name="connsiteX7" fmla="*/ 35719 w 71437"/>
                <a:gd name="connsiteY7" fmla="*/ 87821 h 107346"/>
                <a:gd name="connsiteX8" fmla="*/ 53435 w 71437"/>
                <a:gd name="connsiteY8" fmla="*/ 47625 h 107346"/>
                <a:gd name="connsiteX9" fmla="*/ 35719 w 71437"/>
                <a:gd name="connsiteY9" fmla="*/ 20288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724"/>
                    <a:pt x="0" y="47625"/>
                  </a:cubicBezTo>
                  <a:cubicBezTo>
                    <a:pt x="0" y="3810"/>
                    <a:pt x="27337" y="0"/>
                    <a:pt x="35719" y="0"/>
                  </a:cubicBezTo>
                  <a:cubicBezTo>
                    <a:pt x="44101" y="0"/>
                    <a:pt x="71438" y="3429"/>
                    <a:pt x="71438" y="47625"/>
                  </a:cubicBezTo>
                  <a:cubicBezTo>
                    <a:pt x="71438" y="82010"/>
                    <a:pt x="55817" y="107347"/>
                    <a:pt x="35719" y="107347"/>
                  </a:cubicBezTo>
                  <a:close/>
                  <a:moveTo>
                    <a:pt x="35719" y="20002"/>
                  </a:moveTo>
                  <a:cubicBezTo>
                    <a:pt x="28099" y="20002"/>
                    <a:pt x="17907" y="22860"/>
                    <a:pt x="17907" y="47625"/>
                  </a:cubicBezTo>
                  <a:cubicBezTo>
                    <a:pt x="17907" y="70675"/>
                    <a:pt x="27432" y="87821"/>
                    <a:pt x="35719" y="87821"/>
                  </a:cubicBezTo>
                  <a:cubicBezTo>
                    <a:pt x="44005" y="87821"/>
                    <a:pt x="53435" y="70675"/>
                    <a:pt x="53435" y="47625"/>
                  </a:cubicBezTo>
                  <a:cubicBezTo>
                    <a:pt x="53435" y="23146"/>
                    <a:pt x="43339" y="20288"/>
                    <a:pt x="35719" y="20288"/>
                  </a:cubicBezTo>
                  <a:close/>
                </a:path>
              </a:pathLst>
            </a:custGeom>
            <a:solidFill>
              <a:srgbClr val="265998"/>
            </a:solidFill>
            <a:ln w="9525" cap="flat">
              <a:noFill/>
              <a:prstDash val="solid"/>
              <a:miter/>
            </a:ln>
          </p:spPr>
          <p:txBody>
            <a:bodyPr rtlCol="0" anchor="ctr"/>
            <a:lstStyle/>
            <a:p>
              <a:pPr algn="ctr"/>
              <a:endParaRPr lang="en-AU" sz="153"/>
            </a:p>
          </p:txBody>
        </p:sp>
        <p:sp>
          <p:nvSpPr>
            <p:cNvPr id="17" name="Freeform: Shape 16">
              <a:extLst>
                <a:ext uri="{FF2B5EF4-FFF2-40B4-BE49-F238E27FC236}">
                  <a16:creationId xmlns:a16="http://schemas.microsoft.com/office/drawing/2014/main" id="{A2AF9F23-8999-2222-FB11-A9F76DB185DD}"/>
                </a:ext>
              </a:extLst>
            </p:cNvPr>
            <p:cNvSpPr/>
            <p:nvPr/>
          </p:nvSpPr>
          <p:spPr>
            <a:xfrm>
              <a:off x="1196435" y="3683920"/>
              <a:ext cx="92773" cy="138779"/>
            </a:xfrm>
            <a:custGeom>
              <a:avLst/>
              <a:gdLst>
                <a:gd name="connsiteX0" fmla="*/ 46387 w 92773"/>
                <a:gd name="connsiteY0" fmla="*/ 138779 h 138779"/>
                <a:gd name="connsiteX1" fmla="*/ 0 w 92773"/>
                <a:gd name="connsiteY1" fmla="*/ 61341 h 138779"/>
                <a:gd name="connsiteX2" fmla="*/ 46387 w 92773"/>
                <a:gd name="connsiteY2" fmla="*/ 0 h 138779"/>
                <a:gd name="connsiteX3" fmla="*/ 92773 w 92773"/>
                <a:gd name="connsiteY3" fmla="*/ 61341 h 138779"/>
                <a:gd name="connsiteX4" fmla="*/ 46387 w 92773"/>
                <a:gd name="connsiteY4" fmla="*/ 138779 h 138779"/>
                <a:gd name="connsiteX5" fmla="*/ 46387 w 92773"/>
                <a:gd name="connsiteY5" fmla="*/ 18193 h 138779"/>
                <a:gd name="connsiteX6" fmla="*/ 18383 w 92773"/>
                <a:gd name="connsiteY6" fmla="*/ 60008 h 138779"/>
                <a:gd name="connsiteX7" fmla="*/ 46387 w 92773"/>
                <a:gd name="connsiteY7" fmla="*/ 120682 h 138779"/>
                <a:gd name="connsiteX8" fmla="*/ 74295 w 92773"/>
                <a:gd name="connsiteY8" fmla="*/ 60008 h 138779"/>
                <a:gd name="connsiteX9" fmla="*/ 46387 w 92773"/>
                <a:gd name="connsiteY9" fmla="*/ 18002 h 138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2773" h="138779">
                  <a:moveTo>
                    <a:pt x="46387" y="138779"/>
                  </a:moveTo>
                  <a:cubicBezTo>
                    <a:pt x="19907" y="138779"/>
                    <a:pt x="0" y="105537"/>
                    <a:pt x="0" y="61341"/>
                  </a:cubicBezTo>
                  <a:cubicBezTo>
                    <a:pt x="0" y="4191"/>
                    <a:pt x="35528" y="0"/>
                    <a:pt x="46387" y="0"/>
                  </a:cubicBezTo>
                  <a:cubicBezTo>
                    <a:pt x="57245" y="0"/>
                    <a:pt x="92773" y="4382"/>
                    <a:pt x="92773" y="61341"/>
                  </a:cubicBezTo>
                  <a:cubicBezTo>
                    <a:pt x="92773" y="105346"/>
                    <a:pt x="72771" y="138779"/>
                    <a:pt x="46387" y="138779"/>
                  </a:cubicBezTo>
                  <a:close/>
                  <a:moveTo>
                    <a:pt x="46387" y="18193"/>
                  </a:moveTo>
                  <a:cubicBezTo>
                    <a:pt x="34385" y="18193"/>
                    <a:pt x="18383" y="22479"/>
                    <a:pt x="18383" y="60008"/>
                  </a:cubicBezTo>
                  <a:cubicBezTo>
                    <a:pt x="18383" y="94679"/>
                    <a:pt x="33147" y="120682"/>
                    <a:pt x="46387" y="120682"/>
                  </a:cubicBezTo>
                  <a:cubicBezTo>
                    <a:pt x="59626" y="120682"/>
                    <a:pt x="74295" y="94679"/>
                    <a:pt x="74295" y="60008"/>
                  </a:cubicBezTo>
                  <a:cubicBezTo>
                    <a:pt x="74295" y="22288"/>
                    <a:pt x="58388" y="18002"/>
                    <a:pt x="46387" y="18002"/>
                  </a:cubicBezTo>
                  <a:close/>
                </a:path>
              </a:pathLst>
            </a:custGeom>
            <a:solidFill>
              <a:srgbClr val="265998"/>
            </a:solidFill>
            <a:ln w="9525" cap="flat">
              <a:noFill/>
              <a:prstDash val="solid"/>
              <a:miter/>
            </a:ln>
          </p:spPr>
          <p:txBody>
            <a:bodyPr rtlCol="0" anchor="ctr"/>
            <a:lstStyle/>
            <a:p>
              <a:pPr algn="ctr"/>
              <a:endParaRPr lang="en-AU" sz="153"/>
            </a:p>
          </p:txBody>
        </p:sp>
        <p:sp>
          <p:nvSpPr>
            <p:cNvPr id="18" name="Freeform: Shape 17">
              <a:extLst>
                <a:ext uri="{FF2B5EF4-FFF2-40B4-BE49-F238E27FC236}">
                  <a16:creationId xmlns:a16="http://schemas.microsoft.com/office/drawing/2014/main" id="{C913DC54-C8FF-90E9-39A1-AF631D29A34B}"/>
                </a:ext>
              </a:extLst>
            </p:cNvPr>
            <p:cNvSpPr/>
            <p:nvPr/>
          </p:nvSpPr>
          <p:spPr>
            <a:xfrm>
              <a:off x="1153096" y="3822509"/>
              <a:ext cx="179165" cy="102488"/>
            </a:xfrm>
            <a:custGeom>
              <a:avLst/>
              <a:gdLst>
                <a:gd name="connsiteX0" fmla="*/ 11620 w 179165"/>
                <a:gd name="connsiteY0" fmla="*/ 102298 h 102488"/>
                <a:gd name="connsiteX1" fmla="*/ 0 w 179165"/>
                <a:gd name="connsiteY1" fmla="*/ 90583 h 102488"/>
                <a:gd name="connsiteX2" fmla="*/ 46291 w 179165"/>
                <a:gd name="connsiteY2" fmla="*/ 0 h 102488"/>
                <a:gd name="connsiteX3" fmla="*/ 58007 w 179165"/>
                <a:gd name="connsiteY3" fmla="*/ 11716 h 102488"/>
                <a:gd name="connsiteX4" fmla="*/ 40767 w 179165"/>
                <a:gd name="connsiteY4" fmla="*/ 22669 h 102488"/>
                <a:gd name="connsiteX5" fmla="*/ 40100 w 179165"/>
                <a:gd name="connsiteY5" fmla="*/ 22669 h 102488"/>
                <a:gd name="connsiteX6" fmla="*/ 21050 w 179165"/>
                <a:gd name="connsiteY6" fmla="*/ 77343 h 102488"/>
                <a:gd name="connsiteX7" fmla="*/ 22479 w 179165"/>
                <a:gd name="connsiteY7" fmla="*/ 81724 h 102488"/>
                <a:gd name="connsiteX8" fmla="*/ 26670 w 179165"/>
                <a:gd name="connsiteY8" fmla="*/ 83629 h 102488"/>
                <a:gd name="connsiteX9" fmla="*/ 153638 w 179165"/>
                <a:gd name="connsiteY9" fmla="*/ 84201 h 102488"/>
                <a:gd name="connsiteX10" fmla="*/ 157829 w 179165"/>
                <a:gd name="connsiteY10" fmla="*/ 82296 h 102488"/>
                <a:gd name="connsiteX11" fmla="*/ 159258 w 179165"/>
                <a:gd name="connsiteY11" fmla="*/ 77819 h 102488"/>
                <a:gd name="connsiteX12" fmla="*/ 139065 w 179165"/>
                <a:gd name="connsiteY12" fmla="*/ 23622 h 102488"/>
                <a:gd name="connsiteX13" fmla="*/ 138493 w 179165"/>
                <a:gd name="connsiteY13" fmla="*/ 23622 h 102488"/>
                <a:gd name="connsiteX14" fmla="*/ 120967 w 179165"/>
                <a:gd name="connsiteY14" fmla="*/ 11621 h 102488"/>
                <a:gd name="connsiteX15" fmla="*/ 132778 w 179165"/>
                <a:gd name="connsiteY15" fmla="*/ 190 h 102488"/>
                <a:gd name="connsiteX16" fmla="*/ 179165 w 179165"/>
                <a:gd name="connsiteY16" fmla="*/ 90773 h 102488"/>
                <a:gd name="connsiteX17" fmla="*/ 167545 w 179165"/>
                <a:gd name="connsiteY17" fmla="*/ 102489 h 1024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79165" h="102488">
                  <a:moveTo>
                    <a:pt x="11620" y="102298"/>
                  </a:moveTo>
                  <a:cubicBezTo>
                    <a:pt x="5187" y="102251"/>
                    <a:pt x="0" y="97012"/>
                    <a:pt x="0" y="90583"/>
                  </a:cubicBezTo>
                  <a:cubicBezTo>
                    <a:pt x="0" y="10477"/>
                    <a:pt x="44482" y="0"/>
                    <a:pt x="46291" y="0"/>
                  </a:cubicBezTo>
                  <a:cubicBezTo>
                    <a:pt x="52762" y="0"/>
                    <a:pt x="58007" y="5248"/>
                    <a:pt x="58007" y="11716"/>
                  </a:cubicBezTo>
                  <a:cubicBezTo>
                    <a:pt x="58007" y="17907"/>
                    <a:pt x="46958" y="22384"/>
                    <a:pt x="40767" y="22669"/>
                  </a:cubicBezTo>
                  <a:lnTo>
                    <a:pt x="40100" y="22669"/>
                  </a:lnTo>
                  <a:cubicBezTo>
                    <a:pt x="31528" y="24003"/>
                    <a:pt x="24384" y="50101"/>
                    <a:pt x="21050" y="77343"/>
                  </a:cubicBezTo>
                  <a:cubicBezTo>
                    <a:pt x="20878" y="78943"/>
                    <a:pt x="21398" y="80534"/>
                    <a:pt x="22479" y="81724"/>
                  </a:cubicBezTo>
                  <a:cubicBezTo>
                    <a:pt x="23524" y="82953"/>
                    <a:pt x="25059" y="83648"/>
                    <a:pt x="26670" y="83629"/>
                  </a:cubicBezTo>
                  <a:lnTo>
                    <a:pt x="153638" y="84201"/>
                  </a:lnTo>
                  <a:cubicBezTo>
                    <a:pt x="155238" y="84172"/>
                    <a:pt x="156754" y="83477"/>
                    <a:pt x="157829" y="82296"/>
                  </a:cubicBezTo>
                  <a:cubicBezTo>
                    <a:pt x="158948" y="81086"/>
                    <a:pt x="159472" y="79448"/>
                    <a:pt x="159258" y="77819"/>
                  </a:cubicBezTo>
                  <a:cubicBezTo>
                    <a:pt x="156115" y="50292"/>
                    <a:pt x="147828" y="24860"/>
                    <a:pt x="139065" y="23622"/>
                  </a:cubicBezTo>
                  <a:lnTo>
                    <a:pt x="138493" y="23622"/>
                  </a:lnTo>
                  <a:cubicBezTo>
                    <a:pt x="132302" y="23622"/>
                    <a:pt x="120967" y="18097"/>
                    <a:pt x="120967" y="11621"/>
                  </a:cubicBezTo>
                  <a:cubicBezTo>
                    <a:pt x="121268" y="5286"/>
                    <a:pt x="126441" y="286"/>
                    <a:pt x="132778" y="190"/>
                  </a:cubicBezTo>
                  <a:cubicBezTo>
                    <a:pt x="134683" y="190"/>
                    <a:pt x="179165" y="10668"/>
                    <a:pt x="179165" y="90773"/>
                  </a:cubicBezTo>
                  <a:cubicBezTo>
                    <a:pt x="179165" y="97203"/>
                    <a:pt x="173978" y="102441"/>
                    <a:pt x="167545" y="102489"/>
                  </a:cubicBezTo>
                  <a:close/>
                </a:path>
              </a:pathLst>
            </a:custGeom>
            <a:solidFill>
              <a:srgbClr val="265998"/>
            </a:solidFill>
            <a:ln w="9525" cap="flat">
              <a:noFill/>
              <a:prstDash val="solid"/>
              <a:miter/>
            </a:ln>
          </p:spPr>
          <p:txBody>
            <a:bodyPr rtlCol="0" anchor="ctr"/>
            <a:lstStyle/>
            <a:p>
              <a:pPr algn="ctr"/>
              <a:endParaRPr lang="en-AU" sz="153"/>
            </a:p>
          </p:txBody>
        </p:sp>
        <p:sp>
          <p:nvSpPr>
            <p:cNvPr id="19" name="Freeform: Shape 18">
              <a:extLst>
                <a:ext uri="{FF2B5EF4-FFF2-40B4-BE49-F238E27FC236}">
                  <a16:creationId xmlns:a16="http://schemas.microsoft.com/office/drawing/2014/main" id="{7CE55FF4-F4FB-7703-A2F9-63DC37EA7AEC}"/>
                </a:ext>
              </a:extLst>
            </p:cNvPr>
            <p:cNvSpPr/>
            <p:nvPr/>
          </p:nvSpPr>
          <p:spPr>
            <a:xfrm>
              <a:off x="1358074" y="3617341"/>
              <a:ext cx="84581" cy="17907"/>
            </a:xfrm>
            <a:custGeom>
              <a:avLst/>
              <a:gdLst>
                <a:gd name="connsiteX0" fmla="*/ 8953 w 84581"/>
                <a:gd name="connsiteY0" fmla="*/ 17907 h 17907"/>
                <a:gd name="connsiteX1" fmla="*/ 0 w 84581"/>
                <a:gd name="connsiteY1" fmla="*/ 8954 h 17907"/>
                <a:gd name="connsiteX2" fmla="*/ 8953 w 84581"/>
                <a:gd name="connsiteY2" fmla="*/ 0 h 17907"/>
                <a:gd name="connsiteX3" fmla="*/ 75628 w 84581"/>
                <a:gd name="connsiteY3" fmla="*/ 0 h 17907"/>
                <a:gd name="connsiteX4" fmla="*/ 84582 w 84581"/>
                <a:gd name="connsiteY4" fmla="*/ 8954 h 17907"/>
                <a:gd name="connsiteX5" fmla="*/ 75628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3" y="17907"/>
                  </a:moveTo>
                  <a:cubicBezTo>
                    <a:pt x="4008" y="17907"/>
                    <a:pt x="0" y="13897"/>
                    <a:pt x="0" y="8954"/>
                  </a:cubicBezTo>
                  <a:cubicBezTo>
                    <a:pt x="0" y="4010"/>
                    <a:pt x="4008" y="0"/>
                    <a:pt x="8953" y="0"/>
                  </a:cubicBezTo>
                  <a:lnTo>
                    <a:pt x="75628" y="0"/>
                  </a:lnTo>
                  <a:cubicBezTo>
                    <a:pt x="80573" y="0"/>
                    <a:pt x="84582" y="4010"/>
                    <a:pt x="84582" y="8954"/>
                  </a:cubicBezTo>
                  <a:cubicBezTo>
                    <a:pt x="84582" y="13897"/>
                    <a:pt x="80573" y="17907"/>
                    <a:pt x="75628" y="17907"/>
                  </a:cubicBezTo>
                  <a:close/>
                </a:path>
              </a:pathLst>
            </a:custGeom>
            <a:solidFill>
              <a:srgbClr val="265998"/>
            </a:solidFill>
            <a:ln w="9525" cap="flat">
              <a:noFill/>
              <a:prstDash val="solid"/>
              <a:miter/>
            </a:ln>
          </p:spPr>
          <p:txBody>
            <a:bodyPr rtlCol="0" anchor="ctr"/>
            <a:lstStyle/>
            <a:p>
              <a:pPr algn="ctr"/>
              <a:endParaRPr lang="en-AU" sz="153"/>
            </a:p>
          </p:txBody>
        </p:sp>
        <p:sp>
          <p:nvSpPr>
            <p:cNvPr id="20" name="Freeform: Shape 19">
              <a:extLst>
                <a:ext uri="{FF2B5EF4-FFF2-40B4-BE49-F238E27FC236}">
                  <a16:creationId xmlns:a16="http://schemas.microsoft.com/office/drawing/2014/main" id="{984AF875-643C-13AD-BE48-CF4110E93479}"/>
                </a:ext>
              </a:extLst>
            </p:cNvPr>
            <p:cNvSpPr/>
            <p:nvPr/>
          </p:nvSpPr>
          <p:spPr>
            <a:xfrm>
              <a:off x="1358074" y="3657441"/>
              <a:ext cx="98107" cy="17907"/>
            </a:xfrm>
            <a:custGeom>
              <a:avLst/>
              <a:gdLst>
                <a:gd name="connsiteX0" fmla="*/ 8953 w 98107"/>
                <a:gd name="connsiteY0" fmla="*/ 17907 h 17907"/>
                <a:gd name="connsiteX1" fmla="*/ 0 w 98107"/>
                <a:gd name="connsiteY1" fmla="*/ 8954 h 17907"/>
                <a:gd name="connsiteX2" fmla="*/ 8953 w 98107"/>
                <a:gd name="connsiteY2" fmla="*/ 0 h 17907"/>
                <a:gd name="connsiteX3" fmla="*/ 89154 w 98107"/>
                <a:gd name="connsiteY3" fmla="*/ 0 h 17907"/>
                <a:gd name="connsiteX4" fmla="*/ 98107 w 98107"/>
                <a:gd name="connsiteY4" fmla="*/ 8954 h 17907"/>
                <a:gd name="connsiteX5" fmla="*/ 89154 w 98107"/>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107" h="17907">
                  <a:moveTo>
                    <a:pt x="8953" y="17907"/>
                  </a:moveTo>
                  <a:cubicBezTo>
                    <a:pt x="4008" y="17907"/>
                    <a:pt x="0" y="13897"/>
                    <a:pt x="0" y="8954"/>
                  </a:cubicBezTo>
                  <a:cubicBezTo>
                    <a:pt x="0" y="4010"/>
                    <a:pt x="4008" y="0"/>
                    <a:pt x="8953" y="0"/>
                  </a:cubicBezTo>
                  <a:lnTo>
                    <a:pt x="89154" y="0"/>
                  </a:lnTo>
                  <a:cubicBezTo>
                    <a:pt x="94099" y="0"/>
                    <a:pt x="98107" y="4010"/>
                    <a:pt x="98107" y="8954"/>
                  </a:cubicBezTo>
                  <a:cubicBezTo>
                    <a:pt x="98107" y="13897"/>
                    <a:pt x="94099" y="17907"/>
                    <a:pt x="89154" y="17907"/>
                  </a:cubicBezTo>
                  <a:close/>
                </a:path>
              </a:pathLst>
            </a:custGeom>
            <a:solidFill>
              <a:srgbClr val="265998"/>
            </a:solidFill>
            <a:ln w="9525" cap="flat">
              <a:noFill/>
              <a:prstDash val="solid"/>
              <a:miter/>
            </a:ln>
          </p:spPr>
          <p:txBody>
            <a:bodyPr rtlCol="0" anchor="ctr"/>
            <a:lstStyle/>
            <a:p>
              <a:pPr algn="ctr"/>
              <a:endParaRPr lang="en-AU" sz="153"/>
            </a:p>
          </p:txBody>
        </p:sp>
        <p:sp>
          <p:nvSpPr>
            <p:cNvPr id="21" name="Freeform: Shape 20">
              <a:extLst>
                <a:ext uri="{FF2B5EF4-FFF2-40B4-BE49-F238E27FC236}">
                  <a16:creationId xmlns:a16="http://schemas.microsoft.com/office/drawing/2014/main" id="{3014B8F5-6E59-3654-A2A2-A31238893525}"/>
                </a:ext>
              </a:extLst>
            </p:cNvPr>
            <p:cNvSpPr/>
            <p:nvPr/>
          </p:nvSpPr>
          <p:spPr>
            <a:xfrm>
              <a:off x="1278909" y="3553226"/>
              <a:ext cx="257348" cy="234480"/>
            </a:xfrm>
            <a:custGeom>
              <a:avLst/>
              <a:gdLst>
                <a:gd name="connsiteX0" fmla="*/ 39541 w 257348"/>
                <a:gd name="connsiteY0" fmla="*/ 234326 h 234480"/>
                <a:gd name="connsiteX1" fmla="*/ 36016 w 257348"/>
                <a:gd name="connsiteY1" fmla="*/ 232897 h 234480"/>
                <a:gd name="connsiteX2" fmla="*/ 32016 w 257348"/>
                <a:gd name="connsiteY2" fmla="*/ 224039 h 234480"/>
                <a:gd name="connsiteX3" fmla="*/ 41541 w 257348"/>
                <a:gd name="connsiteY3" fmla="*/ 164698 h 234480"/>
                <a:gd name="connsiteX4" fmla="*/ 39922 w 257348"/>
                <a:gd name="connsiteY4" fmla="*/ 160603 h 234480"/>
                <a:gd name="connsiteX5" fmla="*/ 869 w 257348"/>
                <a:gd name="connsiteY5" fmla="*/ 77164 h 234480"/>
                <a:gd name="connsiteX6" fmla="*/ 143173 w 257348"/>
                <a:gd name="connsiteY6" fmla="*/ 1916 h 234480"/>
                <a:gd name="connsiteX7" fmla="*/ 256520 w 257348"/>
                <a:gd name="connsiteY7" fmla="*/ 116216 h 234480"/>
                <a:gd name="connsiteX8" fmla="*/ 114217 w 257348"/>
                <a:gd name="connsiteY8" fmla="*/ 191464 h 234480"/>
                <a:gd name="connsiteX9" fmla="*/ 113550 w 257348"/>
                <a:gd name="connsiteY9" fmla="*/ 191464 h 234480"/>
                <a:gd name="connsiteX10" fmla="*/ 110502 w 257348"/>
                <a:gd name="connsiteY10" fmla="*/ 192130 h 234480"/>
                <a:gd name="connsiteX11" fmla="*/ 46208 w 257348"/>
                <a:gd name="connsiteY11" fmla="*/ 233088 h 234480"/>
                <a:gd name="connsiteX12" fmla="*/ 39541 w 257348"/>
                <a:gd name="connsiteY12" fmla="*/ 234326 h 234480"/>
                <a:gd name="connsiteX13" fmla="*/ 140315 w 257348"/>
                <a:gd name="connsiteY13" fmla="*/ 19632 h 234480"/>
                <a:gd name="connsiteX14" fmla="*/ 18490 w 257348"/>
                <a:gd name="connsiteY14" fmla="*/ 79926 h 234480"/>
                <a:gd name="connsiteX15" fmla="*/ 56590 w 257348"/>
                <a:gd name="connsiteY15" fmla="*/ 150601 h 234480"/>
                <a:gd name="connsiteX16" fmla="*/ 60400 w 257348"/>
                <a:gd name="connsiteY16" fmla="*/ 159364 h 234480"/>
                <a:gd name="connsiteX17" fmla="*/ 54495 w 257348"/>
                <a:gd name="connsiteY17" fmla="*/ 197464 h 234480"/>
                <a:gd name="connsiteX18" fmla="*/ 56495 w 257348"/>
                <a:gd name="connsiteY18" fmla="*/ 201751 h 234480"/>
                <a:gd name="connsiteX19" fmla="*/ 58210 w 257348"/>
                <a:gd name="connsiteY19" fmla="*/ 202417 h 234480"/>
                <a:gd name="connsiteX20" fmla="*/ 61258 w 257348"/>
                <a:gd name="connsiteY20" fmla="*/ 201846 h 234480"/>
                <a:gd name="connsiteX21" fmla="*/ 104882 w 257348"/>
                <a:gd name="connsiteY21" fmla="*/ 174223 h 234480"/>
                <a:gd name="connsiteX22" fmla="*/ 110883 w 257348"/>
                <a:gd name="connsiteY22" fmla="*/ 172890 h 234480"/>
                <a:gd name="connsiteX23" fmla="*/ 110883 w 257348"/>
                <a:gd name="connsiteY23" fmla="*/ 172890 h 234480"/>
                <a:gd name="connsiteX24" fmla="*/ 112883 w 257348"/>
                <a:gd name="connsiteY24" fmla="*/ 172890 h 234480"/>
                <a:gd name="connsiteX25" fmla="*/ 115931 w 257348"/>
                <a:gd name="connsiteY25" fmla="*/ 173461 h 234480"/>
                <a:gd name="connsiteX26" fmla="*/ 237851 w 257348"/>
                <a:gd name="connsiteY26" fmla="*/ 113168 h 234480"/>
                <a:gd name="connsiteX27" fmla="*/ 140315 w 257348"/>
                <a:gd name="connsiteY27" fmla="*/ 19632 h 2344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57348" h="234480">
                  <a:moveTo>
                    <a:pt x="39541" y="234326"/>
                  </a:moveTo>
                  <a:cubicBezTo>
                    <a:pt x="38269" y="234136"/>
                    <a:pt x="37061" y="233650"/>
                    <a:pt x="36016" y="232897"/>
                  </a:cubicBezTo>
                  <a:cubicBezTo>
                    <a:pt x="33164" y="230897"/>
                    <a:pt x="31629" y="227497"/>
                    <a:pt x="32016" y="224039"/>
                  </a:cubicBezTo>
                  <a:lnTo>
                    <a:pt x="41541" y="164698"/>
                  </a:lnTo>
                  <a:cubicBezTo>
                    <a:pt x="41797" y="163136"/>
                    <a:pt x="41175" y="161565"/>
                    <a:pt x="39922" y="160603"/>
                  </a:cubicBezTo>
                  <a:cubicBezTo>
                    <a:pt x="10489" y="137647"/>
                    <a:pt x="-3798" y="107263"/>
                    <a:pt x="869" y="77164"/>
                  </a:cubicBezTo>
                  <a:cubicBezTo>
                    <a:pt x="8775" y="24966"/>
                    <a:pt x="72688" y="-8561"/>
                    <a:pt x="143173" y="1916"/>
                  </a:cubicBezTo>
                  <a:cubicBezTo>
                    <a:pt x="213658" y="12394"/>
                    <a:pt x="264521" y="63924"/>
                    <a:pt x="256520" y="116216"/>
                  </a:cubicBezTo>
                  <a:cubicBezTo>
                    <a:pt x="248519" y="168508"/>
                    <a:pt x="184702" y="201941"/>
                    <a:pt x="114217" y="191464"/>
                  </a:cubicBezTo>
                  <a:lnTo>
                    <a:pt x="113550" y="191464"/>
                  </a:lnTo>
                  <a:cubicBezTo>
                    <a:pt x="112486" y="191292"/>
                    <a:pt x="111398" y="191530"/>
                    <a:pt x="110502" y="192130"/>
                  </a:cubicBezTo>
                  <a:lnTo>
                    <a:pt x="46208" y="233088"/>
                  </a:lnTo>
                  <a:cubicBezTo>
                    <a:pt x="44213" y="234307"/>
                    <a:pt x="41840" y="234745"/>
                    <a:pt x="39541" y="234326"/>
                  </a:cubicBezTo>
                  <a:close/>
                  <a:moveTo>
                    <a:pt x="140315" y="19632"/>
                  </a:moveTo>
                  <a:cubicBezTo>
                    <a:pt x="79641" y="10107"/>
                    <a:pt x="24967" y="37444"/>
                    <a:pt x="18490" y="79926"/>
                  </a:cubicBezTo>
                  <a:cubicBezTo>
                    <a:pt x="14680" y="105167"/>
                    <a:pt x="28873" y="131551"/>
                    <a:pt x="56590" y="150601"/>
                  </a:cubicBezTo>
                  <a:cubicBezTo>
                    <a:pt x="59339" y="152630"/>
                    <a:pt x="60794" y="155974"/>
                    <a:pt x="60400" y="159364"/>
                  </a:cubicBezTo>
                  <a:lnTo>
                    <a:pt x="54495" y="197464"/>
                  </a:lnTo>
                  <a:cubicBezTo>
                    <a:pt x="54291" y="199160"/>
                    <a:pt x="55066" y="200817"/>
                    <a:pt x="56495" y="201751"/>
                  </a:cubicBezTo>
                  <a:cubicBezTo>
                    <a:pt x="57004" y="202113"/>
                    <a:pt x="57592" y="202341"/>
                    <a:pt x="58210" y="202417"/>
                  </a:cubicBezTo>
                  <a:cubicBezTo>
                    <a:pt x="59261" y="202617"/>
                    <a:pt x="60349" y="202408"/>
                    <a:pt x="61258" y="201846"/>
                  </a:cubicBezTo>
                  <a:lnTo>
                    <a:pt x="104882" y="174223"/>
                  </a:lnTo>
                  <a:cubicBezTo>
                    <a:pt x="106625" y="172995"/>
                    <a:pt x="108785" y="172518"/>
                    <a:pt x="110883" y="172890"/>
                  </a:cubicBezTo>
                  <a:lnTo>
                    <a:pt x="110883" y="172890"/>
                  </a:lnTo>
                  <a:lnTo>
                    <a:pt x="112883" y="172890"/>
                  </a:lnTo>
                  <a:lnTo>
                    <a:pt x="115931" y="173461"/>
                  </a:lnTo>
                  <a:cubicBezTo>
                    <a:pt x="176701" y="182986"/>
                    <a:pt x="231279" y="155649"/>
                    <a:pt x="237851" y="113168"/>
                  </a:cubicBezTo>
                  <a:cubicBezTo>
                    <a:pt x="244423" y="70687"/>
                    <a:pt x="200608" y="28967"/>
                    <a:pt x="140315" y="19632"/>
                  </a:cubicBezTo>
                  <a:close/>
                </a:path>
              </a:pathLst>
            </a:custGeom>
            <a:solidFill>
              <a:srgbClr val="265998"/>
            </a:solidFill>
            <a:ln w="9525" cap="flat">
              <a:noFill/>
              <a:prstDash val="solid"/>
              <a:miter/>
            </a:ln>
          </p:spPr>
          <p:txBody>
            <a:bodyPr rtlCol="0" anchor="ctr"/>
            <a:lstStyle/>
            <a:p>
              <a:pPr algn="ctr"/>
              <a:endParaRPr lang="en-AU" sz="153"/>
            </a:p>
          </p:txBody>
        </p:sp>
      </p:grpSp>
      <p:grpSp>
        <p:nvGrpSpPr>
          <p:cNvPr id="22" name="Group 21">
            <a:extLst>
              <a:ext uri="{FF2B5EF4-FFF2-40B4-BE49-F238E27FC236}">
                <a16:creationId xmlns:a16="http://schemas.microsoft.com/office/drawing/2014/main" id="{61DDECF3-DF70-0347-59EE-F97329259EC0}"/>
              </a:ext>
            </a:extLst>
          </p:cNvPr>
          <p:cNvGrpSpPr/>
          <p:nvPr/>
        </p:nvGrpSpPr>
        <p:grpSpPr>
          <a:xfrm>
            <a:off x="5902517" y="2656586"/>
            <a:ext cx="410447" cy="459301"/>
            <a:chOff x="1773368" y="2855245"/>
            <a:chExt cx="308892" cy="413387"/>
          </a:xfrm>
        </p:grpSpPr>
        <p:sp>
          <p:nvSpPr>
            <p:cNvPr id="23" name="Freeform: Shape 22">
              <a:extLst>
                <a:ext uri="{FF2B5EF4-FFF2-40B4-BE49-F238E27FC236}">
                  <a16:creationId xmlns:a16="http://schemas.microsoft.com/office/drawing/2014/main" id="{AB46A738-50F7-D62A-71E1-AAE0356E4CCD}"/>
                </a:ext>
              </a:extLst>
            </p:cNvPr>
            <p:cNvSpPr/>
            <p:nvPr/>
          </p:nvSpPr>
          <p:spPr>
            <a:xfrm>
              <a:off x="1921097" y="2860198"/>
              <a:ext cx="153162" cy="125158"/>
            </a:xfrm>
            <a:custGeom>
              <a:avLst/>
              <a:gdLst>
                <a:gd name="connsiteX0" fmla="*/ 286 w 153162"/>
                <a:gd name="connsiteY0" fmla="*/ 103251 h 125158"/>
                <a:gd name="connsiteX1" fmla="*/ 38386 w 153162"/>
                <a:gd name="connsiteY1" fmla="*/ 118777 h 125158"/>
                <a:gd name="connsiteX2" fmla="*/ 93059 w 153162"/>
                <a:gd name="connsiteY2" fmla="*/ 112586 h 125158"/>
                <a:gd name="connsiteX3" fmla="*/ 153162 w 153162"/>
                <a:gd name="connsiteY3" fmla="*/ 125158 h 125158"/>
                <a:gd name="connsiteX4" fmla="*/ 153162 w 153162"/>
                <a:gd name="connsiteY4" fmla="*/ 14383 h 125158"/>
                <a:gd name="connsiteX5" fmla="*/ 93059 w 153162"/>
                <a:gd name="connsiteY5" fmla="*/ 1905 h 125158"/>
                <a:gd name="connsiteX6" fmla="*/ 30766 w 153162"/>
                <a:gd name="connsiteY6" fmla="*/ 8001 h 125158"/>
                <a:gd name="connsiteX7" fmla="*/ 0 w 153162"/>
                <a:gd name="connsiteY7" fmla="*/ 0 h 125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3162" h="125158">
                  <a:moveTo>
                    <a:pt x="286" y="103251"/>
                  </a:moveTo>
                  <a:cubicBezTo>
                    <a:pt x="286" y="103251"/>
                    <a:pt x="25337" y="118777"/>
                    <a:pt x="38386" y="118777"/>
                  </a:cubicBezTo>
                  <a:cubicBezTo>
                    <a:pt x="51435" y="118777"/>
                    <a:pt x="69151" y="112586"/>
                    <a:pt x="93059" y="112586"/>
                  </a:cubicBezTo>
                  <a:cubicBezTo>
                    <a:pt x="113557" y="114148"/>
                    <a:pt x="133760" y="118377"/>
                    <a:pt x="153162" y="125158"/>
                  </a:cubicBezTo>
                  <a:lnTo>
                    <a:pt x="153162" y="14383"/>
                  </a:lnTo>
                  <a:cubicBezTo>
                    <a:pt x="133798" y="7468"/>
                    <a:pt x="113576" y="3267"/>
                    <a:pt x="93059" y="1905"/>
                  </a:cubicBezTo>
                  <a:cubicBezTo>
                    <a:pt x="67627" y="1905"/>
                    <a:pt x="47625" y="8001"/>
                    <a:pt x="30766" y="8001"/>
                  </a:cubicBezTo>
                  <a:cubicBezTo>
                    <a:pt x="20022" y="7772"/>
                    <a:pt x="9487" y="5039"/>
                    <a:pt x="0" y="0"/>
                  </a:cubicBezTo>
                  <a:close/>
                </a:path>
              </a:pathLst>
            </a:custGeom>
            <a:solidFill>
              <a:srgbClr val="C7E4F1"/>
            </a:solidFill>
            <a:ln w="9525" cap="flat">
              <a:noFill/>
              <a:prstDash val="solid"/>
              <a:miter/>
            </a:ln>
          </p:spPr>
          <p:txBody>
            <a:bodyPr rtlCol="0" anchor="ctr"/>
            <a:lstStyle/>
            <a:p>
              <a:endParaRPr lang="en-AU" sz="153"/>
            </a:p>
          </p:txBody>
        </p:sp>
        <p:sp>
          <p:nvSpPr>
            <p:cNvPr id="24" name="Freeform: Shape 23">
              <a:extLst>
                <a:ext uri="{FF2B5EF4-FFF2-40B4-BE49-F238E27FC236}">
                  <a16:creationId xmlns:a16="http://schemas.microsoft.com/office/drawing/2014/main" id="{7018EEA6-C3AF-4F66-7AF0-736FEE0D6C4A}"/>
                </a:ext>
              </a:extLst>
            </p:cNvPr>
            <p:cNvSpPr/>
            <p:nvPr/>
          </p:nvSpPr>
          <p:spPr>
            <a:xfrm>
              <a:off x="1913477" y="2855245"/>
              <a:ext cx="168783" cy="288988"/>
            </a:xfrm>
            <a:custGeom>
              <a:avLst/>
              <a:gdLst>
                <a:gd name="connsiteX0" fmla="*/ 12001 w 168783"/>
                <a:gd name="connsiteY0" fmla="*/ 116872 h 288988"/>
                <a:gd name="connsiteX1" fmla="*/ 12763 w 168783"/>
                <a:gd name="connsiteY1" fmla="*/ 101537 h 288988"/>
                <a:gd name="connsiteX2" fmla="*/ 32766 w 168783"/>
                <a:gd name="connsiteY2" fmla="*/ 111062 h 288988"/>
                <a:gd name="connsiteX3" fmla="*/ 62865 w 168783"/>
                <a:gd name="connsiteY3" fmla="*/ 118586 h 288988"/>
                <a:gd name="connsiteX4" fmla="*/ 78010 w 168783"/>
                <a:gd name="connsiteY4" fmla="*/ 116300 h 288988"/>
                <a:gd name="connsiteX5" fmla="*/ 109728 w 168783"/>
                <a:gd name="connsiteY5" fmla="*/ 112300 h 288988"/>
                <a:gd name="connsiteX6" fmla="*/ 153353 w 168783"/>
                <a:gd name="connsiteY6" fmla="*/ 121825 h 288988"/>
                <a:gd name="connsiteX7" fmla="*/ 153353 w 168783"/>
                <a:gd name="connsiteY7" fmla="*/ 27527 h 288988"/>
                <a:gd name="connsiteX8" fmla="*/ 109633 w 168783"/>
                <a:gd name="connsiteY8" fmla="*/ 17526 h 288988"/>
                <a:gd name="connsiteX9" fmla="*/ 78962 w 168783"/>
                <a:gd name="connsiteY9" fmla="*/ 20860 h 288988"/>
                <a:gd name="connsiteX10" fmla="*/ 56388 w 168783"/>
                <a:gd name="connsiteY10" fmla="*/ 23622 h 288988"/>
                <a:gd name="connsiteX11" fmla="*/ 27813 w 168783"/>
                <a:gd name="connsiteY11" fmla="*/ 15621 h 288988"/>
                <a:gd name="connsiteX12" fmla="*/ 15621 w 168783"/>
                <a:gd name="connsiteY12" fmla="*/ 15621 h 288988"/>
                <a:gd name="connsiteX13" fmla="*/ 15621 w 168783"/>
                <a:gd name="connsiteY13" fmla="*/ 281178 h 288988"/>
                <a:gd name="connsiteX14" fmla="*/ 7811 w 168783"/>
                <a:gd name="connsiteY14" fmla="*/ 288989 h 288988"/>
                <a:gd name="connsiteX15" fmla="*/ 0 w 168783"/>
                <a:gd name="connsiteY15" fmla="*/ 281178 h 288988"/>
                <a:gd name="connsiteX16" fmla="*/ 0 w 168783"/>
                <a:gd name="connsiteY16" fmla="*/ 7811 h 288988"/>
                <a:gd name="connsiteX17" fmla="*/ 7811 w 168783"/>
                <a:gd name="connsiteY17" fmla="*/ 0 h 288988"/>
                <a:gd name="connsiteX18" fmla="*/ 30004 w 168783"/>
                <a:gd name="connsiteY18" fmla="*/ 0 h 288988"/>
                <a:gd name="connsiteX19" fmla="*/ 34290 w 168783"/>
                <a:gd name="connsiteY19" fmla="*/ 1334 h 288988"/>
                <a:gd name="connsiteX20" fmla="*/ 56293 w 168783"/>
                <a:gd name="connsiteY20" fmla="*/ 8096 h 288988"/>
                <a:gd name="connsiteX21" fmla="*/ 76200 w 168783"/>
                <a:gd name="connsiteY21" fmla="*/ 5620 h 288988"/>
                <a:gd name="connsiteX22" fmla="*/ 109538 w 168783"/>
                <a:gd name="connsiteY22" fmla="*/ 1905 h 288988"/>
                <a:gd name="connsiteX23" fmla="*/ 164021 w 168783"/>
                <a:gd name="connsiteY23" fmla="*/ 15050 h 288988"/>
                <a:gd name="connsiteX24" fmla="*/ 168783 w 168783"/>
                <a:gd name="connsiteY24" fmla="*/ 22193 h 288988"/>
                <a:gd name="connsiteX25" fmla="*/ 168783 w 168783"/>
                <a:gd name="connsiteY25" fmla="*/ 133064 h 288988"/>
                <a:gd name="connsiteX26" fmla="*/ 165354 w 168783"/>
                <a:gd name="connsiteY26" fmla="*/ 139446 h 288988"/>
                <a:gd name="connsiteX27" fmla="*/ 158020 w 168783"/>
                <a:gd name="connsiteY27" fmla="*/ 140208 h 288988"/>
                <a:gd name="connsiteX28" fmla="*/ 109633 w 168783"/>
                <a:gd name="connsiteY28" fmla="*/ 128111 h 288988"/>
                <a:gd name="connsiteX29" fmla="*/ 81058 w 168783"/>
                <a:gd name="connsiteY29" fmla="*/ 131826 h 288988"/>
                <a:gd name="connsiteX30" fmla="*/ 62675 w 168783"/>
                <a:gd name="connsiteY30" fmla="*/ 134398 h 288988"/>
                <a:gd name="connsiteX31" fmla="*/ 37624 w 168783"/>
                <a:gd name="connsiteY31" fmla="*/ 129445 h 288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68783" h="288988">
                  <a:moveTo>
                    <a:pt x="12001" y="116872"/>
                  </a:moveTo>
                  <a:cubicBezTo>
                    <a:pt x="12001" y="114300"/>
                    <a:pt x="10668" y="102965"/>
                    <a:pt x="12763" y="101537"/>
                  </a:cubicBezTo>
                  <a:cubicBezTo>
                    <a:pt x="14859" y="100108"/>
                    <a:pt x="30385" y="110300"/>
                    <a:pt x="32766" y="111062"/>
                  </a:cubicBezTo>
                  <a:cubicBezTo>
                    <a:pt x="42434" y="114853"/>
                    <a:pt x="52549" y="117377"/>
                    <a:pt x="62865" y="118586"/>
                  </a:cubicBezTo>
                  <a:cubicBezTo>
                    <a:pt x="67970" y="118301"/>
                    <a:pt x="73047" y="117539"/>
                    <a:pt x="78010" y="116300"/>
                  </a:cubicBezTo>
                  <a:cubicBezTo>
                    <a:pt x="88411" y="113824"/>
                    <a:pt x="99041" y="112481"/>
                    <a:pt x="109728" y="112300"/>
                  </a:cubicBezTo>
                  <a:cubicBezTo>
                    <a:pt x="124654" y="113319"/>
                    <a:pt x="139360" y="116529"/>
                    <a:pt x="153353" y="121825"/>
                  </a:cubicBezTo>
                  <a:lnTo>
                    <a:pt x="153353" y="27527"/>
                  </a:lnTo>
                  <a:cubicBezTo>
                    <a:pt x="139379" y="21965"/>
                    <a:pt x="124635" y="18583"/>
                    <a:pt x="109633" y="17526"/>
                  </a:cubicBezTo>
                  <a:cubicBezTo>
                    <a:pt x="99336" y="17764"/>
                    <a:pt x="89068" y="18879"/>
                    <a:pt x="78962" y="20860"/>
                  </a:cubicBezTo>
                  <a:cubicBezTo>
                    <a:pt x="71533" y="22441"/>
                    <a:pt x="63979" y="23365"/>
                    <a:pt x="56388" y="23622"/>
                  </a:cubicBezTo>
                  <a:cubicBezTo>
                    <a:pt x="46339" y="23393"/>
                    <a:pt x="36519" y="20641"/>
                    <a:pt x="27813" y="15621"/>
                  </a:cubicBezTo>
                  <a:lnTo>
                    <a:pt x="15621" y="15621"/>
                  </a:lnTo>
                  <a:lnTo>
                    <a:pt x="15621" y="281178"/>
                  </a:lnTo>
                  <a:cubicBezTo>
                    <a:pt x="15621" y="285493"/>
                    <a:pt x="12125" y="288989"/>
                    <a:pt x="7811" y="288989"/>
                  </a:cubicBezTo>
                  <a:cubicBezTo>
                    <a:pt x="3496" y="288989"/>
                    <a:pt x="0" y="285493"/>
                    <a:pt x="0" y="281178"/>
                  </a:cubicBezTo>
                  <a:lnTo>
                    <a:pt x="0" y="7811"/>
                  </a:lnTo>
                  <a:cubicBezTo>
                    <a:pt x="0" y="3496"/>
                    <a:pt x="3496" y="0"/>
                    <a:pt x="7811" y="0"/>
                  </a:cubicBezTo>
                  <a:lnTo>
                    <a:pt x="30004" y="0"/>
                  </a:lnTo>
                  <a:cubicBezTo>
                    <a:pt x="31537" y="0"/>
                    <a:pt x="33023" y="467"/>
                    <a:pt x="34290" y="1334"/>
                  </a:cubicBezTo>
                  <a:cubicBezTo>
                    <a:pt x="40910" y="5467"/>
                    <a:pt x="48492" y="7801"/>
                    <a:pt x="56293" y="8096"/>
                  </a:cubicBezTo>
                  <a:cubicBezTo>
                    <a:pt x="62989" y="7820"/>
                    <a:pt x="69647" y="6991"/>
                    <a:pt x="76200" y="5620"/>
                  </a:cubicBezTo>
                  <a:cubicBezTo>
                    <a:pt x="87173" y="3372"/>
                    <a:pt x="98336" y="2124"/>
                    <a:pt x="109538" y="1905"/>
                  </a:cubicBezTo>
                  <a:cubicBezTo>
                    <a:pt x="128292" y="3296"/>
                    <a:pt x="146695" y="7734"/>
                    <a:pt x="164021" y="15050"/>
                  </a:cubicBezTo>
                  <a:cubicBezTo>
                    <a:pt x="166887" y="16269"/>
                    <a:pt x="168764" y="19079"/>
                    <a:pt x="168783" y="22193"/>
                  </a:cubicBezTo>
                  <a:lnTo>
                    <a:pt x="168783" y="133064"/>
                  </a:lnTo>
                  <a:cubicBezTo>
                    <a:pt x="168754" y="135627"/>
                    <a:pt x="167478" y="138008"/>
                    <a:pt x="165354" y="139446"/>
                  </a:cubicBezTo>
                  <a:cubicBezTo>
                    <a:pt x="163211" y="140961"/>
                    <a:pt x="160430" y="141256"/>
                    <a:pt x="158020" y="140208"/>
                  </a:cubicBezTo>
                  <a:cubicBezTo>
                    <a:pt x="142570" y="133836"/>
                    <a:pt x="126263" y="129759"/>
                    <a:pt x="109633" y="128111"/>
                  </a:cubicBezTo>
                  <a:cubicBezTo>
                    <a:pt x="100003" y="128311"/>
                    <a:pt x="90421" y="129559"/>
                    <a:pt x="81058" y="131826"/>
                  </a:cubicBezTo>
                  <a:cubicBezTo>
                    <a:pt x="75028" y="133255"/>
                    <a:pt x="68866" y="134122"/>
                    <a:pt x="62675" y="134398"/>
                  </a:cubicBezTo>
                  <a:cubicBezTo>
                    <a:pt x="54140" y="133864"/>
                    <a:pt x="45720" y="132198"/>
                    <a:pt x="37624" y="129445"/>
                  </a:cubicBezTo>
                </a:path>
              </a:pathLst>
            </a:custGeom>
            <a:solidFill>
              <a:srgbClr val="265998"/>
            </a:solidFill>
            <a:ln w="9525" cap="flat">
              <a:noFill/>
              <a:prstDash val="solid"/>
              <a:miter/>
            </a:ln>
          </p:spPr>
          <p:txBody>
            <a:bodyPr rtlCol="0" anchor="ctr"/>
            <a:lstStyle/>
            <a:p>
              <a:endParaRPr lang="en-AU" sz="153"/>
            </a:p>
          </p:txBody>
        </p:sp>
        <p:sp>
          <p:nvSpPr>
            <p:cNvPr id="25" name="Freeform: Shape 24">
              <a:extLst>
                <a:ext uri="{FF2B5EF4-FFF2-40B4-BE49-F238E27FC236}">
                  <a16:creationId xmlns:a16="http://schemas.microsoft.com/office/drawing/2014/main" id="{E5BD50F7-70BE-4D82-F00C-375DC95D927E}"/>
                </a:ext>
              </a:extLst>
            </p:cNvPr>
            <p:cNvSpPr/>
            <p:nvPr/>
          </p:nvSpPr>
          <p:spPr>
            <a:xfrm>
              <a:off x="1943094" y="3045841"/>
              <a:ext cx="126944" cy="222791"/>
            </a:xfrm>
            <a:custGeom>
              <a:avLst/>
              <a:gdLst>
                <a:gd name="connsiteX0" fmla="*/ 119258 w 126944"/>
                <a:gd name="connsiteY0" fmla="*/ 222790 h 222791"/>
                <a:gd name="connsiteX1" fmla="*/ 114591 w 126944"/>
                <a:gd name="connsiteY1" fmla="*/ 221171 h 222791"/>
                <a:gd name="connsiteX2" fmla="*/ 2767 w 126944"/>
                <a:gd name="connsiteY2" fmla="*/ 135446 h 222791"/>
                <a:gd name="connsiteX3" fmla="*/ 5 w 126944"/>
                <a:gd name="connsiteY3" fmla="*/ 129159 h 222791"/>
                <a:gd name="connsiteX4" fmla="*/ 5 w 126944"/>
                <a:gd name="connsiteY4" fmla="*/ 7810 h 222791"/>
                <a:gd name="connsiteX5" fmla="*/ 7720 w 126944"/>
                <a:gd name="connsiteY5" fmla="*/ 0 h 222791"/>
                <a:gd name="connsiteX6" fmla="*/ 15531 w 126944"/>
                <a:gd name="connsiteY6" fmla="*/ 7810 h 222791"/>
                <a:gd name="connsiteX7" fmla="*/ 15531 w 126944"/>
                <a:gd name="connsiteY7" fmla="*/ 125254 h 222791"/>
                <a:gd name="connsiteX8" fmla="*/ 123830 w 126944"/>
                <a:gd name="connsiteY8" fmla="*/ 208883 h 222791"/>
                <a:gd name="connsiteX9" fmla="*/ 125421 w 126944"/>
                <a:gd name="connsiteY9" fmla="*/ 219675 h 222791"/>
                <a:gd name="connsiteX10" fmla="*/ 119068 w 126944"/>
                <a:gd name="connsiteY10" fmla="*/ 222790 h 2227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944" h="222791">
                  <a:moveTo>
                    <a:pt x="119258" y="222790"/>
                  </a:moveTo>
                  <a:cubicBezTo>
                    <a:pt x="117563" y="222809"/>
                    <a:pt x="115915" y="222237"/>
                    <a:pt x="114591" y="221171"/>
                  </a:cubicBezTo>
                  <a:lnTo>
                    <a:pt x="2767" y="135446"/>
                  </a:lnTo>
                  <a:cubicBezTo>
                    <a:pt x="939" y="133883"/>
                    <a:pt x="-81" y="131569"/>
                    <a:pt x="5" y="129159"/>
                  </a:cubicBezTo>
                  <a:lnTo>
                    <a:pt x="5" y="7810"/>
                  </a:lnTo>
                  <a:cubicBezTo>
                    <a:pt x="5" y="3534"/>
                    <a:pt x="3443" y="48"/>
                    <a:pt x="7720" y="0"/>
                  </a:cubicBezTo>
                  <a:cubicBezTo>
                    <a:pt x="12035" y="0"/>
                    <a:pt x="15531" y="3496"/>
                    <a:pt x="15531" y="7810"/>
                  </a:cubicBezTo>
                  <a:lnTo>
                    <a:pt x="15531" y="125254"/>
                  </a:lnTo>
                  <a:lnTo>
                    <a:pt x="123830" y="208883"/>
                  </a:lnTo>
                  <a:cubicBezTo>
                    <a:pt x="127249" y="211426"/>
                    <a:pt x="127964" y="216256"/>
                    <a:pt x="125421" y="219675"/>
                  </a:cubicBezTo>
                  <a:cubicBezTo>
                    <a:pt x="123935" y="221685"/>
                    <a:pt x="121563" y="222837"/>
                    <a:pt x="119068" y="222790"/>
                  </a:cubicBezTo>
                  <a:close/>
                </a:path>
              </a:pathLst>
            </a:custGeom>
            <a:solidFill>
              <a:srgbClr val="265998"/>
            </a:solidFill>
            <a:ln w="9525" cap="flat">
              <a:noFill/>
              <a:prstDash val="solid"/>
              <a:miter/>
            </a:ln>
          </p:spPr>
          <p:txBody>
            <a:bodyPr rtlCol="0" anchor="ctr"/>
            <a:lstStyle/>
            <a:p>
              <a:endParaRPr lang="en-AU" sz="153"/>
            </a:p>
          </p:txBody>
        </p:sp>
        <p:sp>
          <p:nvSpPr>
            <p:cNvPr id="26" name="Freeform: Shape 25">
              <a:extLst>
                <a:ext uri="{FF2B5EF4-FFF2-40B4-BE49-F238E27FC236}">
                  <a16:creationId xmlns:a16="http://schemas.microsoft.com/office/drawing/2014/main" id="{BDA1EE5B-7465-A6A1-926E-18CB60ACE8DD}"/>
                </a:ext>
              </a:extLst>
            </p:cNvPr>
            <p:cNvSpPr/>
            <p:nvPr/>
          </p:nvSpPr>
          <p:spPr>
            <a:xfrm>
              <a:off x="1773368" y="3045841"/>
              <a:ext cx="127345" cy="222789"/>
            </a:xfrm>
            <a:custGeom>
              <a:avLst/>
              <a:gdLst>
                <a:gd name="connsiteX0" fmla="*/ 7806 w 127345"/>
                <a:gd name="connsiteY0" fmla="*/ 222790 h 222789"/>
                <a:gd name="connsiteX1" fmla="*/ 1615 w 127345"/>
                <a:gd name="connsiteY1" fmla="*/ 219742 h 222789"/>
                <a:gd name="connsiteX2" fmla="*/ 2996 w 127345"/>
                <a:gd name="connsiteY2" fmla="*/ 208921 h 222789"/>
                <a:gd name="connsiteX3" fmla="*/ 3044 w 127345"/>
                <a:gd name="connsiteY3" fmla="*/ 208883 h 222789"/>
                <a:gd name="connsiteX4" fmla="*/ 111819 w 127345"/>
                <a:gd name="connsiteY4" fmla="*/ 125254 h 222789"/>
                <a:gd name="connsiteX5" fmla="*/ 111819 w 127345"/>
                <a:gd name="connsiteY5" fmla="*/ 7810 h 222789"/>
                <a:gd name="connsiteX6" fmla="*/ 119535 w 127345"/>
                <a:gd name="connsiteY6" fmla="*/ 0 h 222789"/>
                <a:gd name="connsiteX7" fmla="*/ 127345 w 127345"/>
                <a:gd name="connsiteY7" fmla="*/ 7810 h 222789"/>
                <a:gd name="connsiteX8" fmla="*/ 127345 w 127345"/>
                <a:gd name="connsiteY8" fmla="*/ 129159 h 222789"/>
                <a:gd name="connsiteX9" fmla="*/ 124297 w 127345"/>
                <a:gd name="connsiteY9" fmla="*/ 135350 h 222789"/>
                <a:gd name="connsiteX10" fmla="*/ 12569 w 127345"/>
                <a:gd name="connsiteY10" fmla="*/ 221075 h 222789"/>
                <a:gd name="connsiteX11" fmla="*/ 7806 w 127345"/>
                <a:gd name="connsiteY11" fmla="*/ 222790 h 2227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7345" h="222789">
                  <a:moveTo>
                    <a:pt x="7806" y="222790"/>
                  </a:moveTo>
                  <a:cubicBezTo>
                    <a:pt x="5377" y="222790"/>
                    <a:pt x="3091" y="221666"/>
                    <a:pt x="1615" y="219742"/>
                  </a:cubicBezTo>
                  <a:cubicBezTo>
                    <a:pt x="-995" y="216370"/>
                    <a:pt x="-376" y="211522"/>
                    <a:pt x="2996" y="208921"/>
                  </a:cubicBezTo>
                  <a:cubicBezTo>
                    <a:pt x="3015" y="208902"/>
                    <a:pt x="3025" y="208893"/>
                    <a:pt x="3044" y="208883"/>
                  </a:cubicBezTo>
                  <a:lnTo>
                    <a:pt x="111819" y="125254"/>
                  </a:lnTo>
                  <a:lnTo>
                    <a:pt x="111819" y="7810"/>
                  </a:lnTo>
                  <a:cubicBezTo>
                    <a:pt x="111819" y="3534"/>
                    <a:pt x="115258" y="48"/>
                    <a:pt x="119535" y="0"/>
                  </a:cubicBezTo>
                  <a:cubicBezTo>
                    <a:pt x="123849" y="0"/>
                    <a:pt x="127345" y="3496"/>
                    <a:pt x="127345" y="7810"/>
                  </a:cubicBezTo>
                  <a:lnTo>
                    <a:pt x="127345" y="129159"/>
                  </a:lnTo>
                  <a:cubicBezTo>
                    <a:pt x="127316" y="131578"/>
                    <a:pt x="126193" y="133855"/>
                    <a:pt x="124297" y="135350"/>
                  </a:cubicBezTo>
                  <a:lnTo>
                    <a:pt x="12569" y="221075"/>
                  </a:lnTo>
                  <a:cubicBezTo>
                    <a:pt x="11226" y="222171"/>
                    <a:pt x="9540" y="222780"/>
                    <a:pt x="7806" y="222790"/>
                  </a:cubicBezTo>
                  <a:close/>
                </a:path>
              </a:pathLst>
            </a:custGeom>
            <a:solidFill>
              <a:srgbClr val="265998"/>
            </a:solidFill>
            <a:ln w="9525" cap="flat">
              <a:noFill/>
              <a:prstDash val="solid"/>
              <a:miter/>
            </a:ln>
          </p:spPr>
          <p:txBody>
            <a:bodyPr rtlCol="0" anchor="ctr"/>
            <a:lstStyle/>
            <a:p>
              <a:endParaRPr lang="en-AU" sz="153"/>
            </a:p>
          </p:txBody>
        </p:sp>
      </p:grpSp>
      <p:pic>
        <p:nvPicPr>
          <p:cNvPr id="39" name="Graphic 38" descr="Link with solid fill">
            <a:extLst>
              <a:ext uri="{FF2B5EF4-FFF2-40B4-BE49-F238E27FC236}">
                <a16:creationId xmlns:a16="http://schemas.microsoft.com/office/drawing/2014/main" id="{D5314D68-AFB3-002A-B793-84A106737A8F}"/>
              </a:ext>
            </a:extLst>
          </p:cNvPr>
          <p:cNvPicPr>
            <a:picLocks noChangeAspect="1"/>
          </p:cNvPicPr>
          <p:nvPr/>
        </p:nvPicPr>
        <p:blipFill>
          <a:blip>
            <a:extLst>
              <a:ext uri="{96DAC541-7B7A-43D3-8B79-37D633B846F1}">
                <asvg:svgBlip xmlns:asvg="http://schemas.microsoft.com/office/drawing/2016/SVG/main" r:embed="rId5"/>
              </a:ext>
            </a:extLst>
          </a:blip>
          <a:stretch>
            <a:fillRect/>
          </a:stretch>
        </p:blipFill>
        <p:spPr>
          <a:xfrm>
            <a:off x="9303111" y="2448263"/>
            <a:ext cx="788289" cy="788289"/>
          </a:xfrm>
          <a:prstGeom prst="rect">
            <a:avLst/>
          </a:prstGeom>
        </p:spPr>
      </p:pic>
      <p:grpSp>
        <p:nvGrpSpPr>
          <p:cNvPr id="40" name="Group 39">
            <a:extLst>
              <a:ext uri="{FF2B5EF4-FFF2-40B4-BE49-F238E27FC236}">
                <a16:creationId xmlns:a16="http://schemas.microsoft.com/office/drawing/2014/main" id="{B8D351CC-9CCE-8E1D-3840-57B6E5E2F28D}"/>
              </a:ext>
            </a:extLst>
          </p:cNvPr>
          <p:cNvGrpSpPr/>
          <p:nvPr/>
        </p:nvGrpSpPr>
        <p:grpSpPr>
          <a:xfrm>
            <a:off x="4574018" y="4913030"/>
            <a:ext cx="513617" cy="511487"/>
            <a:chOff x="3253549" y="2205432"/>
            <a:chExt cx="419489" cy="400829"/>
          </a:xfrm>
        </p:grpSpPr>
        <p:sp>
          <p:nvSpPr>
            <p:cNvPr id="41" name="Graphic 2">
              <a:extLst>
                <a:ext uri="{FF2B5EF4-FFF2-40B4-BE49-F238E27FC236}">
                  <a16:creationId xmlns:a16="http://schemas.microsoft.com/office/drawing/2014/main" id="{859A3B5F-DE54-260E-329C-513B636E8798}"/>
                </a:ext>
              </a:extLst>
            </p:cNvPr>
            <p:cNvSpPr/>
            <p:nvPr/>
          </p:nvSpPr>
          <p:spPr>
            <a:xfrm>
              <a:off x="3535298" y="2220595"/>
              <a:ext cx="123063" cy="123063"/>
            </a:xfrm>
            <a:custGeom>
              <a:avLst/>
              <a:gdLst>
                <a:gd name="connsiteX0" fmla="*/ 123063 w 123063"/>
                <a:gd name="connsiteY0" fmla="*/ 61436 h 123063"/>
                <a:gd name="connsiteX1" fmla="*/ 61627 w 123063"/>
                <a:gd name="connsiteY1" fmla="*/ 123063 h 123063"/>
                <a:gd name="connsiteX2" fmla="*/ 0 w 123063"/>
                <a:gd name="connsiteY2" fmla="*/ 61627 h 123063"/>
                <a:gd name="connsiteX3" fmla="*/ 61436 w 123063"/>
                <a:gd name="connsiteY3" fmla="*/ 0 h 123063"/>
                <a:gd name="connsiteX4" fmla="*/ 61532 w 123063"/>
                <a:gd name="connsiteY4" fmla="*/ 0 h 123063"/>
                <a:gd name="connsiteX5" fmla="*/ 123063 w 123063"/>
                <a:gd name="connsiteY5" fmla="*/ 61436 h 123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063" h="123063">
                  <a:moveTo>
                    <a:pt x="123063" y="61436"/>
                  </a:moveTo>
                  <a:cubicBezTo>
                    <a:pt x="123120" y="95421"/>
                    <a:pt x="95612" y="123006"/>
                    <a:pt x="61627" y="123063"/>
                  </a:cubicBezTo>
                  <a:cubicBezTo>
                    <a:pt x="27642" y="123120"/>
                    <a:pt x="57" y="95612"/>
                    <a:pt x="0" y="61627"/>
                  </a:cubicBezTo>
                  <a:cubicBezTo>
                    <a:pt x="-57" y="27641"/>
                    <a:pt x="27451" y="57"/>
                    <a:pt x="61436" y="0"/>
                  </a:cubicBezTo>
                  <a:cubicBezTo>
                    <a:pt x="61465" y="0"/>
                    <a:pt x="61503" y="0"/>
                    <a:pt x="61532" y="0"/>
                  </a:cubicBezTo>
                  <a:cubicBezTo>
                    <a:pt x="95479" y="0"/>
                    <a:pt x="123006" y="27489"/>
                    <a:pt x="123063" y="61436"/>
                  </a:cubicBezTo>
                  <a:close/>
                </a:path>
              </a:pathLst>
            </a:custGeom>
            <a:solidFill>
              <a:srgbClr val="66B9DA"/>
            </a:solidFill>
            <a:ln w="9525" cap="flat">
              <a:noFill/>
              <a:prstDash val="solid"/>
              <a:miter/>
            </a:ln>
          </p:spPr>
          <p:txBody>
            <a:bodyPr rtlCol="0" anchor="ctr"/>
            <a:lstStyle/>
            <a:p>
              <a:endParaRPr lang="en-AU" sz="153"/>
            </a:p>
          </p:txBody>
        </p:sp>
        <p:sp>
          <p:nvSpPr>
            <p:cNvPr id="42" name="Graphic 2">
              <a:extLst>
                <a:ext uri="{FF2B5EF4-FFF2-40B4-BE49-F238E27FC236}">
                  <a16:creationId xmlns:a16="http://schemas.microsoft.com/office/drawing/2014/main" id="{6BDC1498-9A93-2312-3FE8-153864FDA90D}"/>
                </a:ext>
              </a:extLst>
            </p:cNvPr>
            <p:cNvSpPr/>
            <p:nvPr/>
          </p:nvSpPr>
          <p:spPr>
            <a:xfrm>
              <a:off x="3253549" y="2205432"/>
              <a:ext cx="419489" cy="400829"/>
            </a:xfrm>
            <a:custGeom>
              <a:avLst/>
              <a:gdLst>
                <a:gd name="connsiteX0" fmla="*/ 35719 w 419489"/>
                <a:gd name="connsiteY0" fmla="*/ 400830 h 400829"/>
                <a:gd name="connsiteX1" fmla="*/ 0 w 419489"/>
                <a:gd name="connsiteY1" fmla="*/ 365111 h 400829"/>
                <a:gd name="connsiteX2" fmla="*/ 35719 w 419489"/>
                <a:gd name="connsiteY2" fmla="*/ 329392 h 400829"/>
                <a:gd name="connsiteX3" fmla="*/ 223076 w 419489"/>
                <a:gd name="connsiteY3" fmla="*/ 329392 h 400829"/>
                <a:gd name="connsiteX4" fmla="*/ 239535 w 419489"/>
                <a:gd name="connsiteY4" fmla="*/ 310323 h 400829"/>
                <a:gd name="connsiteX5" fmla="*/ 223076 w 419489"/>
                <a:gd name="connsiteY5" fmla="*/ 293864 h 400829"/>
                <a:gd name="connsiteX6" fmla="*/ 142780 w 419489"/>
                <a:gd name="connsiteY6" fmla="*/ 293864 h 400829"/>
                <a:gd name="connsiteX7" fmla="*/ 107061 w 419489"/>
                <a:gd name="connsiteY7" fmla="*/ 258145 h 400829"/>
                <a:gd name="connsiteX8" fmla="*/ 107061 w 419489"/>
                <a:gd name="connsiteY8" fmla="*/ 236143 h 400829"/>
                <a:gd name="connsiteX9" fmla="*/ 103156 w 419489"/>
                <a:gd name="connsiteY9" fmla="*/ 231761 h 400829"/>
                <a:gd name="connsiteX10" fmla="*/ 95 w 419489"/>
                <a:gd name="connsiteY10" fmla="*/ 116509 h 400829"/>
                <a:gd name="connsiteX11" fmla="*/ 95 w 419489"/>
                <a:gd name="connsiteY11" fmla="*/ 22973 h 400829"/>
                <a:gd name="connsiteX12" fmla="*/ 9144 w 419489"/>
                <a:gd name="connsiteY12" fmla="*/ 13924 h 400829"/>
                <a:gd name="connsiteX13" fmla="*/ 49244 w 419489"/>
                <a:gd name="connsiteY13" fmla="*/ 13924 h 400829"/>
                <a:gd name="connsiteX14" fmla="*/ 53626 w 419489"/>
                <a:gd name="connsiteY14" fmla="*/ 9543 h 400829"/>
                <a:gd name="connsiteX15" fmla="*/ 62579 w 419489"/>
                <a:gd name="connsiteY15" fmla="*/ 590 h 400829"/>
                <a:gd name="connsiteX16" fmla="*/ 71533 w 419489"/>
                <a:gd name="connsiteY16" fmla="*/ 9543 h 400829"/>
                <a:gd name="connsiteX17" fmla="*/ 71533 w 419489"/>
                <a:gd name="connsiteY17" fmla="*/ 36118 h 400829"/>
                <a:gd name="connsiteX18" fmla="*/ 62579 w 419489"/>
                <a:gd name="connsiteY18" fmla="*/ 45071 h 400829"/>
                <a:gd name="connsiteX19" fmla="*/ 53626 w 419489"/>
                <a:gd name="connsiteY19" fmla="*/ 36118 h 400829"/>
                <a:gd name="connsiteX20" fmla="*/ 49244 w 419489"/>
                <a:gd name="connsiteY20" fmla="*/ 31736 h 400829"/>
                <a:gd name="connsiteX21" fmla="*/ 22479 w 419489"/>
                <a:gd name="connsiteY21" fmla="*/ 31736 h 400829"/>
                <a:gd name="connsiteX22" fmla="*/ 18098 w 419489"/>
                <a:gd name="connsiteY22" fmla="*/ 36118 h 400829"/>
                <a:gd name="connsiteX23" fmla="*/ 18098 w 419489"/>
                <a:gd name="connsiteY23" fmla="*/ 116318 h 400829"/>
                <a:gd name="connsiteX24" fmla="*/ 113005 w 419489"/>
                <a:gd name="connsiteY24" fmla="*/ 217340 h 400829"/>
                <a:gd name="connsiteX25" fmla="*/ 214027 w 419489"/>
                <a:gd name="connsiteY25" fmla="*/ 122424 h 400829"/>
                <a:gd name="connsiteX26" fmla="*/ 214027 w 419489"/>
                <a:gd name="connsiteY26" fmla="*/ 116318 h 400829"/>
                <a:gd name="connsiteX27" fmla="*/ 214027 w 419489"/>
                <a:gd name="connsiteY27" fmla="*/ 36118 h 400829"/>
                <a:gd name="connsiteX28" fmla="*/ 209645 w 419489"/>
                <a:gd name="connsiteY28" fmla="*/ 31736 h 400829"/>
                <a:gd name="connsiteX29" fmla="*/ 182880 w 419489"/>
                <a:gd name="connsiteY29" fmla="*/ 31736 h 400829"/>
                <a:gd name="connsiteX30" fmla="*/ 178499 w 419489"/>
                <a:gd name="connsiteY30" fmla="*/ 36118 h 400829"/>
                <a:gd name="connsiteX31" fmla="*/ 169545 w 419489"/>
                <a:gd name="connsiteY31" fmla="*/ 45071 h 400829"/>
                <a:gd name="connsiteX32" fmla="*/ 160592 w 419489"/>
                <a:gd name="connsiteY32" fmla="*/ 36118 h 400829"/>
                <a:gd name="connsiteX33" fmla="*/ 160592 w 419489"/>
                <a:gd name="connsiteY33" fmla="*/ 9353 h 400829"/>
                <a:gd name="connsiteX34" fmla="*/ 169545 w 419489"/>
                <a:gd name="connsiteY34" fmla="*/ 399 h 400829"/>
                <a:gd name="connsiteX35" fmla="*/ 178499 w 419489"/>
                <a:gd name="connsiteY35" fmla="*/ 9353 h 400829"/>
                <a:gd name="connsiteX36" fmla="*/ 182880 w 419489"/>
                <a:gd name="connsiteY36" fmla="*/ 13734 h 400829"/>
                <a:gd name="connsiteX37" fmla="*/ 223076 w 419489"/>
                <a:gd name="connsiteY37" fmla="*/ 13734 h 400829"/>
                <a:gd name="connsiteX38" fmla="*/ 232029 w 419489"/>
                <a:gd name="connsiteY38" fmla="*/ 22783 h 400829"/>
                <a:gd name="connsiteX39" fmla="*/ 232029 w 419489"/>
                <a:gd name="connsiteY39" fmla="*/ 116318 h 400829"/>
                <a:gd name="connsiteX40" fmla="*/ 128969 w 419489"/>
                <a:gd name="connsiteY40" fmla="*/ 231571 h 400829"/>
                <a:gd name="connsiteX41" fmla="*/ 125063 w 419489"/>
                <a:gd name="connsiteY41" fmla="*/ 235952 h 400829"/>
                <a:gd name="connsiteX42" fmla="*/ 125063 w 419489"/>
                <a:gd name="connsiteY42" fmla="*/ 257765 h 400829"/>
                <a:gd name="connsiteX43" fmla="*/ 142780 w 419489"/>
                <a:gd name="connsiteY43" fmla="*/ 275481 h 400829"/>
                <a:gd name="connsiteX44" fmla="*/ 223076 w 419489"/>
                <a:gd name="connsiteY44" fmla="*/ 275481 h 400829"/>
                <a:gd name="connsiteX45" fmla="*/ 258794 w 419489"/>
                <a:gd name="connsiteY45" fmla="*/ 311200 h 400829"/>
                <a:gd name="connsiteX46" fmla="*/ 223076 w 419489"/>
                <a:gd name="connsiteY46" fmla="*/ 346919 h 400829"/>
                <a:gd name="connsiteX47" fmla="*/ 35719 w 419489"/>
                <a:gd name="connsiteY47" fmla="*/ 346919 h 400829"/>
                <a:gd name="connsiteX48" fmla="*/ 19260 w 419489"/>
                <a:gd name="connsiteY48" fmla="*/ 365988 h 400829"/>
                <a:gd name="connsiteX49" fmla="*/ 35719 w 419489"/>
                <a:gd name="connsiteY49" fmla="*/ 382447 h 400829"/>
                <a:gd name="connsiteX50" fmla="*/ 316516 w 419489"/>
                <a:gd name="connsiteY50" fmla="*/ 382447 h 400829"/>
                <a:gd name="connsiteX51" fmla="*/ 334328 w 419489"/>
                <a:gd name="connsiteY51" fmla="*/ 364730 h 400829"/>
                <a:gd name="connsiteX52" fmla="*/ 334328 w 419489"/>
                <a:gd name="connsiteY52" fmla="*/ 156037 h 400829"/>
                <a:gd name="connsiteX53" fmla="*/ 330708 w 419489"/>
                <a:gd name="connsiteY53" fmla="*/ 151370 h 400829"/>
                <a:gd name="connsiteX54" fmla="*/ 268129 w 419489"/>
                <a:gd name="connsiteY54" fmla="*/ 63645 h 400829"/>
                <a:gd name="connsiteX55" fmla="*/ 355854 w 419489"/>
                <a:gd name="connsiteY55" fmla="*/ 1056 h 400829"/>
                <a:gd name="connsiteX56" fmla="*/ 418433 w 419489"/>
                <a:gd name="connsiteY56" fmla="*/ 88791 h 400829"/>
                <a:gd name="connsiteX57" fmla="*/ 355854 w 419489"/>
                <a:gd name="connsiteY57" fmla="*/ 151370 h 400829"/>
                <a:gd name="connsiteX58" fmla="*/ 352235 w 419489"/>
                <a:gd name="connsiteY58" fmla="*/ 156037 h 400829"/>
                <a:gd name="connsiteX59" fmla="*/ 352235 w 419489"/>
                <a:gd name="connsiteY59" fmla="*/ 365111 h 400829"/>
                <a:gd name="connsiteX60" fmla="*/ 316516 w 419489"/>
                <a:gd name="connsiteY60" fmla="*/ 400830 h 400829"/>
                <a:gd name="connsiteX61" fmla="*/ 343281 w 419489"/>
                <a:gd name="connsiteY61" fmla="*/ 18782 h 400829"/>
                <a:gd name="connsiteX62" fmla="*/ 285369 w 419489"/>
                <a:gd name="connsiteY62" fmla="*/ 76694 h 400829"/>
                <a:gd name="connsiteX63" fmla="*/ 343281 w 419489"/>
                <a:gd name="connsiteY63" fmla="*/ 134606 h 400829"/>
                <a:gd name="connsiteX64" fmla="*/ 401193 w 419489"/>
                <a:gd name="connsiteY64" fmla="*/ 76694 h 400829"/>
                <a:gd name="connsiteX65" fmla="*/ 401193 w 419489"/>
                <a:gd name="connsiteY65" fmla="*/ 76599 h 400829"/>
                <a:gd name="connsiteX66" fmla="*/ 343281 w 419489"/>
                <a:gd name="connsiteY66" fmla="*/ 18782 h 400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419489" h="400829">
                  <a:moveTo>
                    <a:pt x="35719" y="400830"/>
                  </a:moveTo>
                  <a:cubicBezTo>
                    <a:pt x="15993" y="400830"/>
                    <a:pt x="0" y="384837"/>
                    <a:pt x="0" y="365111"/>
                  </a:cubicBezTo>
                  <a:cubicBezTo>
                    <a:pt x="0" y="345385"/>
                    <a:pt x="15993" y="329392"/>
                    <a:pt x="35719" y="329392"/>
                  </a:cubicBezTo>
                  <a:lnTo>
                    <a:pt x="223076" y="329392"/>
                  </a:lnTo>
                  <a:cubicBezTo>
                    <a:pt x="232886" y="328678"/>
                    <a:pt x="240259" y="320134"/>
                    <a:pt x="239535" y="310323"/>
                  </a:cubicBezTo>
                  <a:cubicBezTo>
                    <a:pt x="238897" y="301513"/>
                    <a:pt x="231886" y="294512"/>
                    <a:pt x="223076" y="293864"/>
                  </a:cubicBezTo>
                  <a:lnTo>
                    <a:pt x="142780" y="293864"/>
                  </a:lnTo>
                  <a:cubicBezTo>
                    <a:pt x="123073" y="293817"/>
                    <a:pt x="107118" y="277853"/>
                    <a:pt x="107061" y="258145"/>
                  </a:cubicBezTo>
                  <a:lnTo>
                    <a:pt x="107061" y="236143"/>
                  </a:lnTo>
                  <a:cubicBezTo>
                    <a:pt x="107071" y="233895"/>
                    <a:pt x="105385" y="232009"/>
                    <a:pt x="103156" y="231761"/>
                  </a:cubicBezTo>
                  <a:cubicBezTo>
                    <a:pt x="44434" y="225246"/>
                    <a:pt x="29" y="175592"/>
                    <a:pt x="95" y="116509"/>
                  </a:cubicBezTo>
                  <a:lnTo>
                    <a:pt x="95" y="22973"/>
                  </a:lnTo>
                  <a:cubicBezTo>
                    <a:pt x="333" y="18077"/>
                    <a:pt x="4248" y="14163"/>
                    <a:pt x="9144" y="13924"/>
                  </a:cubicBezTo>
                  <a:lnTo>
                    <a:pt x="49244" y="13924"/>
                  </a:lnTo>
                  <a:cubicBezTo>
                    <a:pt x="51664" y="13924"/>
                    <a:pt x="53626" y="11962"/>
                    <a:pt x="53626" y="9543"/>
                  </a:cubicBezTo>
                  <a:cubicBezTo>
                    <a:pt x="53626" y="4599"/>
                    <a:pt x="57636" y="590"/>
                    <a:pt x="62579" y="590"/>
                  </a:cubicBezTo>
                  <a:cubicBezTo>
                    <a:pt x="67523" y="590"/>
                    <a:pt x="71533" y="4599"/>
                    <a:pt x="71533" y="9543"/>
                  </a:cubicBezTo>
                  <a:lnTo>
                    <a:pt x="71533" y="36118"/>
                  </a:lnTo>
                  <a:cubicBezTo>
                    <a:pt x="71533" y="41061"/>
                    <a:pt x="67523" y="45071"/>
                    <a:pt x="62579" y="45071"/>
                  </a:cubicBezTo>
                  <a:cubicBezTo>
                    <a:pt x="57636" y="45071"/>
                    <a:pt x="53626" y="41061"/>
                    <a:pt x="53626" y="36118"/>
                  </a:cubicBezTo>
                  <a:cubicBezTo>
                    <a:pt x="53578" y="33717"/>
                    <a:pt x="51645" y="31784"/>
                    <a:pt x="49244" y="31736"/>
                  </a:cubicBezTo>
                  <a:lnTo>
                    <a:pt x="22479" y="31736"/>
                  </a:lnTo>
                  <a:cubicBezTo>
                    <a:pt x="20060" y="31736"/>
                    <a:pt x="18098" y="33698"/>
                    <a:pt x="18098" y="36118"/>
                  </a:cubicBezTo>
                  <a:lnTo>
                    <a:pt x="18098" y="116318"/>
                  </a:lnTo>
                  <a:cubicBezTo>
                    <a:pt x="16412" y="170420"/>
                    <a:pt x="58903" y="215654"/>
                    <a:pt x="113005" y="217340"/>
                  </a:cubicBezTo>
                  <a:cubicBezTo>
                    <a:pt x="167116" y="219026"/>
                    <a:pt x="212341" y="176535"/>
                    <a:pt x="214027" y="122424"/>
                  </a:cubicBezTo>
                  <a:cubicBezTo>
                    <a:pt x="214094" y="120395"/>
                    <a:pt x="214094" y="118357"/>
                    <a:pt x="214027" y="116318"/>
                  </a:cubicBezTo>
                  <a:lnTo>
                    <a:pt x="214027" y="36118"/>
                  </a:lnTo>
                  <a:cubicBezTo>
                    <a:pt x="214027" y="33698"/>
                    <a:pt x="212065" y="31736"/>
                    <a:pt x="209645" y="31736"/>
                  </a:cubicBezTo>
                  <a:lnTo>
                    <a:pt x="182880" y="31736"/>
                  </a:lnTo>
                  <a:cubicBezTo>
                    <a:pt x="180480" y="31784"/>
                    <a:pt x="178546" y="33717"/>
                    <a:pt x="178499" y="36118"/>
                  </a:cubicBezTo>
                  <a:cubicBezTo>
                    <a:pt x="178499" y="41061"/>
                    <a:pt x="174488" y="45071"/>
                    <a:pt x="169545" y="45071"/>
                  </a:cubicBezTo>
                  <a:cubicBezTo>
                    <a:pt x="164602" y="45071"/>
                    <a:pt x="160592" y="41061"/>
                    <a:pt x="160592" y="36118"/>
                  </a:cubicBezTo>
                  <a:lnTo>
                    <a:pt x="160592" y="9353"/>
                  </a:lnTo>
                  <a:cubicBezTo>
                    <a:pt x="160592" y="4409"/>
                    <a:pt x="164602" y="399"/>
                    <a:pt x="169545" y="399"/>
                  </a:cubicBezTo>
                  <a:cubicBezTo>
                    <a:pt x="174488" y="399"/>
                    <a:pt x="178499" y="4409"/>
                    <a:pt x="178499" y="9353"/>
                  </a:cubicBezTo>
                  <a:cubicBezTo>
                    <a:pt x="178499" y="11772"/>
                    <a:pt x="180461" y="13734"/>
                    <a:pt x="182880" y="13734"/>
                  </a:cubicBezTo>
                  <a:lnTo>
                    <a:pt x="223076" y="13734"/>
                  </a:lnTo>
                  <a:cubicBezTo>
                    <a:pt x="227933" y="14020"/>
                    <a:pt x="231791" y="17925"/>
                    <a:pt x="232029" y="22783"/>
                  </a:cubicBezTo>
                  <a:lnTo>
                    <a:pt x="232029" y="116318"/>
                  </a:lnTo>
                  <a:cubicBezTo>
                    <a:pt x="232096" y="175402"/>
                    <a:pt x="187690" y="225056"/>
                    <a:pt x="128969" y="231571"/>
                  </a:cubicBezTo>
                  <a:cubicBezTo>
                    <a:pt x="126740" y="231818"/>
                    <a:pt x="125054" y="233704"/>
                    <a:pt x="125063" y="235952"/>
                  </a:cubicBezTo>
                  <a:lnTo>
                    <a:pt x="125063" y="257765"/>
                  </a:lnTo>
                  <a:cubicBezTo>
                    <a:pt x="125063" y="267547"/>
                    <a:pt x="132998" y="275481"/>
                    <a:pt x="142780" y="275481"/>
                  </a:cubicBezTo>
                  <a:lnTo>
                    <a:pt x="223076" y="275481"/>
                  </a:lnTo>
                  <a:cubicBezTo>
                    <a:pt x="242802" y="275481"/>
                    <a:pt x="258794" y="291474"/>
                    <a:pt x="258794" y="311200"/>
                  </a:cubicBezTo>
                  <a:cubicBezTo>
                    <a:pt x="258794" y="330926"/>
                    <a:pt x="242802" y="346919"/>
                    <a:pt x="223076" y="346919"/>
                  </a:cubicBezTo>
                  <a:lnTo>
                    <a:pt x="35719" y="346919"/>
                  </a:lnTo>
                  <a:cubicBezTo>
                    <a:pt x="25908" y="347633"/>
                    <a:pt x="18536" y="356177"/>
                    <a:pt x="19260" y="365988"/>
                  </a:cubicBezTo>
                  <a:cubicBezTo>
                    <a:pt x="19898" y="374798"/>
                    <a:pt x="26908" y="381799"/>
                    <a:pt x="35719" y="382447"/>
                  </a:cubicBezTo>
                  <a:lnTo>
                    <a:pt x="316516" y="382447"/>
                  </a:lnTo>
                  <a:cubicBezTo>
                    <a:pt x="326317" y="382447"/>
                    <a:pt x="334271" y="374532"/>
                    <a:pt x="334328" y="364730"/>
                  </a:cubicBezTo>
                  <a:lnTo>
                    <a:pt x="334328" y="156037"/>
                  </a:lnTo>
                  <a:cubicBezTo>
                    <a:pt x="334509" y="153780"/>
                    <a:pt x="332937" y="151761"/>
                    <a:pt x="330708" y="151370"/>
                  </a:cubicBezTo>
                  <a:cubicBezTo>
                    <a:pt x="289198" y="144427"/>
                    <a:pt x="261185" y="105145"/>
                    <a:pt x="268129" y="63645"/>
                  </a:cubicBezTo>
                  <a:cubicBezTo>
                    <a:pt x="275073" y="22135"/>
                    <a:pt x="314344" y="-5888"/>
                    <a:pt x="355854" y="1056"/>
                  </a:cubicBezTo>
                  <a:cubicBezTo>
                    <a:pt x="397364" y="8000"/>
                    <a:pt x="425377" y="47281"/>
                    <a:pt x="418433" y="88791"/>
                  </a:cubicBezTo>
                  <a:cubicBezTo>
                    <a:pt x="413071" y="120871"/>
                    <a:pt x="387934" y="146008"/>
                    <a:pt x="355854" y="151370"/>
                  </a:cubicBezTo>
                  <a:cubicBezTo>
                    <a:pt x="353625" y="151761"/>
                    <a:pt x="352054" y="153780"/>
                    <a:pt x="352235" y="156037"/>
                  </a:cubicBezTo>
                  <a:lnTo>
                    <a:pt x="352235" y="365111"/>
                  </a:lnTo>
                  <a:cubicBezTo>
                    <a:pt x="352235" y="384837"/>
                    <a:pt x="336242" y="400830"/>
                    <a:pt x="316516" y="400830"/>
                  </a:cubicBezTo>
                  <a:close/>
                  <a:moveTo>
                    <a:pt x="343281" y="18782"/>
                  </a:moveTo>
                  <a:cubicBezTo>
                    <a:pt x="311296" y="18782"/>
                    <a:pt x="285369" y="44709"/>
                    <a:pt x="285369" y="76694"/>
                  </a:cubicBezTo>
                  <a:cubicBezTo>
                    <a:pt x="285369" y="108679"/>
                    <a:pt x="311296" y="134606"/>
                    <a:pt x="343281" y="134606"/>
                  </a:cubicBezTo>
                  <a:cubicBezTo>
                    <a:pt x="375266" y="134606"/>
                    <a:pt x="401193" y="108679"/>
                    <a:pt x="401193" y="76694"/>
                  </a:cubicBezTo>
                  <a:cubicBezTo>
                    <a:pt x="401193" y="76666"/>
                    <a:pt x="401193" y="76628"/>
                    <a:pt x="401193" y="76599"/>
                  </a:cubicBezTo>
                  <a:cubicBezTo>
                    <a:pt x="401136" y="44652"/>
                    <a:pt x="375228" y="18782"/>
                    <a:pt x="343281" y="18782"/>
                  </a:cubicBezTo>
                  <a:close/>
                </a:path>
              </a:pathLst>
            </a:custGeom>
            <a:solidFill>
              <a:srgbClr val="265998"/>
            </a:solidFill>
            <a:ln w="9525" cap="flat">
              <a:noFill/>
              <a:prstDash val="solid"/>
              <a:miter/>
            </a:ln>
          </p:spPr>
          <p:txBody>
            <a:bodyPr rtlCol="0" anchor="ctr"/>
            <a:lstStyle/>
            <a:p>
              <a:endParaRPr lang="en-AU" sz="153"/>
            </a:p>
          </p:txBody>
        </p:sp>
        <p:sp>
          <p:nvSpPr>
            <p:cNvPr id="43" name="Graphic 2">
              <a:extLst>
                <a:ext uri="{FF2B5EF4-FFF2-40B4-BE49-F238E27FC236}">
                  <a16:creationId xmlns:a16="http://schemas.microsoft.com/office/drawing/2014/main" id="{23338911-3BF5-B690-EAC6-84303E0A8453}"/>
                </a:ext>
              </a:extLst>
            </p:cNvPr>
            <p:cNvSpPr/>
            <p:nvPr/>
          </p:nvSpPr>
          <p:spPr>
            <a:xfrm>
              <a:off x="3587876" y="2273077"/>
              <a:ext cx="17907" cy="17907"/>
            </a:xfrm>
            <a:custGeom>
              <a:avLst/>
              <a:gdLst>
                <a:gd name="connsiteX0" fmla="*/ 0 w 17907"/>
                <a:gd name="connsiteY0" fmla="*/ 8954 h 17907"/>
                <a:gd name="connsiteX1" fmla="*/ 0 w 17907"/>
                <a:gd name="connsiteY1" fmla="*/ 8954 h 17907"/>
                <a:gd name="connsiteX2" fmla="*/ 8954 w 17907"/>
                <a:gd name="connsiteY2" fmla="*/ 0 h 17907"/>
                <a:gd name="connsiteX3" fmla="*/ 8954 w 17907"/>
                <a:gd name="connsiteY3" fmla="*/ 0 h 17907"/>
                <a:gd name="connsiteX4" fmla="*/ 17907 w 17907"/>
                <a:gd name="connsiteY4" fmla="*/ 8954 h 17907"/>
                <a:gd name="connsiteX5" fmla="*/ 17907 w 17907"/>
                <a:gd name="connsiteY5" fmla="*/ 8954 h 17907"/>
                <a:gd name="connsiteX6" fmla="*/ 8954 w 17907"/>
                <a:gd name="connsiteY6" fmla="*/ 17907 h 17907"/>
                <a:gd name="connsiteX7" fmla="*/ 8954 w 17907"/>
                <a:gd name="connsiteY7" fmla="*/ 17907 h 17907"/>
                <a:gd name="connsiteX8" fmla="*/ 0 w 17907"/>
                <a:gd name="connsiteY8" fmla="*/ 8954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907" h="17907">
                  <a:moveTo>
                    <a:pt x="0" y="8954"/>
                  </a:moveTo>
                  <a:lnTo>
                    <a:pt x="0" y="8954"/>
                  </a:lnTo>
                  <a:cubicBezTo>
                    <a:pt x="0" y="4010"/>
                    <a:pt x="4010" y="0"/>
                    <a:pt x="8954" y="0"/>
                  </a:cubicBezTo>
                  <a:lnTo>
                    <a:pt x="8954" y="0"/>
                  </a:lnTo>
                  <a:cubicBezTo>
                    <a:pt x="13897" y="0"/>
                    <a:pt x="17907" y="4010"/>
                    <a:pt x="17907" y="8954"/>
                  </a:cubicBezTo>
                  <a:lnTo>
                    <a:pt x="17907" y="8954"/>
                  </a:lnTo>
                  <a:cubicBezTo>
                    <a:pt x="17907" y="13897"/>
                    <a:pt x="13897" y="17907"/>
                    <a:pt x="8954" y="17907"/>
                  </a:cubicBezTo>
                  <a:lnTo>
                    <a:pt x="8954" y="17907"/>
                  </a:lnTo>
                  <a:cubicBezTo>
                    <a:pt x="4010" y="17907"/>
                    <a:pt x="0" y="13897"/>
                    <a:pt x="0" y="8954"/>
                  </a:cubicBezTo>
                  <a:close/>
                </a:path>
              </a:pathLst>
            </a:custGeom>
            <a:solidFill>
              <a:srgbClr val="265998"/>
            </a:solidFill>
            <a:ln w="9525" cap="flat">
              <a:noFill/>
              <a:prstDash val="solid"/>
              <a:miter/>
            </a:ln>
          </p:spPr>
          <p:txBody>
            <a:bodyPr rtlCol="0" anchor="ctr"/>
            <a:lstStyle/>
            <a:p>
              <a:endParaRPr lang="en-AU" sz="153"/>
            </a:p>
          </p:txBody>
        </p:sp>
      </p:grpSp>
      <p:grpSp>
        <p:nvGrpSpPr>
          <p:cNvPr id="44" name="Group 43">
            <a:extLst>
              <a:ext uri="{FF2B5EF4-FFF2-40B4-BE49-F238E27FC236}">
                <a16:creationId xmlns:a16="http://schemas.microsoft.com/office/drawing/2014/main" id="{BE76BB64-0A6E-1891-7149-3658524890CF}"/>
              </a:ext>
            </a:extLst>
          </p:cNvPr>
          <p:cNvGrpSpPr/>
          <p:nvPr/>
        </p:nvGrpSpPr>
        <p:grpSpPr>
          <a:xfrm>
            <a:off x="1723475" y="4959923"/>
            <a:ext cx="443490" cy="475320"/>
            <a:chOff x="-109503" y="-550316"/>
            <a:chExt cx="265786" cy="266447"/>
          </a:xfrm>
        </p:grpSpPr>
        <p:sp>
          <p:nvSpPr>
            <p:cNvPr id="45" name="Freeform 2">
              <a:extLst>
                <a:ext uri="{FF2B5EF4-FFF2-40B4-BE49-F238E27FC236}">
                  <a16:creationId xmlns:a16="http://schemas.microsoft.com/office/drawing/2014/main" id="{3DE6BC09-E265-5B1A-F58B-F8421643CA9E}"/>
                </a:ext>
              </a:extLst>
            </p:cNvPr>
            <p:cNvSpPr/>
            <p:nvPr/>
          </p:nvSpPr>
          <p:spPr>
            <a:xfrm>
              <a:off x="-5972" y="-537963"/>
              <a:ext cx="149924" cy="114724"/>
            </a:xfrm>
            <a:custGeom>
              <a:avLst/>
              <a:gdLst>
                <a:gd name="connsiteX0" fmla="*/ 65744 w 149924"/>
                <a:gd name="connsiteY0" fmla="*/ 106285 h 114724"/>
                <a:gd name="connsiteX1" fmla="*/ 92665 w 149924"/>
                <a:gd name="connsiteY1" fmla="*/ 79317 h 114724"/>
                <a:gd name="connsiteX2" fmla="*/ 119585 w 149924"/>
                <a:gd name="connsiteY2" fmla="*/ 106285 h 114724"/>
                <a:gd name="connsiteX3" fmla="*/ 118242 w 149924"/>
                <a:gd name="connsiteY3" fmla="*/ 114725 h 114724"/>
                <a:gd name="connsiteX4" fmla="*/ 149924 w 149924"/>
                <a:gd name="connsiteY4" fmla="*/ 114725 h 114724"/>
                <a:gd name="connsiteX5" fmla="*/ 149924 w 149924"/>
                <a:gd name="connsiteY5" fmla="*/ 0 h 114724"/>
                <a:gd name="connsiteX6" fmla="*/ 35406 w 149924"/>
                <a:gd name="connsiteY6" fmla="*/ 0 h 114724"/>
                <a:gd name="connsiteX7" fmla="*/ 35406 w 149924"/>
                <a:gd name="connsiteY7" fmla="*/ 42441 h 114724"/>
                <a:gd name="connsiteX8" fmla="*/ 31682 w 149924"/>
                <a:gd name="connsiteY8" fmla="*/ 48067 h 114724"/>
                <a:gd name="connsiteX9" fmla="*/ 25028 w 149924"/>
                <a:gd name="connsiteY9" fmla="*/ 46783 h 114724"/>
                <a:gd name="connsiteX10" fmla="*/ 14712 w 149924"/>
                <a:gd name="connsiteY10" fmla="*/ 42563 h 114724"/>
                <a:gd name="connsiteX11" fmla="*/ 0 w 149924"/>
                <a:gd name="connsiteY11" fmla="*/ 57301 h 114724"/>
                <a:gd name="connsiteX12" fmla="*/ 14712 w 149924"/>
                <a:gd name="connsiteY12" fmla="*/ 72039 h 114724"/>
                <a:gd name="connsiteX13" fmla="*/ 25028 w 149924"/>
                <a:gd name="connsiteY13" fmla="*/ 67820 h 114724"/>
                <a:gd name="connsiteX14" fmla="*/ 31682 w 149924"/>
                <a:gd name="connsiteY14" fmla="*/ 66535 h 114724"/>
                <a:gd name="connsiteX15" fmla="*/ 35406 w 149924"/>
                <a:gd name="connsiteY15" fmla="*/ 72162 h 114724"/>
                <a:gd name="connsiteX16" fmla="*/ 35406 w 149924"/>
                <a:gd name="connsiteY16" fmla="*/ 114602 h 114724"/>
                <a:gd name="connsiteX17" fmla="*/ 67087 w 149924"/>
                <a:gd name="connsiteY17" fmla="*/ 114602 h 114724"/>
                <a:gd name="connsiteX18" fmla="*/ 65744 w 149924"/>
                <a:gd name="connsiteY18" fmla="*/ 106163 h 1147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49924" h="114724">
                  <a:moveTo>
                    <a:pt x="65744" y="106285"/>
                  </a:moveTo>
                  <a:cubicBezTo>
                    <a:pt x="65744" y="91425"/>
                    <a:pt x="77831" y="79317"/>
                    <a:pt x="92665" y="79317"/>
                  </a:cubicBezTo>
                  <a:cubicBezTo>
                    <a:pt x="107499" y="79317"/>
                    <a:pt x="119585" y="91425"/>
                    <a:pt x="119585" y="106285"/>
                  </a:cubicBezTo>
                  <a:cubicBezTo>
                    <a:pt x="119585" y="109221"/>
                    <a:pt x="119097" y="112034"/>
                    <a:pt x="118242" y="114725"/>
                  </a:cubicBezTo>
                  <a:lnTo>
                    <a:pt x="149924" y="114725"/>
                  </a:lnTo>
                  <a:lnTo>
                    <a:pt x="149924" y="0"/>
                  </a:lnTo>
                  <a:lnTo>
                    <a:pt x="35406" y="0"/>
                  </a:lnTo>
                  <a:lnTo>
                    <a:pt x="35406" y="42441"/>
                  </a:lnTo>
                  <a:cubicBezTo>
                    <a:pt x="35406" y="44887"/>
                    <a:pt x="33941" y="47150"/>
                    <a:pt x="31682" y="48067"/>
                  </a:cubicBezTo>
                  <a:cubicBezTo>
                    <a:pt x="29423" y="49045"/>
                    <a:pt x="26798" y="48556"/>
                    <a:pt x="25028" y="46783"/>
                  </a:cubicBezTo>
                  <a:cubicBezTo>
                    <a:pt x="22281" y="44092"/>
                    <a:pt x="18618" y="42563"/>
                    <a:pt x="14712" y="42563"/>
                  </a:cubicBezTo>
                  <a:cubicBezTo>
                    <a:pt x="6593" y="42563"/>
                    <a:pt x="0" y="49168"/>
                    <a:pt x="0" y="57301"/>
                  </a:cubicBezTo>
                  <a:cubicBezTo>
                    <a:pt x="0" y="65435"/>
                    <a:pt x="6593" y="72039"/>
                    <a:pt x="14712" y="72039"/>
                  </a:cubicBezTo>
                  <a:cubicBezTo>
                    <a:pt x="18557" y="72039"/>
                    <a:pt x="22220" y="70572"/>
                    <a:pt x="25028" y="67820"/>
                  </a:cubicBezTo>
                  <a:cubicBezTo>
                    <a:pt x="26798" y="66107"/>
                    <a:pt x="29423" y="65618"/>
                    <a:pt x="31682" y="66535"/>
                  </a:cubicBezTo>
                  <a:cubicBezTo>
                    <a:pt x="33941" y="67514"/>
                    <a:pt x="35406" y="69715"/>
                    <a:pt x="35406" y="72162"/>
                  </a:cubicBezTo>
                  <a:lnTo>
                    <a:pt x="35406" y="114602"/>
                  </a:lnTo>
                  <a:lnTo>
                    <a:pt x="67087" y="114602"/>
                  </a:lnTo>
                  <a:cubicBezTo>
                    <a:pt x="66172" y="111912"/>
                    <a:pt x="65744" y="109037"/>
                    <a:pt x="65744" y="106163"/>
                  </a:cubicBezTo>
                  <a:close/>
                </a:path>
              </a:pathLst>
            </a:custGeom>
            <a:solidFill>
              <a:srgbClr val="C7E4F1"/>
            </a:solidFill>
            <a:ln w="6096" cap="flat">
              <a:noFill/>
              <a:prstDash val="solid"/>
              <a:miter/>
            </a:ln>
          </p:spPr>
          <p:txBody>
            <a:bodyPr rtlCol="0" anchor="ctr"/>
            <a:lstStyle/>
            <a:p>
              <a:endParaRPr lang="en-AU"/>
            </a:p>
          </p:txBody>
        </p:sp>
        <p:grpSp>
          <p:nvGrpSpPr>
            <p:cNvPr id="46" name="Graphic 2">
              <a:extLst>
                <a:ext uri="{FF2B5EF4-FFF2-40B4-BE49-F238E27FC236}">
                  <a16:creationId xmlns:a16="http://schemas.microsoft.com/office/drawing/2014/main" id="{5D603293-1EFB-1570-1720-DA53816EA1EC}"/>
                </a:ext>
              </a:extLst>
            </p:cNvPr>
            <p:cNvGrpSpPr/>
            <p:nvPr/>
          </p:nvGrpSpPr>
          <p:grpSpPr>
            <a:xfrm>
              <a:off x="-109503" y="-550316"/>
              <a:ext cx="265786" cy="266447"/>
              <a:chOff x="-109503" y="-550316"/>
              <a:chExt cx="265786" cy="266447"/>
            </a:xfrm>
            <a:solidFill>
              <a:srgbClr val="265A9A"/>
            </a:solidFill>
          </p:grpSpPr>
          <p:sp>
            <p:nvSpPr>
              <p:cNvPr id="47" name="Freeform 4">
                <a:extLst>
                  <a:ext uri="{FF2B5EF4-FFF2-40B4-BE49-F238E27FC236}">
                    <a16:creationId xmlns:a16="http://schemas.microsoft.com/office/drawing/2014/main" id="{6F66DE6B-B005-CB76-0D95-9F7C2ED61765}"/>
                  </a:ext>
                </a:extLst>
              </p:cNvPr>
              <p:cNvSpPr/>
              <p:nvPr/>
            </p:nvSpPr>
            <p:spPr>
              <a:xfrm>
                <a:off x="-109503" y="-550132"/>
                <a:ext cx="132832" cy="174594"/>
              </a:xfrm>
              <a:custGeom>
                <a:avLst/>
                <a:gdLst>
                  <a:gd name="connsiteX0" fmla="*/ 69468 w 132832"/>
                  <a:gd name="connsiteY0" fmla="*/ 174594 h 174594"/>
                  <a:gd name="connsiteX1" fmla="*/ 42548 w 132832"/>
                  <a:gd name="connsiteY1" fmla="*/ 147625 h 174594"/>
                  <a:gd name="connsiteX2" fmla="*/ 43891 w 132832"/>
                  <a:gd name="connsiteY2" fmla="*/ 139186 h 174594"/>
                  <a:gd name="connsiteX3" fmla="*/ 6104 w 132832"/>
                  <a:gd name="connsiteY3" fmla="*/ 139186 h 174594"/>
                  <a:gd name="connsiteX4" fmla="*/ 0 w 132832"/>
                  <a:gd name="connsiteY4" fmla="*/ 133071 h 174594"/>
                  <a:gd name="connsiteX5" fmla="*/ 0 w 132832"/>
                  <a:gd name="connsiteY5" fmla="*/ 6115 h 174594"/>
                  <a:gd name="connsiteX6" fmla="*/ 6104 w 132832"/>
                  <a:gd name="connsiteY6" fmla="*/ 0 h 174594"/>
                  <a:gd name="connsiteX7" fmla="*/ 132832 w 132832"/>
                  <a:gd name="connsiteY7" fmla="*/ 0 h 174594"/>
                  <a:gd name="connsiteX8" fmla="*/ 132832 w 132832"/>
                  <a:gd name="connsiteY8" fmla="*/ 12231 h 174594"/>
                  <a:gd name="connsiteX9" fmla="*/ 12209 w 132832"/>
                  <a:gd name="connsiteY9" fmla="*/ 12231 h 174594"/>
                  <a:gd name="connsiteX10" fmla="*/ 12209 w 132832"/>
                  <a:gd name="connsiteY10" fmla="*/ 126955 h 174594"/>
                  <a:gd name="connsiteX11" fmla="*/ 54573 w 132832"/>
                  <a:gd name="connsiteY11" fmla="*/ 126955 h 174594"/>
                  <a:gd name="connsiteX12" fmla="*/ 60190 w 132832"/>
                  <a:gd name="connsiteY12" fmla="*/ 130686 h 174594"/>
                  <a:gd name="connsiteX13" fmla="*/ 58908 w 132832"/>
                  <a:gd name="connsiteY13" fmla="*/ 137352 h 174594"/>
                  <a:gd name="connsiteX14" fmla="*/ 54696 w 132832"/>
                  <a:gd name="connsiteY14" fmla="*/ 147625 h 174594"/>
                  <a:gd name="connsiteX15" fmla="*/ 69407 w 132832"/>
                  <a:gd name="connsiteY15" fmla="*/ 162363 h 174594"/>
                  <a:gd name="connsiteX16" fmla="*/ 84119 w 132832"/>
                  <a:gd name="connsiteY16" fmla="*/ 147625 h 174594"/>
                  <a:gd name="connsiteX17" fmla="*/ 79907 w 132832"/>
                  <a:gd name="connsiteY17" fmla="*/ 137290 h 174594"/>
                  <a:gd name="connsiteX18" fmla="*/ 78625 w 132832"/>
                  <a:gd name="connsiteY18" fmla="*/ 130625 h 174594"/>
                  <a:gd name="connsiteX19" fmla="*/ 84241 w 132832"/>
                  <a:gd name="connsiteY19" fmla="*/ 126894 h 174594"/>
                  <a:gd name="connsiteX20" fmla="*/ 132710 w 132832"/>
                  <a:gd name="connsiteY20" fmla="*/ 126894 h 174594"/>
                  <a:gd name="connsiteX21" fmla="*/ 132710 w 132832"/>
                  <a:gd name="connsiteY21" fmla="*/ 139125 h 174594"/>
                  <a:gd name="connsiteX22" fmla="*/ 94924 w 132832"/>
                  <a:gd name="connsiteY22" fmla="*/ 139125 h 174594"/>
                  <a:gd name="connsiteX23" fmla="*/ 96267 w 132832"/>
                  <a:gd name="connsiteY23" fmla="*/ 147564 h 174594"/>
                  <a:gd name="connsiteX24" fmla="*/ 69346 w 132832"/>
                  <a:gd name="connsiteY24" fmla="*/ 174533 h 174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32832" h="174594">
                    <a:moveTo>
                      <a:pt x="69468" y="174594"/>
                    </a:moveTo>
                    <a:cubicBezTo>
                      <a:pt x="54634" y="174594"/>
                      <a:pt x="42548" y="162486"/>
                      <a:pt x="42548" y="147625"/>
                    </a:cubicBezTo>
                    <a:cubicBezTo>
                      <a:pt x="42548" y="144690"/>
                      <a:pt x="43036" y="141877"/>
                      <a:pt x="43891" y="139186"/>
                    </a:cubicBezTo>
                    <a:lnTo>
                      <a:pt x="6104" y="139186"/>
                    </a:lnTo>
                    <a:cubicBezTo>
                      <a:pt x="2747" y="139186"/>
                      <a:pt x="0" y="136434"/>
                      <a:pt x="0" y="133071"/>
                    </a:cubicBezTo>
                    <a:lnTo>
                      <a:pt x="0" y="6115"/>
                    </a:lnTo>
                    <a:cubicBezTo>
                      <a:pt x="0" y="2752"/>
                      <a:pt x="2747" y="0"/>
                      <a:pt x="6104" y="0"/>
                    </a:cubicBezTo>
                    <a:lnTo>
                      <a:pt x="132832" y="0"/>
                    </a:lnTo>
                    <a:lnTo>
                      <a:pt x="132832" y="12231"/>
                    </a:lnTo>
                    <a:lnTo>
                      <a:pt x="12209" y="12231"/>
                    </a:lnTo>
                    <a:lnTo>
                      <a:pt x="12209" y="126955"/>
                    </a:lnTo>
                    <a:lnTo>
                      <a:pt x="54573" y="126955"/>
                    </a:lnTo>
                    <a:cubicBezTo>
                      <a:pt x="57015" y="126955"/>
                      <a:pt x="59274" y="128423"/>
                      <a:pt x="60190" y="130686"/>
                    </a:cubicBezTo>
                    <a:cubicBezTo>
                      <a:pt x="61105" y="132948"/>
                      <a:pt x="60617" y="135578"/>
                      <a:pt x="58908" y="137352"/>
                    </a:cubicBezTo>
                    <a:cubicBezTo>
                      <a:pt x="56222" y="140103"/>
                      <a:pt x="54696" y="143773"/>
                      <a:pt x="54696" y="147625"/>
                    </a:cubicBezTo>
                    <a:cubicBezTo>
                      <a:pt x="54696" y="155759"/>
                      <a:pt x="61288" y="162363"/>
                      <a:pt x="69407" y="162363"/>
                    </a:cubicBezTo>
                    <a:cubicBezTo>
                      <a:pt x="77526" y="162363"/>
                      <a:pt x="84119" y="155759"/>
                      <a:pt x="84119" y="147625"/>
                    </a:cubicBezTo>
                    <a:cubicBezTo>
                      <a:pt x="84119" y="143773"/>
                      <a:pt x="82654" y="140103"/>
                      <a:pt x="79907" y="137290"/>
                    </a:cubicBezTo>
                    <a:cubicBezTo>
                      <a:pt x="78198" y="135517"/>
                      <a:pt x="77709" y="132887"/>
                      <a:pt x="78625" y="130625"/>
                    </a:cubicBezTo>
                    <a:cubicBezTo>
                      <a:pt x="79602" y="128362"/>
                      <a:pt x="81799" y="126894"/>
                      <a:pt x="84241" y="126894"/>
                    </a:cubicBezTo>
                    <a:lnTo>
                      <a:pt x="132710" y="126894"/>
                    </a:lnTo>
                    <a:lnTo>
                      <a:pt x="132710" y="139125"/>
                    </a:lnTo>
                    <a:lnTo>
                      <a:pt x="94924" y="139125"/>
                    </a:lnTo>
                    <a:cubicBezTo>
                      <a:pt x="95839" y="141816"/>
                      <a:pt x="96267" y="144690"/>
                      <a:pt x="96267" y="147564"/>
                    </a:cubicBezTo>
                    <a:cubicBezTo>
                      <a:pt x="96267" y="162425"/>
                      <a:pt x="84180" y="174533"/>
                      <a:pt x="69346" y="174533"/>
                    </a:cubicBezTo>
                    <a:close/>
                  </a:path>
                </a:pathLst>
              </a:custGeom>
              <a:solidFill>
                <a:srgbClr val="265A9A"/>
              </a:solidFill>
              <a:ln w="6096" cap="flat">
                <a:noFill/>
                <a:prstDash val="solid"/>
                <a:miter/>
              </a:ln>
            </p:spPr>
            <p:txBody>
              <a:bodyPr rtlCol="0" anchor="ctr"/>
              <a:lstStyle/>
              <a:p>
                <a:endParaRPr lang="en-AU"/>
              </a:p>
            </p:txBody>
          </p:sp>
          <p:sp>
            <p:nvSpPr>
              <p:cNvPr id="48" name="Freeform 5">
                <a:extLst>
                  <a:ext uri="{FF2B5EF4-FFF2-40B4-BE49-F238E27FC236}">
                    <a16:creationId xmlns:a16="http://schemas.microsoft.com/office/drawing/2014/main" id="{F62EA412-B303-9DA0-A9F2-806A9FE6F350}"/>
                  </a:ext>
                </a:extLst>
              </p:cNvPr>
              <p:cNvSpPr/>
              <p:nvPr/>
            </p:nvSpPr>
            <p:spPr>
              <a:xfrm>
                <a:off x="-109503" y="-417062"/>
                <a:ext cx="174281" cy="133193"/>
              </a:xfrm>
              <a:custGeom>
                <a:avLst/>
                <a:gdLst>
                  <a:gd name="connsiteX0" fmla="*/ 132832 w 174281"/>
                  <a:gd name="connsiteY0" fmla="*/ 133071 h 133193"/>
                  <a:gd name="connsiteX1" fmla="*/ 6104 w 174281"/>
                  <a:gd name="connsiteY1" fmla="*/ 133071 h 133193"/>
                  <a:gd name="connsiteX2" fmla="*/ 0 w 174281"/>
                  <a:gd name="connsiteY2" fmla="*/ 126955 h 133193"/>
                  <a:gd name="connsiteX3" fmla="*/ 0 w 174281"/>
                  <a:gd name="connsiteY3" fmla="*/ 0 h 133193"/>
                  <a:gd name="connsiteX4" fmla="*/ 12209 w 174281"/>
                  <a:gd name="connsiteY4" fmla="*/ 0 h 133193"/>
                  <a:gd name="connsiteX5" fmla="*/ 12209 w 174281"/>
                  <a:gd name="connsiteY5" fmla="*/ 120840 h 133193"/>
                  <a:gd name="connsiteX6" fmla="*/ 126728 w 174281"/>
                  <a:gd name="connsiteY6" fmla="*/ 120840 h 133193"/>
                  <a:gd name="connsiteX7" fmla="*/ 126728 w 174281"/>
                  <a:gd name="connsiteY7" fmla="*/ 78399 h 133193"/>
                  <a:gd name="connsiteX8" fmla="*/ 130451 w 174281"/>
                  <a:gd name="connsiteY8" fmla="*/ 72773 h 133193"/>
                  <a:gd name="connsiteX9" fmla="*/ 137105 w 174281"/>
                  <a:gd name="connsiteY9" fmla="*/ 74057 h 133193"/>
                  <a:gd name="connsiteX10" fmla="*/ 147422 w 174281"/>
                  <a:gd name="connsiteY10" fmla="*/ 78277 h 133193"/>
                  <a:gd name="connsiteX11" fmla="*/ 162133 w 174281"/>
                  <a:gd name="connsiteY11" fmla="*/ 63539 h 133193"/>
                  <a:gd name="connsiteX12" fmla="*/ 147422 w 174281"/>
                  <a:gd name="connsiteY12" fmla="*/ 48801 h 133193"/>
                  <a:gd name="connsiteX13" fmla="*/ 137105 w 174281"/>
                  <a:gd name="connsiteY13" fmla="*/ 53020 h 133193"/>
                  <a:gd name="connsiteX14" fmla="*/ 130451 w 174281"/>
                  <a:gd name="connsiteY14" fmla="*/ 54305 h 133193"/>
                  <a:gd name="connsiteX15" fmla="*/ 126728 w 174281"/>
                  <a:gd name="connsiteY15" fmla="*/ 48678 h 133193"/>
                  <a:gd name="connsiteX16" fmla="*/ 126728 w 174281"/>
                  <a:gd name="connsiteY16" fmla="*/ 122 h 133193"/>
                  <a:gd name="connsiteX17" fmla="*/ 138936 w 174281"/>
                  <a:gd name="connsiteY17" fmla="*/ 122 h 133193"/>
                  <a:gd name="connsiteX18" fmla="*/ 138936 w 174281"/>
                  <a:gd name="connsiteY18" fmla="*/ 37977 h 133193"/>
                  <a:gd name="connsiteX19" fmla="*/ 147361 w 174281"/>
                  <a:gd name="connsiteY19" fmla="*/ 36631 h 133193"/>
                  <a:gd name="connsiteX20" fmla="*/ 174281 w 174281"/>
                  <a:gd name="connsiteY20" fmla="*/ 63600 h 133193"/>
                  <a:gd name="connsiteX21" fmla="*/ 147361 w 174281"/>
                  <a:gd name="connsiteY21" fmla="*/ 90569 h 133193"/>
                  <a:gd name="connsiteX22" fmla="*/ 138936 w 174281"/>
                  <a:gd name="connsiteY22" fmla="*/ 89223 h 133193"/>
                  <a:gd name="connsiteX23" fmla="*/ 138936 w 174281"/>
                  <a:gd name="connsiteY23" fmla="*/ 127078 h 133193"/>
                  <a:gd name="connsiteX24" fmla="*/ 132832 w 174281"/>
                  <a:gd name="connsiteY24" fmla="*/ 133193 h 1331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74281" h="133193">
                    <a:moveTo>
                      <a:pt x="132832" y="133071"/>
                    </a:moveTo>
                    <a:lnTo>
                      <a:pt x="6104" y="133071"/>
                    </a:lnTo>
                    <a:cubicBezTo>
                      <a:pt x="2747" y="133071"/>
                      <a:pt x="0" y="130319"/>
                      <a:pt x="0" y="126955"/>
                    </a:cubicBezTo>
                    <a:lnTo>
                      <a:pt x="0" y="0"/>
                    </a:lnTo>
                    <a:lnTo>
                      <a:pt x="12209" y="0"/>
                    </a:lnTo>
                    <a:lnTo>
                      <a:pt x="12209" y="120840"/>
                    </a:lnTo>
                    <a:lnTo>
                      <a:pt x="126728" y="120840"/>
                    </a:lnTo>
                    <a:lnTo>
                      <a:pt x="126728" y="78399"/>
                    </a:lnTo>
                    <a:cubicBezTo>
                      <a:pt x="126728" y="75953"/>
                      <a:pt x="128193" y="73690"/>
                      <a:pt x="130451" y="72773"/>
                    </a:cubicBezTo>
                    <a:cubicBezTo>
                      <a:pt x="132710" y="71795"/>
                      <a:pt x="135335" y="72345"/>
                      <a:pt x="137105" y="74057"/>
                    </a:cubicBezTo>
                    <a:cubicBezTo>
                      <a:pt x="139852" y="76748"/>
                      <a:pt x="143515" y="78277"/>
                      <a:pt x="147422" y="78277"/>
                    </a:cubicBezTo>
                    <a:cubicBezTo>
                      <a:pt x="155540" y="78277"/>
                      <a:pt x="162133" y="71672"/>
                      <a:pt x="162133" y="63539"/>
                    </a:cubicBezTo>
                    <a:cubicBezTo>
                      <a:pt x="162133" y="55405"/>
                      <a:pt x="155540" y="48801"/>
                      <a:pt x="147422" y="48801"/>
                    </a:cubicBezTo>
                    <a:cubicBezTo>
                      <a:pt x="143576" y="48801"/>
                      <a:pt x="139913" y="50268"/>
                      <a:pt x="137105" y="53020"/>
                    </a:cubicBezTo>
                    <a:cubicBezTo>
                      <a:pt x="135335" y="54733"/>
                      <a:pt x="132771" y="55222"/>
                      <a:pt x="130451" y="54305"/>
                    </a:cubicBezTo>
                    <a:cubicBezTo>
                      <a:pt x="128193" y="53326"/>
                      <a:pt x="126728" y="51125"/>
                      <a:pt x="126728" y="48678"/>
                    </a:cubicBezTo>
                    <a:lnTo>
                      <a:pt x="126728" y="122"/>
                    </a:lnTo>
                    <a:lnTo>
                      <a:pt x="138936" y="122"/>
                    </a:lnTo>
                    <a:lnTo>
                      <a:pt x="138936" y="37977"/>
                    </a:lnTo>
                    <a:cubicBezTo>
                      <a:pt x="141622" y="37059"/>
                      <a:pt x="144491" y="36631"/>
                      <a:pt x="147361" y="36631"/>
                    </a:cubicBezTo>
                    <a:cubicBezTo>
                      <a:pt x="162194" y="36631"/>
                      <a:pt x="174281" y="48740"/>
                      <a:pt x="174281" y="63600"/>
                    </a:cubicBezTo>
                    <a:cubicBezTo>
                      <a:pt x="174281" y="78460"/>
                      <a:pt x="162194" y="90569"/>
                      <a:pt x="147361" y="90569"/>
                    </a:cubicBezTo>
                    <a:cubicBezTo>
                      <a:pt x="144430" y="90569"/>
                      <a:pt x="141622" y="90080"/>
                      <a:pt x="138936" y="89223"/>
                    </a:cubicBezTo>
                    <a:lnTo>
                      <a:pt x="138936" y="127078"/>
                    </a:lnTo>
                    <a:cubicBezTo>
                      <a:pt x="138936" y="130441"/>
                      <a:pt x="136189" y="133193"/>
                      <a:pt x="132832" y="133193"/>
                    </a:cubicBezTo>
                    <a:close/>
                  </a:path>
                </a:pathLst>
              </a:custGeom>
              <a:solidFill>
                <a:srgbClr val="265A9A"/>
              </a:solidFill>
              <a:ln w="6096" cap="flat">
                <a:noFill/>
                <a:prstDash val="solid"/>
                <a:miter/>
              </a:ln>
            </p:spPr>
            <p:txBody>
              <a:bodyPr rtlCol="0" anchor="ctr"/>
              <a:lstStyle/>
              <a:p>
                <a:endParaRPr lang="en-AU"/>
              </a:p>
            </p:txBody>
          </p:sp>
          <p:sp>
            <p:nvSpPr>
              <p:cNvPr id="49" name="Freeform 6">
                <a:extLst>
                  <a:ext uri="{FF2B5EF4-FFF2-40B4-BE49-F238E27FC236}">
                    <a16:creationId xmlns:a16="http://schemas.microsoft.com/office/drawing/2014/main" id="{77A125E9-E26A-6012-E6BB-E7288E12BADD}"/>
                  </a:ext>
                </a:extLst>
              </p:cNvPr>
              <p:cNvSpPr/>
              <p:nvPr/>
            </p:nvSpPr>
            <p:spPr>
              <a:xfrm>
                <a:off x="23328" y="-458585"/>
                <a:ext cx="132954" cy="174594"/>
              </a:xfrm>
              <a:custGeom>
                <a:avLst/>
                <a:gdLst>
                  <a:gd name="connsiteX0" fmla="*/ 126728 w 132954"/>
                  <a:gd name="connsiteY0" fmla="*/ 174594 h 174594"/>
                  <a:gd name="connsiteX1" fmla="*/ 0 w 132954"/>
                  <a:gd name="connsiteY1" fmla="*/ 174594 h 174594"/>
                  <a:gd name="connsiteX2" fmla="*/ 0 w 132954"/>
                  <a:gd name="connsiteY2" fmla="*/ 162364 h 174594"/>
                  <a:gd name="connsiteX3" fmla="*/ 120623 w 132954"/>
                  <a:gd name="connsiteY3" fmla="*/ 162364 h 174594"/>
                  <a:gd name="connsiteX4" fmla="*/ 120623 w 132954"/>
                  <a:gd name="connsiteY4" fmla="*/ 47639 h 174594"/>
                  <a:gd name="connsiteX5" fmla="*/ 78259 w 132954"/>
                  <a:gd name="connsiteY5" fmla="*/ 47639 h 174594"/>
                  <a:gd name="connsiteX6" fmla="*/ 72643 w 132954"/>
                  <a:gd name="connsiteY6" fmla="*/ 43909 h 174594"/>
                  <a:gd name="connsiteX7" fmla="*/ 73924 w 132954"/>
                  <a:gd name="connsiteY7" fmla="*/ 37243 h 174594"/>
                  <a:gd name="connsiteX8" fmla="*/ 78137 w 132954"/>
                  <a:gd name="connsiteY8" fmla="*/ 26908 h 174594"/>
                  <a:gd name="connsiteX9" fmla="*/ 63425 w 132954"/>
                  <a:gd name="connsiteY9" fmla="*/ 12170 h 174594"/>
                  <a:gd name="connsiteX10" fmla="*/ 48713 w 132954"/>
                  <a:gd name="connsiteY10" fmla="*/ 26908 h 174594"/>
                  <a:gd name="connsiteX11" fmla="*/ 52925 w 132954"/>
                  <a:gd name="connsiteY11" fmla="*/ 37243 h 174594"/>
                  <a:gd name="connsiteX12" fmla="*/ 54207 w 132954"/>
                  <a:gd name="connsiteY12" fmla="*/ 43909 h 174594"/>
                  <a:gd name="connsiteX13" fmla="*/ 48591 w 132954"/>
                  <a:gd name="connsiteY13" fmla="*/ 47639 h 174594"/>
                  <a:gd name="connsiteX14" fmla="*/ 122 w 132954"/>
                  <a:gd name="connsiteY14" fmla="*/ 47639 h 174594"/>
                  <a:gd name="connsiteX15" fmla="*/ 122 w 132954"/>
                  <a:gd name="connsiteY15" fmla="*/ 35408 h 174594"/>
                  <a:gd name="connsiteX16" fmla="*/ 37908 w 132954"/>
                  <a:gd name="connsiteY16" fmla="*/ 35408 h 174594"/>
                  <a:gd name="connsiteX17" fmla="*/ 36565 w 132954"/>
                  <a:gd name="connsiteY17" fmla="*/ 26969 h 174594"/>
                  <a:gd name="connsiteX18" fmla="*/ 63486 w 132954"/>
                  <a:gd name="connsiteY18" fmla="*/ 0 h 174594"/>
                  <a:gd name="connsiteX19" fmla="*/ 90406 w 132954"/>
                  <a:gd name="connsiteY19" fmla="*/ 26969 h 174594"/>
                  <a:gd name="connsiteX20" fmla="*/ 89063 w 132954"/>
                  <a:gd name="connsiteY20" fmla="*/ 35408 h 174594"/>
                  <a:gd name="connsiteX21" fmla="*/ 126850 w 132954"/>
                  <a:gd name="connsiteY21" fmla="*/ 35408 h 174594"/>
                  <a:gd name="connsiteX22" fmla="*/ 132954 w 132954"/>
                  <a:gd name="connsiteY22" fmla="*/ 41524 h 174594"/>
                  <a:gd name="connsiteX23" fmla="*/ 132954 w 132954"/>
                  <a:gd name="connsiteY23" fmla="*/ 168479 h 174594"/>
                  <a:gd name="connsiteX24" fmla="*/ 126850 w 132954"/>
                  <a:gd name="connsiteY24" fmla="*/ 174594 h 174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32954" h="174594">
                    <a:moveTo>
                      <a:pt x="126728" y="174594"/>
                    </a:moveTo>
                    <a:lnTo>
                      <a:pt x="0" y="174594"/>
                    </a:lnTo>
                    <a:lnTo>
                      <a:pt x="0" y="162364"/>
                    </a:lnTo>
                    <a:lnTo>
                      <a:pt x="120623" y="162364"/>
                    </a:lnTo>
                    <a:lnTo>
                      <a:pt x="120623" y="47639"/>
                    </a:lnTo>
                    <a:lnTo>
                      <a:pt x="78259" y="47639"/>
                    </a:lnTo>
                    <a:cubicBezTo>
                      <a:pt x="75817" y="47639"/>
                      <a:pt x="73558" y="46171"/>
                      <a:pt x="72643" y="43909"/>
                    </a:cubicBezTo>
                    <a:cubicBezTo>
                      <a:pt x="71727" y="41646"/>
                      <a:pt x="72215" y="39016"/>
                      <a:pt x="73924" y="37243"/>
                    </a:cubicBezTo>
                    <a:cubicBezTo>
                      <a:pt x="76610" y="34491"/>
                      <a:pt x="78137" y="30822"/>
                      <a:pt x="78137" y="26908"/>
                    </a:cubicBezTo>
                    <a:cubicBezTo>
                      <a:pt x="78137" y="18774"/>
                      <a:pt x="71544" y="12170"/>
                      <a:pt x="63425" y="12170"/>
                    </a:cubicBezTo>
                    <a:cubicBezTo>
                      <a:pt x="55306" y="12170"/>
                      <a:pt x="48713" y="18774"/>
                      <a:pt x="48713" y="26908"/>
                    </a:cubicBezTo>
                    <a:cubicBezTo>
                      <a:pt x="48713" y="30760"/>
                      <a:pt x="50178" y="34430"/>
                      <a:pt x="52925" y="37243"/>
                    </a:cubicBezTo>
                    <a:cubicBezTo>
                      <a:pt x="54635" y="39016"/>
                      <a:pt x="55123" y="41646"/>
                      <a:pt x="54207" y="43909"/>
                    </a:cubicBezTo>
                    <a:cubicBezTo>
                      <a:pt x="53292" y="46171"/>
                      <a:pt x="51033" y="47639"/>
                      <a:pt x="48591" y="47639"/>
                    </a:cubicBezTo>
                    <a:lnTo>
                      <a:pt x="122" y="47639"/>
                    </a:lnTo>
                    <a:lnTo>
                      <a:pt x="122" y="35408"/>
                    </a:lnTo>
                    <a:lnTo>
                      <a:pt x="37908" y="35408"/>
                    </a:lnTo>
                    <a:cubicBezTo>
                      <a:pt x="36993" y="32717"/>
                      <a:pt x="36565" y="29843"/>
                      <a:pt x="36565" y="26969"/>
                    </a:cubicBezTo>
                    <a:cubicBezTo>
                      <a:pt x="36565" y="12108"/>
                      <a:pt x="48652" y="0"/>
                      <a:pt x="63486" y="0"/>
                    </a:cubicBezTo>
                    <a:cubicBezTo>
                      <a:pt x="78320" y="0"/>
                      <a:pt x="90406" y="12108"/>
                      <a:pt x="90406" y="26969"/>
                    </a:cubicBezTo>
                    <a:cubicBezTo>
                      <a:pt x="90406" y="29904"/>
                      <a:pt x="89918" y="32717"/>
                      <a:pt x="89063" y="35408"/>
                    </a:cubicBezTo>
                    <a:lnTo>
                      <a:pt x="126850" y="35408"/>
                    </a:lnTo>
                    <a:cubicBezTo>
                      <a:pt x="130207" y="35408"/>
                      <a:pt x="132954" y="38160"/>
                      <a:pt x="132954" y="41524"/>
                    </a:cubicBezTo>
                    <a:lnTo>
                      <a:pt x="132954" y="168479"/>
                    </a:lnTo>
                    <a:cubicBezTo>
                      <a:pt x="132954" y="171842"/>
                      <a:pt x="130207" y="174594"/>
                      <a:pt x="126850" y="174594"/>
                    </a:cubicBezTo>
                    <a:close/>
                  </a:path>
                </a:pathLst>
              </a:custGeom>
              <a:solidFill>
                <a:srgbClr val="265A9A"/>
              </a:solidFill>
              <a:ln w="6096" cap="flat">
                <a:noFill/>
                <a:prstDash val="solid"/>
                <a:miter/>
              </a:ln>
            </p:spPr>
            <p:txBody>
              <a:bodyPr rtlCol="0" anchor="ctr"/>
              <a:lstStyle/>
              <a:p>
                <a:endParaRPr lang="en-AU"/>
              </a:p>
            </p:txBody>
          </p:sp>
          <p:sp>
            <p:nvSpPr>
              <p:cNvPr id="50" name="Freeform 7">
                <a:extLst>
                  <a:ext uri="{FF2B5EF4-FFF2-40B4-BE49-F238E27FC236}">
                    <a16:creationId xmlns:a16="http://schemas.microsoft.com/office/drawing/2014/main" id="{B51CC770-3142-ABF3-525F-34033565B61A}"/>
                  </a:ext>
                </a:extLst>
              </p:cNvPr>
              <p:cNvSpPr/>
              <p:nvPr/>
            </p:nvSpPr>
            <p:spPr>
              <a:xfrm>
                <a:off x="-18120" y="-550316"/>
                <a:ext cx="174281" cy="133193"/>
              </a:xfrm>
              <a:custGeom>
                <a:avLst/>
                <a:gdLst>
                  <a:gd name="connsiteX0" fmla="*/ 174281 w 174281"/>
                  <a:gd name="connsiteY0" fmla="*/ 133193 h 133193"/>
                  <a:gd name="connsiteX1" fmla="*/ 162072 w 174281"/>
                  <a:gd name="connsiteY1" fmla="*/ 133193 h 133193"/>
                  <a:gd name="connsiteX2" fmla="*/ 162072 w 174281"/>
                  <a:gd name="connsiteY2" fmla="*/ 12353 h 133193"/>
                  <a:gd name="connsiteX3" fmla="*/ 47553 w 174281"/>
                  <a:gd name="connsiteY3" fmla="*/ 12353 h 133193"/>
                  <a:gd name="connsiteX4" fmla="*/ 47553 w 174281"/>
                  <a:gd name="connsiteY4" fmla="*/ 54794 h 133193"/>
                  <a:gd name="connsiteX5" fmla="*/ 43830 w 174281"/>
                  <a:gd name="connsiteY5" fmla="*/ 60420 h 133193"/>
                  <a:gd name="connsiteX6" fmla="*/ 37176 w 174281"/>
                  <a:gd name="connsiteY6" fmla="*/ 59136 h 133193"/>
                  <a:gd name="connsiteX7" fmla="*/ 26859 w 174281"/>
                  <a:gd name="connsiteY7" fmla="*/ 54916 h 133193"/>
                  <a:gd name="connsiteX8" fmla="*/ 12148 w 174281"/>
                  <a:gd name="connsiteY8" fmla="*/ 69654 h 133193"/>
                  <a:gd name="connsiteX9" fmla="*/ 26859 w 174281"/>
                  <a:gd name="connsiteY9" fmla="*/ 84392 h 133193"/>
                  <a:gd name="connsiteX10" fmla="*/ 37176 w 174281"/>
                  <a:gd name="connsiteY10" fmla="*/ 80173 h 133193"/>
                  <a:gd name="connsiteX11" fmla="*/ 43830 w 174281"/>
                  <a:gd name="connsiteY11" fmla="*/ 78888 h 133193"/>
                  <a:gd name="connsiteX12" fmla="*/ 47553 w 174281"/>
                  <a:gd name="connsiteY12" fmla="*/ 84515 h 133193"/>
                  <a:gd name="connsiteX13" fmla="*/ 47553 w 174281"/>
                  <a:gd name="connsiteY13" fmla="*/ 133071 h 133193"/>
                  <a:gd name="connsiteX14" fmla="*/ 35345 w 174281"/>
                  <a:gd name="connsiteY14" fmla="*/ 133071 h 133193"/>
                  <a:gd name="connsiteX15" fmla="*/ 35345 w 174281"/>
                  <a:gd name="connsiteY15" fmla="*/ 95217 h 133193"/>
                  <a:gd name="connsiteX16" fmla="*/ 26920 w 174281"/>
                  <a:gd name="connsiteY16" fmla="*/ 96562 h 133193"/>
                  <a:gd name="connsiteX17" fmla="*/ 0 w 174281"/>
                  <a:gd name="connsiteY17" fmla="*/ 69593 h 133193"/>
                  <a:gd name="connsiteX18" fmla="*/ 26920 w 174281"/>
                  <a:gd name="connsiteY18" fmla="*/ 42624 h 133193"/>
                  <a:gd name="connsiteX19" fmla="*/ 35345 w 174281"/>
                  <a:gd name="connsiteY19" fmla="*/ 43970 h 133193"/>
                  <a:gd name="connsiteX20" fmla="*/ 35345 w 174281"/>
                  <a:gd name="connsiteY20" fmla="*/ 6115 h 133193"/>
                  <a:gd name="connsiteX21" fmla="*/ 41449 w 174281"/>
                  <a:gd name="connsiteY21" fmla="*/ 0 h 133193"/>
                  <a:gd name="connsiteX22" fmla="*/ 168177 w 174281"/>
                  <a:gd name="connsiteY22" fmla="*/ 0 h 133193"/>
                  <a:gd name="connsiteX23" fmla="*/ 174281 w 174281"/>
                  <a:gd name="connsiteY23" fmla="*/ 6115 h 133193"/>
                  <a:gd name="connsiteX24" fmla="*/ 174281 w 174281"/>
                  <a:gd name="connsiteY24" fmla="*/ 133071 h 1331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74281" h="133193">
                    <a:moveTo>
                      <a:pt x="174281" y="133193"/>
                    </a:moveTo>
                    <a:lnTo>
                      <a:pt x="162072" y="133193"/>
                    </a:lnTo>
                    <a:lnTo>
                      <a:pt x="162072" y="12353"/>
                    </a:lnTo>
                    <a:lnTo>
                      <a:pt x="47553" y="12353"/>
                    </a:lnTo>
                    <a:lnTo>
                      <a:pt x="47553" y="54794"/>
                    </a:lnTo>
                    <a:cubicBezTo>
                      <a:pt x="47553" y="57240"/>
                      <a:pt x="46088" y="59503"/>
                      <a:pt x="43830" y="60420"/>
                    </a:cubicBezTo>
                    <a:cubicBezTo>
                      <a:pt x="41571" y="61398"/>
                      <a:pt x="38946" y="60909"/>
                      <a:pt x="37176" y="59136"/>
                    </a:cubicBezTo>
                    <a:cubicBezTo>
                      <a:pt x="34429" y="56445"/>
                      <a:pt x="30766" y="54916"/>
                      <a:pt x="26859" y="54916"/>
                    </a:cubicBezTo>
                    <a:cubicBezTo>
                      <a:pt x="18741" y="54916"/>
                      <a:pt x="12148" y="61521"/>
                      <a:pt x="12148" y="69654"/>
                    </a:cubicBezTo>
                    <a:cubicBezTo>
                      <a:pt x="12148" y="77788"/>
                      <a:pt x="18741" y="84392"/>
                      <a:pt x="26859" y="84392"/>
                    </a:cubicBezTo>
                    <a:cubicBezTo>
                      <a:pt x="30705" y="84392"/>
                      <a:pt x="34368" y="82925"/>
                      <a:pt x="37176" y="80173"/>
                    </a:cubicBezTo>
                    <a:cubicBezTo>
                      <a:pt x="38946" y="78460"/>
                      <a:pt x="41571" y="77971"/>
                      <a:pt x="43830" y="78888"/>
                    </a:cubicBezTo>
                    <a:cubicBezTo>
                      <a:pt x="46088" y="79867"/>
                      <a:pt x="47553" y="82069"/>
                      <a:pt x="47553" y="84515"/>
                    </a:cubicBezTo>
                    <a:lnTo>
                      <a:pt x="47553" y="133071"/>
                    </a:lnTo>
                    <a:lnTo>
                      <a:pt x="35345" y="133071"/>
                    </a:lnTo>
                    <a:lnTo>
                      <a:pt x="35345" y="95217"/>
                    </a:lnTo>
                    <a:cubicBezTo>
                      <a:pt x="32659" y="96134"/>
                      <a:pt x="29790" y="96562"/>
                      <a:pt x="26920" y="96562"/>
                    </a:cubicBezTo>
                    <a:cubicBezTo>
                      <a:pt x="12087" y="96562"/>
                      <a:pt x="0" y="84454"/>
                      <a:pt x="0" y="69593"/>
                    </a:cubicBezTo>
                    <a:cubicBezTo>
                      <a:pt x="0" y="54733"/>
                      <a:pt x="12087" y="42624"/>
                      <a:pt x="26920" y="42624"/>
                    </a:cubicBezTo>
                    <a:cubicBezTo>
                      <a:pt x="29851" y="42624"/>
                      <a:pt x="32659" y="43113"/>
                      <a:pt x="35345" y="43970"/>
                    </a:cubicBezTo>
                    <a:lnTo>
                      <a:pt x="35345" y="6115"/>
                    </a:lnTo>
                    <a:cubicBezTo>
                      <a:pt x="35345" y="2752"/>
                      <a:pt x="38092" y="0"/>
                      <a:pt x="41449" y="0"/>
                    </a:cubicBezTo>
                    <a:lnTo>
                      <a:pt x="168177" y="0"/>
                    </a:lnTo>
                    <a:cubicBezTo>
                      <a:pt x="171534" y="0"/>
                      <a:pt x="174281" y="2752"/>
                      <a:pt x="174281" y="6115"/>
                    </a:cubicBezTo>
                    <a:lnTo>
                      <a:pt x="174281" y="133071"/>
                    </a:lnTo>
                    <a:close/>
                  </a:path>
                </a:pathLst>
              </a:custGeom>
              <a:solidFill>
                <a:srgbClr val="265A9A"/>
              </a:solidFill>
              <a:ln w="6096" cap="flat">
                <a:noFill/>
                <a:prstDash val="solid"/>
                <a:miter/>
              </a:ln>
            </p:spPr>
            <p:txBody>
              <a:bodyPr rtlCol="0" anchor="ctr"/>
              <a:lstStyle/>
              <a:p>
                <a:endParaRPr lang="en-AU"/>
              </a:p>
            </p:txBody>
          </p:sp>
        </p:grpSp>
      </p:grpSp>
      <p:sp>
        <p:nvSpPr>
          <p:cNvPr id="61" name="Freeform 17">
            <a:extLst>
              <a:ext uri="{FF2B5EF4-FFF2-40B4-BE49-F238E27FC236}">
                <a16:creationId xmlns:a16="http://schemas.microsoft.com/office/drawing/2014/main" id="{0FDA87B4-D9C9-6B54-87E1-6ABBED111AA5}"/>
              </a:ext>
            </a:extLst>
          </p:cNvPr>
          <p:cNvSpPr/>
          <p:nvPr/>
        </p:nvSpPr>
        <p:spPr>
          <a:xfrm>
            <a:off x="10485383" y="5207823"/>
            <a:ext cx="157376" cy="135454"/>
          </a:xfrm>
          <a:custGeom>
            <a:avLst/>
            <a:gdLst>
              <a:gd name="connsiteX0" fmla="*/ 81031 w 103660"/>
              <a:gd name="connsiteY0" fmla="*/ 89221 h 89220"/>
              <a:gd name="connsiteX1" fmla="*/ 22630 w 103660"/>
              <a:gd name="connsiteY1" fmla="*/ 89221 h 89220"/>
              <a:gd name="connsiteX2" fmla="*/ 0 w 103660"/>
              <a:gd name="connsiteY2" fmla="*/ 66550 h 89220"/>
              <a:gd name="connsiteX3" fmla="*/ 0 w 103660"/>
              <a:gd name="connsiteY3" fmla="*/ 22671 h 89220"/>
              <a:gd name="connsiteX4" fmla="*/ 22630 w 103660"/>
              <a:gd name="connsiteY4" fmla="*/ 0 h 89220"/>
              <a:gd name="connsiteX5" fmla="*/ 81031 w 103660"/>
              <a:gd name="connsiteY5" fmla="*/ 0 h 89220"/>
              <a:gd name="connsiteX6" fmla="*/ 103661 w 103660"/>
              <a:gd name="connsiteY6" fmla="*/ 22671 h 89220"/>
              <a:gd name="connsiteX7" fmla="*/ 103661 w 103660"/>
              <a:gd name="connsiteY7" fmla="*/ 66550 h 89220"/>
              <a:gd name="connsiteX8" fmla="*/ 81031 w 103660"/>
              <a:gd name="connsiteY8" fmla="*/ 89221 h 89220"/>
              <a:gd name="connsiteX9" fmla="*/ 22630 w 103660"/>
              <a:gd name="connsiteY9" fmla="*/ 16089 h 89220"/>
              <a:gd name="connsiteX10" fmla="*/ 16060 w 103660"/>
              <a:gd name="connsiteY10" fmla="*/ 22671 h 89220"/>
              <a:gd name="connsiteX11" fmla="*/ 16060 w 103660"/>
              <a:gd name="connsiteY11" fmla="*/ 66550 h 89220"/>
              <a:gd name="connsiteX12" fmla="*/ 22630 w 103660"/>
              <a:gd name="connsiteY12" fmla="*/ 73132 h 89220"/>
              <a:gd name="connsiteX13" fmla="*/ 81031 w 103660"/>
              <a:gd name="connsiteY13" fmla="*/ 73132 h 89220"/>
              <a:gd name="connsiteX14" fmla="*/ 87601 w 103660"/>
              <a:gd name="connsiteY14" fmla="*/ 66550 h 89220"/>
              <a:gd name="connsiteX15" fmla="*/ 87601 w 103660"/>
              <a:gd name="connsiteY15" fmla="*/ 22671 h 89220"/>
              <a:gd name="connsiteX16" fmla="*/ 81031 w 103660"/>
              <a:gd name="connsiteY16" fmla="*/ 16089 h 89220"/>
              <a:gd name="connsiteX17" fmla="*/ 22630 w 103660"/>
              <a:gd name="connsiteY17" fmla="*/ 16089 h 89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03660" h="89220">
                <a:moveTo>
                  <a:pt x="81031" y="89221"/>
                </a:moveTo>
                <a:lnTo>
                  <a:pt x="22630" y="89221"/>
                </a:lnTo>
                <a:cubicBezTo>
                  <a:pt x="10147" y="89221"/>
                  <a:pt x="0" y="79055"/>
                  <a:pt x="0" y="66550"/>
                </a:cubicBezTo>
                <a:lnTo>
                  <a:pt x="0" y="22671"/>
                </a:lnTo>
                <a:cubicBezTo>
                  <a:pt x="0" y="10165"/>
                  <a:pt x="10147" y="0"/>
                  <a:pt x="22630" y="0"/>
                </a:cubicBezTo>
                <a:lnTo>
                  <a:pt x="81031" y="0"/>
                </a:lnTo>
                <a:cubicBezTo>
                  <a:pt x="93514" y="0"/>
                  <a:pt x="103661" y="10165"/>
                  <a:pt x="103661" y="22671"/>
                </a:cubicBezTo>
                <a:lnTo>
                  <a:pt x="103661" y="66550"/>
                </a:lnTo>
                <a:cubicBezTo>
                  <a:pt x="103661" y="79055"/>
                  <a:pt x="93514" y="89221"/>
                  <a:pt x="81031" y="89221"/>
                </a:cubicBezTo>
                <a:close/>
                <a:moveTo>
                  <a:pt x="22630" y="16089"/>
                </a:moveTo>
                <a:cubicBezTo>
                  <a:pt x="18980" y="16089"/>
                  <a:pt x="16060" y="19014"/>
                  <a:pt x="16060" y="22671"/>
                </a:cubicBezTo>
                <a:lnTo>
                  <a:pt x="16060" y="66550"/>
                </a:lnTo>
                <a:cubicBezTo>
                  <a:pt x="16060" y="70207"/>
                  <a:pt x="18980" y="73132"/>
                  <a:pt x="22630" y="73132"/>
                </a:cubicBezTo>
                <a:lnTo>
                  <a:pt x="81031" y="73132"/>
                </a:lnTo>
                <a:cubicBezTo>
                  <a:pt x="84681" y="73132"/>
                  <a:pt x="87601" y="70207"/>
                  <a:pt x="87601" y="66550"/>
                </a:cubicBezTo>
                <a:lnTo>
                  <a:pt x="87601" y="22671"/>
                </a:lnTo>
                <a:cubicBezTo>
                  <a:pt x="87601" y="19014"/>
                  <a:pt x="84681" y="16089"/>
                  <a:pt x="81031" y="16089"/>
                </a:cubicBezTo>
                <a:lnTo>
                  <a:pt x="22630" y="16089"/>
                </a:lnTo>
                <a:close/>
              </a:path>
            </a:pathLst>
          </a:custGeom>
          <a:solidFill>
            <a:srgbClr val="265A9A"/>
          </a:solidFill>
          <a:ln w="0" cap="flat">
            <a:noFill/>
            <a:prstDash val="solid"/>
            <a:miter/>
          </a:ln>
        </p:spPr>
        <p:txBody>
          <a:bodyPr rtlCol="0" anchor="ctr"/>
          <a:lstStyle/>
          <a:p>
            <a:endParaRPr lang="en-US"/>
          </a:p>
        </p:txBody>
      </p:sp>
      <p:sp>
        <p:nvSpPr>
          <p:cNvPr id="62" name="Freeform 18">
            <a:extLst>
              <a:ext uri="{FF2B5EF4-FFF2-40B4-BE49-F238E27FC236}">
                <a16:creationId xmlns:a16="http://schemas.microsoft.com/office/drawing/2014/main" id="{CDF2E930-C664-5E0B-4312-311F79E916D6}"/>
              </a:ext>
            </a:extLst>
          </p:cNvPr>
          <p:cNvSpPr/>
          <p:nvPr/>
        </p:nvSpPr>
        <p:spPr>
          <a:xfrm>
            <a:off x="10297049" y="5249486"/>
            <a:ext cx="157376" cy="135454"/>
          </a:xfrm>
          <a:custGeom>
            <a:avLst/>
            <a:gdLst>
              <a:gd name="connsiteX0" fmla="*/ 81031 w 103660"/>
              <a:gd name="connsiteY0" fmla="*/ 89221 h 89220"/>
              <a:gd name="connsiteX1" fmla="*/ 22630 w 103660"/>
              <a:gd name="connsiteY1" fmla="*/ 89221 h 89220"/>
              <a:gd name="connsiteX2" fmla="*/ 0 w 103660"/>
              <a:gd name="connsiteY2" fmla="*/ 66550 h 89220"/>
              <a:gd name="connsiteX3" fmla="*/ 0 w 103660"/>
              <a:gd name="connsiteY3" fmla="*/ 22671 h 89220"/>
              <a:gd name="connsiteX4" fmla="*/ 22630 w 103660"/>
              <a:gd name="connsiteY4" fmla="*/ 0 h 89220"/>
              <a:gd name="connsiteX5" fmla="*/ 81031 w 103660"/>
              <a:gd name="connsiteY5" fmla="*/ 0 h 89220"/>
              <a:gd name="connsiteX6" fmla="*/ 103661 w 103660"/>
              <a:gd name="connsiteY6" fmla="*/ 22671 h 89220"/>
              <a:gd name="connsiteX7" fmla="*/ 103661 w 103660"/>
              <a:gd name="connsiteY7" fmla="*/ 66550 h 89220"/>
              <a:gd name="connsiteX8" fmla="*/ 81031 w 103660"/>
              <a:gd name="connsiteY8" fmla="*/ 89221 h 89220"/>
              <a:gd name="connsiteX9" fmla="*/ 22630 w 103660"/>
              <a:gd name="connsiteY9" fmla="*/ 16089 h 89220"/>
              <a:gd name="connsiteX10" fmla="*/ 16060 w 103660"/>
              <a:gd name="connsiteY10" fmla="*/ 22671 h 89220"/>
              <a:gd name="connsiteX11" fmla="*/ 16060 w 103660"/>
              <a:gd name="connsiteY11" fmla="*/ 66550 h 89220"/>
              <a:gd name="connsiteX12" fmla="*/ 22630 w 103660"/>
              <a:gd name="connsiteY12" fmla="*/ 73132 h 89220"/>
              <a:gd name="connsiteX13" fmla="*/ 81031 w 103660"/>
              <a:gd name="connsiteY13" fmla="*/ 73132 h 89220"/>
              <a:gd name="connsiteX14" fmla="*/ 87601 w 103660"/>
              <a:gd name="connsiteY14" fmla="*/ 66550 h 89220"/>
              <a:gd name="connsiteX15" fmla="*/ 87601 w 103660"/>
              <a:gd name="connsiteY15" fmla="*/ 22671 h 89220"/>
              <a:gd name="connsiteX16" fmla="*/ 81031 w 103660"/>
              <a:gd name="connsiteY16" fmla="*/ 16089 h 89220"/>
              <a:gd name="connsiteX17" fmla="*/ 22630 w 103660"/>
              <a:gd name="connsiteY17" fmla="*/ 16089 h 89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03660" h="89220">
                <a:moveTo>
                  <a:pt x="81031" y="89221"/>
                </a:moveTo>
                <a:lnTo>
                  <a:pt x="22630" y="89221"/>
                </a:lnTo>
                <a:cubicBezTo>
                  <a:pt x="10147" y="89221"/>
                  <a:pt x="0" y="79055"/>
                  <a:pt x="0" y="66550"/>
                </a:cubicBezTo>
                <a:lnTo>
                  <a:pt x="0" y="22671"/>
                </a:lnTo>
                <a:cubicBezTo>
                  <a:pt x="0" y="10165"/>
                  <a:pt x="10147" y="0"/>
                  <a:pt x="22630" y="0"/>
                </a:cubicBezTo>
                <a:lnTo>
                  <a:pt x="81031" y="0"/>
                </a:lnTo>
                <a:cubicBezTo>
                  <a:pt x="93514" y="0"/>
                  <a:pt x="103661" y="10165"/>
                  <a:pt x="103661" y="22671"/>
                </a:cubicBezTo>
                <a:lnTo>
                  <a:pt x="103661" y="66550"/>
                </a:lnTo>
                <a:cubicBezTo>
                  <a:pt x="103661" y="79055"/>
                  <a:pt x="93514" y="89221"/>
                  <a:pt x="81031" y="89221"/>
                </a:cubicBezTo>
                <a:close/>
                <a:moveTo>
                  <a:pt x="22630" y="16089"/>
                </a:moveTo>
                <a:cubicBezTo>
                  <a:pt x="18980" y="16089"/>
                  <a:pt x="16060" y="19014"/>
                  <a:pt x="16060" y="22671"/>
                </a:cubicBezTo>
                <a:lnTo>
                  <a:pt x="16060" y="66550"/>
                </a:lnTo>
                <a:cubicBezTo>
                  <a:pt x="16060" y="70207"/>
                  <a:pt x="18980" y="73132"/>
                  <a:pt x="22630" y="73132"/>
                </a:cubicBezTo>
                <a:lnTo>
                  <a:pt x="81031" y="73132"/>
                </a:lnTo>
                <a:cubicBezTo>
                  <a:pt x="84681" y="73132"/>
                  <a:pt x="87601" y="70207"/>
                  <a:pt x="87601" y="66550"/>
                </a:cubicBezTo>
                <a:lnTo>
                  <a:pt x="87601" y="22671"/>
                </a:lnTo>
                <a:cubicBezTo>
                  <a:pt x="87601" y="19014"/>
                  <a:pt x="84681" y="16089"/>
                  <a:pt x="81031" y="16089"/>
                </a:cubicBezTo>
                <a:lnTo>
                  <a:pt x="22630" y="16089"/>
                </a:lnTo>
                <a:close/>
              </a:path>
            </a:pathLst>
          </a:custGeom>
          <a:solidFill>
            <a:srgbClr val="265A9A"/>
          </a:solidFill>
          <a:ln w="0" cap="flat">
            <a:noFill/>
            <a:prstDash val="solid"/>
            <a:miter/>
          </a:ln>
        </p:spPr>
        <p:txBody>
          <a:bodyPr rtlCol="0" anchor="ctr"/>
          <a:lstStyle/>
          <a:p>
            <a:endParaRPr lang="en-US"/>
          </a:p>
        </p:txBody>
      </p:sp>
      <p:sp>
        <p:nvSpPr>
          <p:cNvPr id="63" name="Freeform 19">
            <a:extLst>
              <a:ext uri="{FF2B5EF4-FFF2-40B4-BE49-F238E27FC236}">
                <a16:creationId xmlns:a16="http://schemas.microsoft.com/office/drawing/2014/main" id="{DFBAA84D-3754-5B3B-5B62-E4C1245570FF}"/>
              </a:ext>
            </a:extLst>
          </p:cNvPr>
          <p:cNvSpPr/>
          <p:nvPr/>
        </p:nvSpPr>
        <p:spPr>
          <a:xfrm>
            <a:off x="10093429" y="5199357"/>
            <a:ext cx="157376" cy="135454"/>
          </a:xfrm>
          <a:custGeom>
            <a:avLst/>
            <a:gdLst>
              <a:gd name="connsiteX0" fmla="*/ 81031 w 103660"/>
              <a:gd name="connsiteY0" fmla="*/ 89221 h 89220"/>
              <a:gd name="connsiteX1" fmla="*/ 22630 w 103660"/>
              <a:gd name="connsiteY1" fmla="*/ 89221 h 89220"/>
              <a:gd name="connsiteX2" fmla="*/ 0 w 103660"/>
              <a:gd name="connsiteY2" fmla="*/ 66550 h 89220"/>
              <a:gd name="connsiteX3" fmla="*/ 0 w 103660"/>
              <a:gd name="connsiteY3" fmla="*/ 22671 h 89220"/>
              <a:gd name="connsiteX4" fmla="*/ 22630 w 103660"/>
              <a:gd name="connsiteY4" fmla="*/ 0 h 89220"/>
              <a:gd name="connsiteX5" fmla="*/ 81031 w 103660"/>
              <a:gd name="connsiteY5" fmla="*/ 0 h 89220"/>
              <a:gd name="connsiteX6" fmla="*/ 103661 w 103660"/>
              <a:gd name="connsiteY6" fmla="*/ 22671 h 89220"/>
              <a:gd name="connsiteX7" fmla="*/ 103661 w 103660"/>
              <a:gd name="connsiteY7" fmla="*/ 66550 h 89220"/>
              <a:gd name="connsiteX8" fmla="*/ 81031 w 103660"/>
              <a:gd name="connsiteY8" fmla="*/ 89221 h 89220"/>
              <a:gd name="connsiteX9" fmla="*/ 22630 w 103660"/>
              <a:gd name="connsiteY9" fmla="*/ 16089 h 89220"/>
              <a:gd name="connsiteX10" fmla="*/ 16060 w 103660"/>
              <a:gd name="connsiteY10" fmla="*/ 22671 h 89220"/>
              <a:gd name="connsiteX11" fmla="*/ 16060 w 103660"/>
              <a:gd name="connsiteY11" fmla="*/ 66550 h 89220"/>
              <a:gd name="connsiteX12" fmla="*/ 22630 w 103660"/>
              <a:gd name="connsiteY12" fmla="*/ 73132 h 89220"/>
              <a:gd name="connsiteX13" fmla="*/ 81031 w 103660"/>
              <a:gd name="connsiteY13" fmla="*/ 73132 h 89220"/>
              <a:gd name="connsiteX14" fmla="*/ 87601 w 103660"/>
              <a:gd name="connsiteY14" fmla="*/ 66550 h 89220"/>
              <a:gd name="connsiteX15" fmla="*/ 87601 w 103660"/>
              <a:gd name="connsiteY15" fmla="*/ 22671 h 89220"/>
              <a:gd name="connsiteX16" fmla="*/ 81031 w 103660"/>
              <a:gd name="connsiteY16" fmla="*/ 16089 h 89220"/>
              <a:gd name="connsiteX17" fmla="*/ 22630 w 103660"/>
              <a:gd name="connsiteY17" fmla="*/ 16089 h 89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03660" h="89220">
                <a:moveTo>
                  <a:pt x="81031" y="89221"/>
                </a:moveTo>
                <a:lnTo>
                  <a:pt x="22630" y="89221"/>
                </a:lnTo>
                <a:cubicBezTo>
                  <a:pt x="10147" y="89221"/>
                  <a:pt x="0" y="79055"/>
                  <a:pt x="0" y="66550"/>
                </a:cubicBezTo>
                <a:lnTo>
                  <a:pt x="0" y="22671"/>
                </a:lnTo>
                <a:cubicBezTo>
                  <a:pt x="0" y="10165"/>
                  <a:pt x="10147" y="0"/>
                  <a:pt x="22630" y="0"/>
                </a:cubicBezTo>
                <a:lnTo>
                  <a:pt x="81031" y="0"/>
                </a:lnTo>
                <a:cubicBezTo>
                  <a:pt x="93514" y="0"/>
                  <a:pt x="103661" y="10165"/>
                  <a:pt x="103661" y="22671"/>
                </a:cubicBezTo>
                <a:lnTo>
                  <a:pt x="103661" y="66550"/>
                </a:lnTo>
                <a:cubicBezTo>
                  <a:pt x="103661" y="79055"/>
                  <a:pt x="93514" y="89221"/>
                  <a:pt x="81031" y="89221"/>
                </a:cubicBezTo>
                <a:close/>
                <a:moveTo>
                  <a:pt x="22630" y="16089"/>
                </a:moveTo>
                <a:cubicBezTo>
                  <a:pt x="18980" y="16089"/>
                  <a:pt x="16060" y="19014"/>
                  <a:pt x="16060" y="22671"/>
                </a:cubicBezTo>
                <a:lnTo>
                  <a:pt x="16060" y="66550"/>
                </a:lnTo>
                <a:cubicBezTo>
                  <a:pt x="16060" y="70207"/>
                  <a:pt x="18980" y="73132"/>
                  <a:pt x="22630" y="73132"/>
                </a:cubicBezTo>
                <a:lnTo>
                  <a:pt x="81031" y="73132"/>
                </a:lnTo>
                <a:cubicBezTo>
                  <a:pt x="84681" y="73132"/>
                  <a:pt x="87601" y="70207"/>
                  <a:pt x="87601" y="66550"/>
                </a:cubicBezTo>
                <a:lnTo>
                  <a:pt x="87601" y="22671"/>
                </a:lnTo>
                <a:cubicBezTo>
                  <a:pt x="87601" y="19014"/>
                  <a:pt x="84681" y="16089"/>
                  <a:pt x="81031" y="16089"/>
                </a:cubicBezTo>
                <a:lnTo>
                  <a:pt x="22630" y="16089"/>
                </a:lnTo>
                <a:close/>
              </a:path>
            </a:pathLst>
          </a:custGeom>
          <a:solidFill>
            <a:srgbClr val="265A9A"/>
          </a:solidFill>
          <a:ln w="0" cap="flat">
            <a:noFill/>
            <a:prstDash val="solid"/>
            <a:miter/>
          </a:ln>
        </p:spPr>
        <p:txBody>
          <a:bodyPr rtlCol="0" anchor="ctr"/>
          <a:lstStyle/>
          <a:p>
            <a:endParaRPr lang="en-US"/>
          </a:p>
        </p:txBody>
      </p:sp>
      <p:grpSp>
        <p:nvGrpSpPr>
          <p:cNvPr id="76" name="Group 75">
            <a:extLst>
              <a:ext uri="{FF2B5EF4-FFF2-40B4-BE49-F238E27FC236}">
                <a16:creationId xmlns:a16="http://schemas.microsoft.com/office/drawing/2014/main" id="{170F4A48-D9D2-A097-5ACF-040B24084137}"/>
              </a:ext>
            </a:extLst>
          </p:cNvPr>
          <p:cNvGrpSpPr/>
          <p:nvPr/>
        </p:nvGrpSpPr>
        <p:grpSpPr>
          <a:xfrm>
            <a:off x="10117234" y="4856785"/>
            <a:ext cx="506165" cy="502265"/>
            <a:chOff x="10086972" y="4955188"/>
            <a:chExt cx="506165" cy="502265"/>
          </a:xfrm>
        </p:grpSpPr>
        <p:sp>
          <p:nvSpPr>
            <p:cNvPr id="58" name="Freeform 13">
              <a:extLst>
                <a:ext uri="{FF2B5EF4-FFF2-40B4-BE49-F238E27FC236}">
                  <a16:creationId xmlns:a16="http://schemas.microsoft.com/office/drawing/2014/main" id="{6970EB14-CD41-88D5-7050-14FBC2B2E840}"/>
                </a:ext>
              </a:extLst>
            </p:cNvPr>
            <p:cNvSpPr/>
            <p:nvPr/>
          </p:nvSpPr>
          <p:spPr>
            <a:xfrm>
              <a:off x="10332097" y="5066628"/>
              <a:ext cx="24382" cy="102146"/>
            </a:xfrm>
            <a:custGeom>
              <a:avLst/>
              <a:gdLst>
                <a:gd name="connsiteX0" fmla="*/ 8030 w 16060"/>
                <a:gd name="connsiteY0" fmla="*/ 67281 h 67281"/>
                <a:gd name="connsiteX1" fmla="*/ 0 w 16060"/>
                <a:gd name="connsiteY1" fmla="*/ 59237 h 67281"/>
                <a:gd name="connsiteX2" fmla="*/ 0 w 16060"/>
                <a:gd name="connsiteY2" fmla="*/ 8045 h 67281"/>
                <a:gd name="connsiteX3" fmla="*/ 8030 w 16060"/>
                <a:gd name="connsiteY3" fmla="*/ 0 h 67281"/>
                <a:gd name="connsiteX4" fmla="*/ 16060 w 16060"/>
                <a:gd name="connsiteY4" fmla="*/ 8045 h 67281"/>
                <a:gd name="connsiteX5" fmla="*/ 16060 w 16060"/>
                <a:gd name="connsiteY5" fmla="*/ 59237 h 67281"/>
                <a:gd name="connsiteX6" fmla="*/ 8030 w 16060"/>
                <a:gd name="connsiteY6" fmla="*/ 67281 h 672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6060" h="67281">
                  <a:moveTo>
                    <a:pt x="8030" y="67281"/>
                  </a:moveTo>
                  <a:cubicBezTo>
                    <a:pt x="3577" y="67281"/>
                    <a:pt x="0" y="63698"/>
                    <a:pt x="0" y="59237"/>
                  </a:cubicBezTo>
                  <a:lnTo>
                    <a:pt x="0" y="8045"/>
                  </a:lnTo>
                  <a:cubicBezTo>
                    <a:pt x="0" y="3583"/>
                    <a:pt x="3577" y="0"/>
                    <a:pt x="8030" y="0"/>
                  </a:cubicBezTo>
                  <a:cubicBezTo>
                    <a:pt x="12483" y="0"/>
                    <a:pt x="16060" y="3583"/>
                    <a:pt x="16060" y="8045"/>
                  </a:cubicBezTo>
                  <a:lnTo>
                    <a:pt x="16060" y="59237"/>
                  </a:lnTo>
                  <a:cubicBezTo>
                    <a:pt x="16060" y="63698"/>
                    <a:pt x="12483" y="67281"/>
                    <a:pt x="8030" y="67281"/>
                  </a:cubicBezTo>
                  <a:close/>
                </a:path>
              </a:pathLst>
            </a:custGeom>
            <a:solidFill>
              <a:srgbClr val="265A9A"/>
            </a:solidFill>
            <a:ln w="0" cap="flat">
              <a:noFill/>
              <a:prstDash val="solid"/>
              <a:miter/>
            </a:ln>
          </p:spPr>
          <p:txBody>
            <a:bodyPr rtlCol="0" anchor="ctr"/>
            <a:lstStyle/>
            <a:p>
              <a:endParaRPr lang="en-US"/>
            </a:p>
          </p:txBody>
        </p:sp>
        <p:sp>
          <p:nvSpPr>
            <p:cNvPr id="59" name="Freeform 14">
              <a:extLst>
                <a:ext uri="{FF2B5EF4-FFF2-40B4-BE49-F238E27FC236}">
                  <a16:creationId xmlns:a16="http://schemas.microsoft.com/office/drawing/2014/main" id="{E66DDDF0-47E4-3A6E-497A-84B90FF59C96}"/>
                </a:ext>
              </a:extLst>
            </p:cNvPr>
            <p:cNvSpPr/>
            <p:nvPr/>
          </p:nvSpPr>
          <p:spPr>
            <a:xfrm>
              <a:off x="10332097" y="5277584"/>
              <a:ext cx="24382" cy="102146"/>
            </a:xfrm>
            <a:custGeom>
              <a:avLst/>
              <a:gdLst>
                <a:gd name="connsiteX0" fmla="*/ 8030 w 16060"/>
                <a:gd name="connsiteY0" fmla="*/ 67281 h 67281"/>
                <a:gd name="connsiteX1" fmla="*/ 0 w 16060"/>
                <a:gd name="connsiteY1" fmla="*/ 59237 h 67281"/>
                <a:gd name="connsiteX2" fmla="*/ 0 w 16060"/>
                <a:gd name="connsiteY2" fmla="*/ 8045 h 67281"/>
                <a:gd name="connsiteX3" fmla="*/ 8030 w 16060"/>
                <a:gd name="connsiteY3" fmla="*/ 0 h 67281"/>
                <a:gd name="connsiteX4" fmla="*/ 16060 w 16060"/>
                <a:gd name="connsiteY4" fmla="*/ 8045 h 67281"/>
                <a:gd name="connsiteX5" fmla="*/ 16060 w 16060"/>
                <a:gd name="connsiteY5" fmla="*/ 59237 h 67281"/>
                <a:gd name="connsiteX6" fmla="*/ 8030 w 16060"/>
                <a:gd name="connsiteY6" fmla="*/ 67281 h 672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6060" h="67281">
                  <a:moveTo>
                    <a:pt x="8030" y="67281"/>
                  </a:moveTo>
                  <a:cubicBezTo>
                    <a:pt x="3577" y="67281"/>
                    <a:pt x="0" y="63698"/>
                    <a:pt x="0" y="59237"/>
                  </a:cubicBezTo>
                  <a:lnTo>
                    <a:pt x="0" y="8045"/>
                  </a:lnTo>
                  <a:cubicBezTo>
                    <a:pt x="0" y="3583"/>
                    <a:pt x="3577" y="0"/>
                    <a:pt x="8030" y="0"/>
                  </a:cubicBezTo>
                  <a:cubicBezTo>
                    <a:pt x="12483" y="0"/>
                    <a:pt x="16060" y="3583"/>
                    <a:pt x="16060" y="8045"/>
                  </a:cubicBezTo>
                  <a:lnTo>
                    <a:pt x="16060" y="59237"/>
                  </a:lnTo>
                  <a:cubicBezTo>
                    <a:pt x="16060" y="63698"/>
                    <a:pt x="12483" y="67281"/>
                    <a:pt x="8030" y="67281"/>
                  </a:cubicBezTo>
                  <a:close/>
                </a:path>
              </a:pathLst>
            </a:custGeom>
            <a:solidFill>
              <a:srgbClr val="265A9A"/>
            </a:solidFill>
            <a:ln w="0" cap="flat">
              <a:noFill/>
              <a:prstDash val="solid"/>
              <a:miter/>
            </a:ln>
          </p:spPr>
          <p:txBody>
            <a:bodyPr rtlCol="0" anchor="ctr"/>
            <a:lstStyle/>
            <a:p>
              <a:endParaRPr lang="en-US"/>
            </a:p>
          </p:txBody>
        </p:sp>
        <p:grpSp>
          <p:nvGrpSpPr>
            <p:cNvPr id="38" name="Group 37">
              <a:extLst>
                <a:ext uri="{FF2B5EF4-FFF2-40B4-BE49-F238E27FC236}">
                  <a16:creationId xmlns:a16="http://schemas.microsoft.com/office/drawing/2014/main" id="{3AE928D3-8571-2EE4-6428-C90E81588CBA}"/>
                </a:ext>
              </a:extLst>
            </p:cNvPr>
            <p:cNvGrpSpPr/>
            <p:nvPr/>
          </p:nvGrpSpPr>
          <p:grpSpPr>
            <a:xfrm>
              <a:off x="10086972" y="4955188"/>
              <a:ext cx="506165" cy="502265"/>
              <a:chOff x="10085945" y="4955601"/>
              <a:chExt cx="506165" cy="502265"/>
            </a:xfrm>
          </p:grpSpPr>
          <p:sp>
            <p:nvSpPr>
              <p:cNvPr id="55" name="Freeform 10">
                <a:extLst>
                  <a:ext uri="{FF2B5EF4-FFF2-40B4-BE49-F238E27FC236}">
                    <a16:creationId xmlns:a16="http://schemas.microsoft.com/office/drawing/2014/main" id="{03FE300B-F84A-AAE4-FD47-6284B3CFC173}"/>
                  </a:ext>
                </a:extLst>
              </p:cNvPr>
              <p:cNvSpPr/>
              <p:nvPr/>
            </p:nvSpPr>
            <p:spPr>
              <a:xfrm>
                <a:off x="10233127" y="4980055"/>
                <a:ext cx="220778" cy="86575"/>
              </a:xfrm>
              <a:custGeom>
                <a:avLst/>
                <a:gdLst>
                  <a:gd name="connsiteX0" fmla="*/ 9490 w 145421"/>
                  <a:gd name="connsiteY0" fmla="*/ 55 h 57025"/>
                  <a:gd name="connsiteX1" fmla="*/ 136146 w 145421"/>
                  <a:gd name="connsiteY1" fmla="*/ 55 h 57025"/>
                  <a:gd name="connsiteX2" fmla="*/ 143081 w 145421"/>
                  <a:gd name="connsiteY2" fmla="*/ 1079 h 57025"/>
                  <a:gd name="connsiteX3" fmla="*/ 145417 w 145421"/>
                  <a:gd name="connsiteY3" fmla="*/ 3638 h 57025"/>
                  <a:gd name="connsiteX4" fmla="*/ 145417 w 145421"/>
                  <a:gd name="connsiteY4" fmla="*/ 53368 h 57025"/>
                  <a:gd name="connsiteX5" fmla="*/ 143884 w 145421"/>
                  <a:gd name="connsiteY5" fmla="*/ 55635 h 57025"/>
                  <a:gd name="connsiteX6" fmla="*/ 136146 w 145421"/>
                  <a:gd name="connsiteY6" fmla="*/ 57025 h 57025"/>
                  <a:gd name="connsiteX7" fmla="*/ 9490 w 145421"/>
                  <a:gd name="connsiteY7" fmla="*/ 57025 h 57025"/>
                  <a:gd name="connsiteX8" fmla="*/ 2920 w 145421"/>
                  <a:gd name="connsiteY8" fmla="*/ 56074 h 57025"/>
                  <a:gd name="connsiteX9" fmla="*/ 219 w 145421"/>
                  <a:gd name="connsiteY9" fmla="*/ 53368 h 57025"/>
                  <a:gd name="connsiteX10" fmla="*/ 0 w 145421"/>
                  <a:gd name="connsiteY10" fmla="*/ 3638 h 57025"/>
                  <a:gd name="connsiteX11" fmla="*/ 3650 w 145421"/>
                  <a:gd name="connsiteY11" fmla="*/ 786 h 57025"/>
                  <a:gd name="connsiteX12" fmla="*/ 9417 w 145421"/>
                  <a:gd name="connsiteY12" fmla="*/ 55 h 570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45421" h="57025">
                    <a:moveTo>
                      <a:pt x="9490" y="55"/>
                    </a:moveTo>
                    <a:cubicBezTo>
                      <a:pt x="15476" y="-18"/>
                      <a:pt x="66504" y="-18"/>
                      <a:pt x="136146" y="55"/>
                    </a:cubicBezTo>
                    <a:cubicBezTo>
                      <a:pt x="136657" y="55"/>
                      <a:pt x="140307" y="-18"/>
                      <a:pt x="143081" y="1079"/>
                    </a:cubicBezTo>
                    <a:cubicBezTo>
                      <a:pt x="145636" y="2102"/>
                      <a:pt x="145417" y="3419"/>
                      <a:pt x="145417" y="3638"/>
                    </a:cubicBezTo>
                    <a:lnTo>
                      <a:pt x="145417" y="53368"/>
                    </a:lnTo>
                    <a:cubicBezTo>
                      <a:pt x="145417" y="53368"/>
                      <a:pt x="145563" y="54684"/>
                      <a:pt x="143884" y="55635"/>
                    </a:cubicBezTo>
                    <a:cubicBezTo>
                      <a:pt x="141183" y="57097"/>
                      <a:pt x="136511" y="57025"/>
                      <a:pt x="136146" y="57025"/>
                    </a:cubicBezTo>
                    <a:lnTo>
                      <a:pt x="9490" y="57025"/>
                    </a:lnTo>
                    <a:cubicBezTo>
                      <a:pt x="8906" y="57025"/>
                      <a:pt x="5621" y="57097"/>
                      <a:pt x="2920" y="56074"/>
                    </a:cubicBezTo>
                    <a:cubicBezTo>
                      <a:pt x="0" y="54977"/>
                      <a:pt x="146" y="53587"/>
                      <a:pt x="219" y="53368"/>
                    </a:cubicBezTo>
                    <a:cubicBezTo>
                      <a:pt x="219" y="36767"/>
                      <a:pt x="73" y="20166"/>
                      <a:pt x="0" y="3638"/>
                    </a:cubicBezTo>
                    <a:cubicBezTo>
                      <a:pt x="292" y="2834"/>
                      <a:pt x="1095" y="1591"/>
                      <a:pt x="3650" y="786"/>
                    </a:cubicBezTo>
                    <a:cubicBezTo>
                      <a:pt x="5767" y="128"/>
                      <a:pt x="8176" y="55"/>
                      <a:pt x="9417" y="55"/>
                    </a:cubicBezTo>
                    <a:close/>
                  </a:path>
                </a:pathLst>
              </a:custGeom>
              <a:solidFill>
                <a:srgbClr val="66BCDB"/>
              </a:solidFill>
              <a:ln w="0" cap="flat">
                <a:noFill/>
                <a:prstDash val="solid"/>
                <a:miter/>
              </a:ln>
            </p:spPr>
            <p:txBody>
              <a:bodyPr rtlCol="0" anchor="ctr"/>
              <a:lstStyle/>
              <a:p>
                <a:endParaRPr lang="en-US"/>
              </a:p>
            </p:txBody>
          </p:sp>
          <p:sp>
            <p:nvSpPr>
              <p:cNvPr id="57" name="Freeform 12">
                <a:extLst>
                  <a:ext uri="{FF2B5EF4-FFF2-40B4-BE49-F238E27FC236}">
                    <a16:creationId xmlns:a16="http://schemas.microsoft.com/office/drawing/2014/main" id="{30338E51-6D6C-49F5-AD69-7F0105F93EB8}"/>
                  </a:ext>
                </a:extLst>
              </p:cNvPr>
              <p:cNvSpPr/>
              <p:nvPr/>
            </p:nvSpPr>
            <p:spPr>
              <a:xfrm>
                <a:off x="10243434" y="5144377"/>
                <a:ext cx="201709" cy="157632"/>
              </a:xfrm>
              <a:custGeom>
                <a:avLst/>
                <a:gdLst>
                  <a:gd name="connsiteX0" fmla="*/ 66430 w 132861"/>
                  <a:gd name="connsiteY0" fmla="*/ 103829 h 103828"/>
                  <a:gd name="connsiteX1" fmla="*/ 61612 w 132861"/>
                  <a:gd name="connsiteY1" fmla="*/ 102220 h 103828"/>
                  <a:gd name="connsiteX2" fmla="*/ 3212 w 132861"/>
                  <a:gd name="connsiteY2" fmla="*/ 58341 h 103828"/>
                  <a:gd name="connsiteX3" fmla="*/ 0 w 132861"/>
                  <a:gd name="connsiteY3" fmla="*/ 51905 h 103828"/>
                  <a:gd name="connsiteX4" fmla="*/ 3212 w 132861"/>
                  <a:gd name="connsiteY4" fmla="*/ 45470 h 103828"/>
                  <a:gd name="connsiteX5" fmla="*/ 61612 w 132861"/>
                  <a:gd name="connsiteY5" fmla="*/ 1591 h 103828"/>
                  <a:gd name="connsiteX6" fmla="*/ 71248 w 132861"/>
                  <a:gd name="connsiteY6" fmla="*/ 1591 h 103828"/>
                  <a:gd name="connsiteX7" fmla="*/ 129649 w 132861"/>
                  <a:gd name="connsiteY7" fmla="*/ 45470 h 103828"/>
                  <a:gd name="connsiteX8" fmla="*/ 132861 w 132861"/>
                  <a:gd name="connsiteY8" fmla="*/ 51905 h 103828"/>
                  <a:gd name="connsiteX9" fmla="*/ 129649 w 132861"/>
                  <a:gd name="connsiteY9" fmla="*/ 58341 h 103828"/>
                  <a:gd name="connsiteX10" fmla="*/ 71248 w 132861"/>
                  <a:gd name="connsiteY10" fmla="*/ 102220 h 103828"/>
                  <a:gd name="connsiteX11" fmla="*/ 66430 w 132861"/>
                  <a:gd name="connsiteY11" fmla="*/ 103829 h 103828"/>
                  <a:gd name="connsiteX12" fmla="*/ 21389 w 132861"/>
                  <a:gd name="connsiteY12" fmla="*/ 51905 h 103828"/>
                  <a:gd name="connsiteX13" fmla="*/ 66430 w 132861"/>
                  <a:gd name="connsiteY13" fmla="*/ 85692 h 103828"/>
                  <a:gd name="connsiteX14" fmla="*/ 111472 w 132861"/>
                  <a:gd name="connsiteY14" fmla="*/ 51905 h 103828"/>
                  <a:gd name="connsiteX15" fmla="*/ 66430 w 132861"/>
                  <a:gd name="connsiteY15" fmla="*/ 18118 h 103828"/>
                  <a:gd name="connsiteX16" fmla="*/ 21389 w 132861"/>
                  <a:gd name="connsiteY16" fmla="*/ 51905 h 1038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2861" h="103828">
                    <a:moveTo>
                      <a:pt x="66430" y="103829"/>
                    </a:moveTo>
                    <a:cubicBezTo>
                      <a:pt x="64751" y="103829"/>
                      <a:pt x="63072" y="103317"/>
                      <a:pt x="61612" y="102220"/>
                    </a:cubicBezTo>
                    <a:lnTo>
                      <a:pt x="3212" y="58341"/>
                    </a:lnTo>
                    <a:cubicBezTo>
                      <a:pt x="1168" y="56805"/>
                      <a:pt x="0" y="54465"/>
                      <a:pt x="0" y="51905"/>
                    </a:cubicBezTo>
                    <a:cubicBezTo>
                      <a:pt x="0" y="49346"/>
                      <a:pt x="1168" y="47005"/>
                      <a:pt x="3212" y="45470"/>
                    </a:cubicBezTo>
                    <a:lnTo>
                      <a:pt x="61612" y="1591"/>
                    </a:lnTo>
                    <a:cubicBezTo>
                      <a:pt x="64459" y="-530"/>
                      <a:pt x="68401" y="-530"/>
                      <a:pt x="71248" y="1591"/>
                    </a:cubicBezTo>
                    <a:lnTo>
                      <a:pt x="129649" y="45470"/>
                    </a:lnTo>
                    <a:cubicBezTo>
                      <a:pt x="131693" y="47005"/>
                      <a:pt x="132861" y="49346"/>
                      <a:pt x="132861" y="51905"/>
                    </a:cubicBezTo>
                    <a:cubicBezTo>
                      <a:pt x="132861" y="54465"/>
                      <a:pt x="131693" y="56805"/>
                      <a:pt x="129649" y="58341"/>
                    </a:cubicBezTo>
                    <a:lnTo>
                      <a:pt x="71248" y="102220"/>
                    </a:lnTo>
                    <a:cubicBezTo>
                      <a:pt x="69789" y="103317"/>
                      <a:pt x="68110" y="103829"/>
                      <a:pt x="66430" y="103829"/>
                    </a:cubicBezTo>
                    <a:close/>
                    <a:moveTo>
                      <a:pt x="21389" y="51905"/>
                    </a:moveTo>
                    <a:lnTo>
                      <a:pt x="66430" y="85692"/>
                    </a:lnTo>
                    <a:lnTo>
                      <a:pt x="111472" y="51905"/>
                    </a:lnTo>
                    <a:lnTo>
                      <a:pt x="66430" y="18118"/>
                    </a:lnTo>
                    <a:lnTo>
                      <a:pt x="21389" y="51905"/>
                    </a:lnTo>
                    <a:close/>
                  </a:path>
                </a:pathLst>
              </a:custGeom>
              <a:solidFill>
                <a:srgbClr val="265A9A"/>
              </a:solidFill>
              <a:ln w="0" cap="flat">
                <a:noFill/>
                <a:prstDash val="solid"/>
                <a:miter/>
              </a:ln>
            </p:spPr>
            <p:txBody>
              <a:bodyPr rtlCol="0" anchor="ctr"/>
              <a:lstStyle/>
              <a:p>
                <a:endParaRPr lang="en-US"/>
              </a:p>
            </p:txBody>
          </p:sp>
          <p:grpSp>
            <p:nvGrpSpPr>
              <p:cNvPr id="36" name="Group 35">
                <a:extLst>
                  <a:ext uri="{FF2B5EF4-FFF2-40B4-BE49-F238E27FC236}">
                    <a16:creationId xmlns:a16="http://schemas.microsoft.com/office/drawing/2014/main" id="{EA6AC615-3705-B3F1-98FE-9B81836C6A98}"/>
                  </a:ext>
                </a:extLst>
              </p:cNvPr>
              <p:cNvGrpSpPr/>
              <p:nvPr/>
            </p:nvGrpSpPr>
            <p:grpSpPr>
              <a:xfrm>
                <a:off x="10085945" y="4955601"/>
                <a:ext cx="506165" cy="502265"/>
                <a:chOff x="10085945" y="4955601"/>
                <a:chExt cx="506165" cy="502265"/>
              </a:xfrm>
            </p:grpSpPr>
            <p:sp>
              <p:nvSpPr>
                <p:cNvPr id="52" name="Freeform 7">
                  <a:extLst>
                    <a:ext uri="{FF2B5EF4-FFF2-40B4-BE49-F238E27FC236}">
                      <a16:creationId xmlns:a16="http://schemas.microsoft.com/office/drawing/2014/main" id="{9217982A-CE65-7742-B05C-FE120A530531}"/>
                    </a:ext>
                  </a:extLst>
                </p:cNvPr>
                <p:cNvSpPr/>
                <p:nvPr/>
              </p:nvSpPr>
              <p:spPr>
                <a:xfrm>
                  <a:off x="10085945" y="5324242"/>
                  <a:ext cx="113429" cy="86575"/>
                </a:xfrm>
                <a:custGeom>
                  <a:avLst/>
                  <a:gdLst>
                    <a:gd name="connsiteX0" fmla="*/ 4818 w 74713"/>
                    <a:gd name="connsiteY0" fmla="*/ 55 h 57025"/>
                    <a:gd name="connsiteX1" fmla="*/ 69935 w 74713"/>
                    <a:gd name="connsiteY1" fmla="*/ 55 h 57025"/>
                    <a:gd name="connsiteX2" fmla="*/ 73512 w 74713"/>
                    <a:gd name="connsiteY2" fmla="*/ 1079 h 57025"/>
                    <a:gd name="connsiteX3" fmla="*/ 74680 w 74713"/>
                    <a:gd name="connsiteY3" fmla="*/ 3638 h 57025"/>
                    <a:gd name="connsiteX4" fmla="*/ 74680 w 74713"/>
                    <a:gd name="connsiteY4" fmla="*/ 53368 h 57025"/>
                    <a:gd name="connsiteX5" fmla="*/ 73877 w 74713"/>
                    <a:gd name="connsiteY5" fmla="*/ 55635 h 57025"/>
                    <a:gd name="connsiteX6" fmla="*/ 69935 w 74713"/>
                    <a:gd name="connsiteY6" fmla="*/ 57025 h 57025"/>
                    <a:gd name="connsiteX7" fmla="*/ 4818 w 74713"/>
                    <a:gd name="connsiteY7" fmla="*/ 57025 h 57025"/>
                    <a:gd name="connsiteX8" fmla="*/ 1460 w 74713"/>
                    <a:gd name="connsiteY8" fmla="*/ 56074 h 57025"/>
                    <a:gd name="connsiteX9" fmla="*/ 73 w 74713"/>
                    <a:gd name="connsiteY9" fmla="*/ 53368 h 57025"/>
                    <a:gd name="connsiteX10" fmla="*/ 0 w 74713"/>
                    <a:gd name="connsiteY10" fmla="*/ 3638 h 57025"/>
                    <a:gd name="connsiteX11" fmla="*/ 1898 w 74713"/>
                    <a:gd name="connsiteY11" fmla="*/ 786 h 57025"/>
                    <a:gd name="connsiteX12" fmla="*/ 4891 w 74713"/>
                    <a:gd name="connsiteY12" fmla="*/ 55 h 570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4713" h="57025">
                      <a:moveTo>
                        <a:pt x="4818" y="55"/>
                      </a:moveTo>
                      <a:cubicBezTo>
                        <a:pt x="7884" y="-18"/>
                        <a:pt x="34091" y="-18"/>
                        <a:pt x="69935" y="55"/>
                      </a:cubicBezTo>
                      <a:cubicBezTo>
                        <a:pt x="70154" y="55"/>
                        <a:pt x="72052" y="-18"/>
                        <a:pt x="73512" y="1079"/>
                      </a:cubicBezTo>
                      <a:cubicBezTo>
                        <a:pt x="74826" y="2103"/>
                        <a:pt x="74753" y="3419"/>
                        <a:pt x="74680" y="3638"/>
                      </a:cubicBezTo>
                      <a:lnTo>
                        <a:pt x="74680" y="53368"/>
                      </a:lnTo>
                      <a:cubicBezTo>
                        <a:pt x="74680" y="53368"/>
                        <a:pt x="74753" y="54684"/>
                        <a:pt x="73877" y="55635"/>
                      </a:cubicBezTo>
                      <a:cubicBezTo>
                        <a:pt x="72490" y="57098"/>
                        <a:pt x="70081" y="57025"/>
                        <a:pt x="69935" y="57025"/>
                      </a:cubicBezTo>
                      <a:lnTo>
                        <a:pt x="4818" y="57025"/>
                      </a:lnTo>
                      <a:cubicBezTo>
                        <a:pt x="4818" y="57025"/>
                        <a:pt x="2847" y="57098"/>
                        <a:pt x="1460" y="56074"/>
                      </a:cubicBezTo>
                      <a:cubicBezTo>
                        <a:pt x="0" y="54977"/>
                        <a:pt x="73" y="53587"/>
                        <a:pt x="73" y="53368"/>
                      </a:cubicBezTo>
                      <a:cubicBezTo>
                        <a:pt x="73" y="36767"/>
                        <a:pt x="73" y="20166"/>
                        <a:pt x="0" y="3638"/>
                      </a:cubicBezTo>
                      <a:cubicBezTo>
                        <a:pt x="146" y="2834"/>
                        <a:pt x="584" y="1591"/>
                        <a:pt x="1898" y="786"/>
                      </a:cubicBezTo>
                      <a:cubicBezTo>
                        <a:pt x="2993" y="128"/>
                        <a:pt x="4234" y="55"/>
                        <a:pt x="4891" y="55"/>
                      </a:cubicBezTo>
                      <a:close/>
                    </a:path>
                  </a:pathLst>
                </a:custGeom>
                <a:solidFill>
                  <a:srgbClr val="66BCDB"/>
                </a:solidFill>
                <a:ln w="0" cap="flat">
                  <a:noFill/>
                  <a:prstDash val="solid"/>
                  <a:miter/>
                </a:ln>
              </p:spPr>
              <p:txBody>
                <a:bodyPr rtlCol="0" anchor="ctr"/>
                <a:lstStyle/>
                <a:p>
                  <a:endParaRPr lang="en-US"/>
                </a:p>
              </p:txBody>
            </p:sp>
            <p:sp>
              <p:nvSpPr>
                <p:cNvPr id="53" name="Freeform 8">
                  <a:extLst>
                    <a:ext uri="{FF2B5EF4-FFF2-40B4-BE49-F238E27FC236}">
                      <a16:creationId xmlns:a16="http://schemas.microsoft.com/office/drawing/2014/main" id="{EBBD276E-845E-D941-9154-233E9F3C5BC9}"/>
                    </a:ext>
                  </a:extLst>
                </p:cNvPr>
                <p:cNvSpPr/>
                <p:nvPr/>
              </p:nvSpPr>
              <p:spPr>
                <a:xfrm>
                  <a:off x="10287655" y="5371291"/>
                  <a:ext cx="113429" cy="86575"/>
                </a:xfrm>
                <a:custGeom>
                  <a:avLst/>
                  <a:gdLst>
                    <a:gd name="connsiteX0" fmla="*/ 4818 w 74713"/>
                    <a:gd name="connsiteY0" fmla="*/ 55 h 57025"/>
                    <a:gd name="connsiteX1" fmla="*/ 69935 w 74713"/>
                    <a:gd name="connsiteY1" fmla="*/ 55 h 57025"/>
                    <a:gd name="connsiteX2" fmla="*/ 73512 w 74713"/>
                    <a:gd name="connsiteY2" fmla="*/ 1079 h 57025"/>
                    <a:gd name="connsiteX3" fmla="*/ 74680 w 74713"/>
                    <a:gd name="connsiteY3" fmla="*/ 3638 h 57025"/>
                    <a:gd name="connsiteX4" fmla="*/ 74680 w 74713"/>
                    <a:gd name="connsiteY4" fmla="*/ 53368 h 57025"/>
                    <a:gd name="connsiteX5" fmla="*/ 73877 w 74713"/>
                    <a:gd name="connsiteY5" fmla="*/ 55635 h 57025"/>
                    <a:gd name="connsiteX6" fmla="*/ 69935 w 74713"/>
                    <a:gd name="connsiteY6" fmla="*/ 57025 h 57025"/>
                    <a:gd name="connsiteX7" fmla="*/ 4818 w 74713"/>
                    <a:gd name="connsiteY7" fmla="*/ 57025 h 57025"/>
                    <a:gd name="connsiteX8" fmla="*/ 1460 w 74713"/>
                    <a:gd name="connsiteY8" fmla="*/ 56074 h 57025"/>
                    <a:gd name="connsiteX9" fmla="*/ 73 w 74713"/>
                    <a:gd name="connsiteY9" fmla="*/ 53368 h 57025"/>
                    <a:gd name="connsiteX10" fmla="*/ 0 w 74713"/>
                    <a:gd name="connsiteY10" fmla="*/ 3638 h 57025"/>
                    <a:gd name="connsiteX11" fmla="*/ 1898 w 74713"/>
                    <a:gd name="connsiteY11" fmla="*/ 786 h 57025"/>
                    <a:gd name="connsiteX12" fmla="*/ 4891 w 74713"/>
                    <a:gd name="connsiteY12" fmla="*/ 55 h 570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4713" h="57025">
                      <a:moveTo>
                        <a:pt x="4818" y="55"/>
                      </a:moveTo>
                      <a:cubicBezTo>
                        <a:pt x="7884" y="-18"/>
                        <a:pt x="34091" y="-18"/>
                        <a:pt x="69935" y="55"/>
                      </a:cubicBezTo>
                      <a:cubicBezTo>
                        <a:pt x="70154" y="55"/>
                        <a:pt x="72052" y="-18"/>
                        <a:pt x="73512" y="1079"/>
                      </a:cubicBezTo>
                      <a:cubicBezTo>
                        <a:pt x="74826" y="2103"/>
                        <a:pt x="74753" y="3419"/>
                        <a:pt x="74680" y="3638"/>
                      </a:cubicBezTo>
                      <a:lnTo>
                        <a:pt x="74680" y="53368"/>
                      </a:lnTo>
                      <a:cubicBezTo>
                        <a:pt x="74680" y="53368"/>
                        <a:pt x="74753" y="54684"/>
                        <a:pt x="73877" y="55635"/>
                      </a:cubicBezTo>
                      <a:cubicBezTo>
                        <a:pt x="72489" y="57098"/>
                        <a:pt x="70081" y="57025"/>
                        <a:pt x="69935" y="57025"/>
                      </a:cubicBezTo>
                      <a:lnTo>
                        <a:pt x="4818" y="57025"/>
                      </a:lnTo>
                      <a:cubicBezTo>
                        <a:pt x="4818" y="57025"/>
                        <a:pt x="2847" y="57098"/>
                        <a:pt x="1460" y="56074"/>
                      </a:cubicBezTo>
                      <a:cubicBezTo>
                        <a:pt x="0" y="54977"/>
                        <a:pt x="73" y="53587"/>
                        <a:pt x="73" y="53368"/>
                      </a:cubicBezTo>
                      <a:cubicBezTo>
                        <a:pt x="73" y="36767"/>
                        <a:pt x="73" y="20166"/>
                        <a:pt x="0" y="3638"/>
                      </a:cubicBezTo>
                      <a:cubicBezTo>
                        <a:pt x="146" y="2834"/>
                        <a:pt x="584" y="1591"/>
                        <a:pt x="1898" y="786"/>
                      </a:cubicBezTo>
                      <a:cubicBezTo>
                        <a:pt x="2993" y="128"/>
                        <a:pt x="4234" y="55"/>
                        <a:pt x="4891" y="55"/>
                      </a:cubicBezTo>
                      <a:close/>
                    </a:path>
                  </a:pathLst>
                </a:custGeom>
                <a:solidFill>
                  <a:srgbClr val="66BCDB"/>
                </a:solidFill>
                <a:ln w="0" cap="flat">
                  <a:noFill/>
                  <a:prstDash val="solid"/>
                  <a:miter/>
                </a:ln>
              </p:spPr>
              <p:txBody>
                <a:bodyPr rtlCol="0" anchor="ctr"/>
                <a:lstStyle/>
                <a:p>
                  <a:endParaRPr lang="en-US"/>
                </a:p>
              </p:txBody>
            </p:sp>
            <p:sp>
              <p:nvSpPr>
                <p:cNvPr id="54" name="Freeform 9">
                  <a:extLst>
                    <a:ext uri="{FF2B5EF4-FFF2-40B4-BE49-F238E27FC236}">
                      <a16:creationId xmlns:a16="http://schemas.microsoft.com/office/drawing/2014/main" id="{54B6D30D-7D85-E60E-493F-862BADA5BEE3}"/>
                    </a:ext>
                  </a:extLst>
                </p:cNvPr>
                <p:cNvSpPr/>
                <p:nvPr/>
              </p:nvSpPr>
              <p:spPr>
                <a:xfrm>
                  <a:off x="10478681" y="5332708"/>
                  <a:ext cx="113429" cy="86575"/>
                </a:xfrm>
                <a:custGeom>
                  <a:avLst/>
                  <a:gdLst>
                    <a:gd name="connsiteX0" fmla="*/ 4818 w 74713"/>
                    <a:gd name="connsiteY0" fmla="*/ 55 h 57025"/>
                    <a:gd name="connsiteX1" fmla="*/ 69935 w 74713"/>
                    <a:gd name="connsiteY1" fmla="*/ 55 h 57025"/>
                    <a:gd name="connsiteX2" fmla="*/ 73512 w 74713"/>
                    <a:gd name="connsiteY2" fmla="*/ 1079 h 57025"/>
                    <a:gd name="connsiteX3" fmla="*/ 74680 w 74713"/>
                    <a:gd name="connsiteY3" fmla="*/ 3638 h 57025"/>
                    <a:gd name="connsiteX4" fmla="*/ 74680 w 74713"/>
                    <a:gd name="connsiteY4" fmla="*/ 53368 h 57025"/>
                    <a:gd name="connsiteX5" fmla="*/ 73877 w 74713"/>
                    <a:gd name="connsiteY5" fmla="*/ 55635 h 57025"/>
                    <a:gd name="connsiteX6" fmla="*/ 69935 w 74713"/>
                    <a:gd name="connsiteY6" fmla="*/ 57025 h 57025"/>
                    <a:gd name="connsiteX7" fmla="*/ 4818 w 74713"/>
                    <a:gd name="connsiteY7" fmla="*/ 57025 h 57025"/>
                    <a:gd name="connsiteX8" fmla="*/ 1460 w 74713"/>
                    <a:gd name="connsiteY8" fmla="*/ 56074 h 57025"/>
                    <a:gd name="connsiteX9" fmla="*/ 73 w 74713"/>
                    <a:gd name="connsiteY9" fmla="*/ 53368 h 57025"/>
                    <a:gd name="connsiteX10" fmla="*/ 0 w 74713"/>
                    <a:gd name="connsiteY10" fmla="*/ 3638 h 57025"/>
                    <a:gd name="connsiteX11" fmla="*/ 1898 w 74713"/>
                    <a:gd name="connsiteY11" fmla="*/ 786 h 57025"/>
                    <a:gd name="connsiteX12" fmla="*/ 4891 w 74713"/>
                    <a:gd name="connsiteY12" fmla="*/ 55 h 570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4713" h="57025">
                      <a:moveTo>
                        <a:pt x="4818" y="55"/>
                      </a:moveTo>
                      <a:cubicBezTo>
                        <a:pt x="7884" y="-18"/>
                        <a:pt x="34091" y="-18"/>
                        <a:pt x="69935" y="55"/>
                      </a:cubicBezTo>
                      <a:cubicBezTo>
                        <a:pt x="70154" y="55"/>
                        <a:pt x="72052" y="-18"/>
                        <a:pt x="73512" y="1079"/>
                      </a:cubicBezTo>
                      <a:cubicBezTo>
                        <a:pt x="74826" y="2103"/>
                        <a:pt x="74753" y="3419"/>
                        <a:pt x="74680" y="3638"/>
                      </a:cubicBezTo>
                      <a:lnTo>
                        <a:pt x="74680" y="53368"/>
                      </a:lnTo>
                      <a:cubicBezTo>
                        <a:pt x="74680" y="53368"/>
                        <a:pt x="74753" y="54684"/>
                        <a:pt x="73877" y="55635"/>
                      </a:cubicBezTo>
                      <a:cubicBezTo>
                        <a:pt x="72489" y="57098"/>
                        <a:pt x="70081" y="57025"/>
                        <a:pt x="69935" y="57025"/>
                      </a:cubicBezTo>
                      <a:lnTo>
                        <a:pt x="4818" y="57025"/>
                      </a:lnTo>
                      <a:cubicBezTo>
                        <a:pt x="4818" y="57025"/>
                        <a:pt x="2847" y="57098"/>
                        <a:pt x="1460" y="56074"/>
                      </a:cubicBezTo>
                      <a:cubicBezTo>
                        <a:pt x="0" y="54977"/>
                        <a:pt x="73" y="53587"/>
                        <a:pt x="73" y="53368"/>
                      </a:cubicBezTo>
                      <a:cubicBezTo>
                        <a:pt x="73" y="36767"/>
                        <a:pt x="73" y="20166"/>
                        <a:pt x="0" y="3638"/>
                      </a:cubicBezTo>
                      <a:cubicBezTo>
                        <a:pt x="146" y="2834"/>
                        <a:pt x="584" y="1591"/>
                        <a:pt x="1898" y="786"/>
                      </a:cubicBezTo>
                      <a:cubicBezTo>
                        <a:pt x="2993" y="128"/>
                        <a:pt x="4234" y="55"/>
                        <a:pt x="4891" y="55"/>
                      </a:cubicBezTo>
                      <a:close/>
                    </a:path>
                  </a:pathLst>
                </a:custGeom>
                <a:solidFill>
                  <a:srgbClr val="66BCDB"/>
                </a:solidFill>
                <a:ln w="0" cap="flat">
                  <a:noFill/>
                  <a:prstDash val="solid"/>
                  <a:miter/>
                </a:ln>
              </p:spPr>
              <p:txBody>
                <a:bodyPr rtlCol="0" anchor="ctr"/>
                <a:lstStyle/>
                <a:p>
                  <a:endParaRPr lang="en-US"/>
                </a:p>
              </p:txBody>
            </p:sp>
            <p:sp>
              <p:nvSpPr>
                <p:cNvPr id="56" name="Freeform 11">
                  <a:extLst>
                    <a:ext uri="{FF2B5EF4-FFF2-40B4-BE49-F238E27FC236}">
                      <a16:creationId xmlns:a16="http://schemas.microsoft.com/office/drawing/2014/main" id="{F0B64DA7-5C6F-5F93-30BD-D1DDF2E9DA97}"/>
                    </a:ext>
                  </a:extLst>
                </p:cNvPr>
                <p:cNvSpPr/>
                <p:nvPr/>
              </p:nvSpPr>
              <p:spPr>
                <a:xfrm>
                  <a:off x="10275907" y="5171884"/>
                  <a:ext cx="136762" cy="102700"/>
                </a:xfrm>
                <a:custGeom>
                  <a:avLst/>
                  <a:gdLst>
                    <a:gd name="connsiteX0" fmla="*/ 45041 w 90082"/>
                    <a:gd name="connsiteY0" fmla="*/ 0 h 67646"/>
                    <a:gd name="connsiteX1" fmla="*/ 90083 w 90082"/>
                    <a:gd name="connsiteY1" fmla="*/ 33787 h 67646"/>
                    <a:gd name="connsiteX2" fmla="*/ 45041 w 90082"/>
                    <a:gd name="connsiteY2" fmla="*/ 67647 h 67646"/>
                    <a:gd name="connsiteX3" fmla="*/ 0 w 90082"/>
                    <a:gd name="connsiteY3" fmla="*/ 33787 h 67646"/>
                    <a:gd name="connsiteX4" fmla="*/ 45041 w 90082"/>
                    <a:gd name="connsiteY4" fmla="*/ 0 h 676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082" h="67646">
                      <a:moveTo>
                        <a:pt x="45041" y="0"/>
                      </a:moveTo>
                      <a:lnTo>
                        <a:pt x="90083" y="33787"/>
                      </a:lnTo>
                      <a:lnTo>
                        <a:pt x="45041" y="67647"/>
                      </a:lnTo>
                      <a:lnTo>
                        <a:pt x="0" y="33787"/>
                      </a:lnTo>
                      <a:lnTo>
                        <a:pt x="45041" y="0"/>
                      </a:lnTo>
                    </a:path>
                  </a:pathLst>
                </a:custGeom>
                <a:solidFill>
                  <a:srgbClr val="66BCDB"/>
                </a:solidFill>
                <a:ln w="0" cap="flat">
                  <a:noFill/>
                  <a:prstDash val="solid"/>
                  <a:miter/>
                </a:ln>
              </p:spPr>
              <p:txBody>
                <a:bodyPr rtlCol="0" anchor="ctr"/>
                <a:lstStyle/>
                <a:p>
                  <a:endParaRPr lang="en-US"/>
                </a:p>
              </p:txBody>
            </p:sp>
            <p:sp>
              <p:nvSpPr>
                <p:cNvPr id="60" name="Freeform 16">
                  <a:extLst>
                    <a:ext uri="{FF2B5EF4-FFF2-40B4-BE49-F238E27FC236}">
                      <a16:creationId xmlns:a16="http://schemas.microsoft.com/office/drawing/2014/main" id="{965DE1AB-F5CD-46A8-E349-AA2E56677B43}"/>
                    </a:ext>
                  </a:extLst>
                </p:cNvPr>
                <p:cNvSpPr/>
                <p:nvPr/>
              </p:nvSpPr>
              <p:spPr>
                <a:xfrm>
                  <a:off x="10210186" y="4955601"/>
                  <a:ext cx="268206" cy="135454"/>
                </a:xfrm>
                <a:custGeom>
                  <a:avLst/>
                  <a:gdLst>
                    <a:gd name="connsiteX0" fmla="*/ 132131 w 176661"/>
                    <a:gd name="connsiteY0" fmla="*/ 89221 h 89220"/>
                    <a:gd name="connsiteX1" fmla="*/ 44530 w 176661"/>
                    <a:gd name="connsiteY1" fmla="*/ 89221 h 89220"/>
                    <a:gd name="connsiteX2" fmla="*/ 0 w 176661"/>
                    <a:gd name="connsiteY2" fmla="*/ 44610 h 89220"/>
                    <a:gd name="connsiteX3" fmla="*/ 44530 w 176661"/>
                    <a:gd name="connsiteY3" fmla="*/ 0 h 89220"/>
                    <a:gd name="connsiteX4" fmla="*/ 132131 w 176661"/>
                    <a:gd name="connsiteY4" fmla="*/ 0 h 89220"/>
                    <a:gd name="connsiteX5" fmla="*/ 176661 w 176661"/>
                    <a:gd name="connsiteY5" fmla="*/ 44610 h 89220"/>
                    <a:gd name="connsiteX6" fmla="*/ 132131 w 176661"/>
                    <a:gd name="connsiteY6" fmla="*/ 89221 h 89220"/>
                    <a:gd name="connsiteX7" fmla="*/ 44530 w 176661"/>
                    <a:gd name="connsiteY7" fmla="*/ 16089 h 89220"/>
                    <a:gd name="connsiteX8" fmla="*/ 16060 w 176661"/>
                    <a:gd name="connsiteY8" fmla="*/ 44610 h 89220"/>
                    <a:gd name="connsiteX9" fmla="*/ 44530 w 176661"/>
                    <a:gd name="connsiteY9" fmla="*/ 73132 h 89220"/>
                    <a:gd name="connsiteX10" fmla="*/ 132131 w 176661"/>
                    <a:gd name="connsiteY10" fmla="*/ 73132 h 89220"/>
                    <a:gd name="connsiteX11" fmla="*/ 160601 w 176661"/>
                    <a:gd name="connsiteY11" fmla="*/ 44610 h 89220"/>
                    <a:gd name="connsiteX12" fmla="*/ 132131 w 176661"/>
                    <a:gd name="connsiteY12" fmla="*/ 16089 h 89220"/>
                    <a:gd name="connsiteX13" fmla="*/ 44530 w 176661"/>
                    <a:gd name="connsiteY13" fmla="*/ 16089 h 89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6661" h="89220">
                      <a:moveTo>
                        <a:pt x="132131" y="89221"/>
                      </a:moveTo>
                      <a:lnTo>
                        <a:pt x="44530" y="89221"/>
                      </a:lnTo>
                      <a:cubicBezTo>
                        <a:pt x="20002" y="89221"/>
                        <a:pt x="0" y="69183"/>
                        <a:pt x="0" y="44610"/>
                      </a:cubicBezTo>
                      <a:cubicBezTo>
                        <a:pt x="0" y="20038"/>
                        <a:pt x="20002" y="0"/>
                        <a:pt x="44530" y="0"/>
                      </a:cubicBezTo>
                      <a:lnTo>
                        <a:pt x="132131" y="0"/>
                      </a:lnTo>
                      <a:cubicBezTo>
                        <a:pt x="156659" y="0"/>
                        <a:pt x="176661" y="20038"/>
                        <a:pt x="176661" y="44610"/>
                      </a:cubicBezTo>
                      <a:cubicBezTo>
                        <a:pt x="176661" y="69183"/>
                        <a:pt x="156659" y="89221"/>
                        <a:pt x="132131" y="89221"/>
                      </a:cubicBezTo>
                      <a:close/>
                      <a:moveTo>
                        <a:pt x="44530" y="16089"/>
                      </a:moveTo>
                      <a:cubicBezTo>
                        <a:pt x="28835" y="16089"/>
                        <a:pt x="16060" y="28887"/>
                        <a:pt x="16060" y="44610"/>
                      </a:cubicBezTo>
                      <a:cubicBezTo>
                        <a:pt x="16060" y="60334"/>
                        <a:pt x="28835" y="73132"/>
                        <a:pt x="44530" y="73132"/>
                      </a:cubicBezTo>
                      <a:lnTo>
                        <a:pt x="132131" y="73132"/>
                      </a:lnTo>
                      <a:cubicBezTo>
                        <a:pt x="147826" y="73132"/>
                        <a:pt x="160601" y="60334"/>
                        <a:pt x="160601" y="44610"/>
                      </a:cubicBezTo>
                      <a:cubicBezTo>
                        <a:pt x="160601" y="28887"/>
                        <a:pt x="147826" y="16089"/>
                        <a:pt x="132131" y="16089"/>
                      </a:cubicBezTo>
                      <a:lnTo>
                        <a:pt x="44530" y="16089"/>
                      </a:lnTo>
                      <a:close/>
                    </a:path>
                  </a:pathLst>
                </a:custGeom>
                <a:solidFill>
                  <a:srgbClr val="265A9A"/>
                </a:solidFill>
                <a:ln w="0" cap="flat">
                  <a:noFill/>
                  <a:prstDash val="solid"/>
                  <a:miter/>
                </a:ln>
              </p:spPr>
              <p:txBody>
                <a:bodyPr rtlCol="0" anchor="ctr"/>
                <a:lstStyle/>
                <a:p>
                  <a:endParaRPr lang="en-US"/>
                </a:p>
              </p:txBody>
            </p:sp>
            <p:sp>
              <p:nvSpPr>
                <p:cNvPr id="64" name="Freeform 20">
                  <a:extLst>
                    <a:ext uri="{FF2B5EF4-FFF2-40B4-BE49-F238E27FC236}">
                      <a16:creationId xmlns:a16="http://schemas.microsoft.com/office/drawing/2014/main" id="{CFEC30D0-10EB-348A-1793-BC7AB1A3ED5E}"/>
                    </a:ext>
                  </a:extLst>
                </p:cNvPr>
                <p:cNvSpPr/>
                <p:nvPr/>
              </p:nvSpPr>
              <p:spPr>
                <a:xfrm>
                  <a:off x="10132604" y="5210967"/>
                  <a:ext cx="135211" cy="113249"/>
                </a:xfrm>
                <a:custGeom>
                  <a:avLst/>
                  <a:gdLst>
                    <a:gd name="connsiteX0" fmla="*/ 8030 w 89060"/>
                    <a:gd name="connsiteY0" fmla="*/ 74594 h 74594"/>
                    <a:gd name="connsiteX1" fmla="*/ 0 w 89060"/>
                    <a:gd name="connsiteY1" fmla="*/ 66550 h 74594"/>
                    <a:gd name="connsiteX2" fmla="*/ 0 w 89060"/>
                    <a:gd name="connsiteY2" fmla="*/ 22671 h 74594"/>
                    <a:gd name="connsiteX3" fmla="*/ 22630 w 89060"/>
                    <a:gd name="connsiteY3" fmla="*/ 0 h 74594"/>
                    <a:gd name="connsiteX4" fmla="*/ 81031 w 89060"/>
                    <a:gd name="connsiteY4" fmla="*/ 0 h 74594"/>
                    <a:gd name="connsiteX5" fmla="*/ 89061 w 89060"/>
                    <a:gd name="connsiteY5" fmla="*/ 8045 h 74594"/>
                    <a:gd name="connsiteX6" fmla="*/ 81031 w 89060"/>
                    <a:gd name="connsiteY6" fmla="*/ 16089 h 74594"/>
                    <a:gd name="connsiteX7" fmla="*/ 22630 w 89060"/>
                    <a:gd name="connsiteY7" fmla="*/ 16089 h 74594"/>
                    <a:gd name="connsiteX8" fmla="*/ 16060 w 89060"/>
                    <a:gd name="connsiteY8" fmla="*/ 22671 h 74594"/>
                    <a:gd name="connsiteX9" fmla="*/ 16060 w 89060"/>
                    <a:gd name="connsiteY9" fmla="*/ 66550 h 74594"/>
                    <a:gd name="connsiteX10" fmla="*/ 8030 w 89060"/>
                    <a:gd name="connsiteY10" fmla="*/ 74594 h 74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9060" h="74594">
                      <a:moveTo>
                        <a:pt x="8030" y="74594"/>
                      </a:moveTo>
                      <a:cubicBezTo>
                        <a:pt x="3577" y="74594"/>
                        <a:pt x="0" y="71011"/>
                        <a:pt x="0" y="66550"/>
                      </a:cubicBezTo>
                      <a:lnTo>
                        <a:pt x="0" y="22671"/>
                      </a:lnTo>
                      <a:cubicBezTo>
                        <a:pt x="0" y="10165"/>
                        <a:pt x="10147" y="0"/>
                        <a:pt x="22630" y="0"/>
                      </a:cubicBezTo>
                      <a:lnTo>
                        <a:pt x="81031" y="0"/>
                      </a:lnTo>
                      <a:cubicBezTo>
                        <a:pt x="85484" y="0"/>
                        <a:pt x="89061" y="3583"/>
                        <a:pt x="89061" y="8045"/>
                      </a:cubicBezTo>
                      <a:cubicBezTo>
                        <a:pt x="89061" y="12505"/>
                        <a:pt x="85484" y="16089"/>
                        <a:pt x="81031" y="16089"/>
                      </a:cubicBezTo>
                      <a:lnTo>
                        <a:pt x="22630" y="16089"/>
                      </a:lnTo>
                      <a:cubicBezTo>
                        <a:pt x="18980" y="16089"/>
                        <a:pt x="16060" y="19014"/>
                        <a:pt x="16060" y="22671"/>
                      </a:cubicBezTo>
                      <a:lnTo>
                        <a:pt x="16060" y="66550"/>
                      </a:lnTo>
                      <a:cubicBezTo>
                        <a:pt x="16060" y="71011"/>
                        <a:pt x="12483" y="74594"/>
                        <a:pt x="8030" y="74594"/>
                      </a:cubicBezTo>
                      <a:close/>
                    </a:path>
                  </a:pathLst>
                </a:custGeom>
                <a:solidFill>
                  <a:srgbClr val="265A9A"/>
                </a:solidFill>
                <a:ln w="0" cap="flat">
                  <a:noFill/>
                  <a:prstDash val="solid"/>
                  <a:miter/>
                </a:ln>
              </p:spPr>
              <p:txBody>
                <a:bodyPr rtlCol="0" anchor="ctr"/>
                <a:lstStyle/>
                <a:p>
                  <a:endParaRPr lang="en-US"/>
                </a:p>
              </p:txBody>
            </p:sp>
            <p:sp>
              <p:nvSpPr>
                <p:cNvPr id="65" name="Freeform 21">
                  <a:extLst>
                    <a:ext uri="{FF2B5EF4-FFF2-40B4-BE49-F238E27FC236}">
                      <a16:creationId xmlns:a16="http://schemas.microsoft.com/office/drawing/2014/main" id="{EBAEEB1E-AF47-2FF7-B827-7A8FD5EB8BFB}"/>
                    </a:ext>
                  </a:extLst>
                </p:cNvPr>
                <p:cNvSpPr/>
                <p:nvPr/>
              </p:nvSpPr>
              <p:spPr>
                <a:xfrm>
                  <a:off x="10420761" y="5210967"/>
                  <a:ext cx="135211" cy="113249"/>
                </a:xfrm>
                <a:custGeom>
                  <a:avLst/>
                  <a:gdLst>
                    <a:gd name="connsiteX0" fmla="*/ 81031 w 89060"/>
                    <a:gd name="connsiteY0" fmla="*/ 74594 h 74594"/>
                    <a:gd name="connsiteX1" fmla="*/ 73001 w 89060"/>
                    <a:gd name="connsiteY1" fmla="*/ 66550 h 74594"/>
                    <a:gd name="connsiteX2" fmla="*/ 73001 w 89060"/>
                    <a:gd name="connsiteY2" fmla="*/ 22671 h 74594"/>
                    <a:gd name="connsiteX3" fmla="*/ 66431 w 89060"/>
                    <a:gd name="connsiteY3" fmla="*/ 16089 h 74594"/>
                    <a:gd name="connsiteX4" fmla="*/ 8030 w 89060"/>
                    <a:gd name="connsiteY4" fmla="*/ 16089 h 74594"/>
                    <a:gd name="connsiteX5" fmla="*/ 0 w 89060"/>
                    <a:gd name="connsiteY5" fmla="*/ 8045 h 74594"/>
                    <a:gd name="connsiteX6" fmla="*/ 8030 w 89060"/>
                    <a:gd name="connsiteY6" fmla="*/ 0 h 74594"/>
                    <a:gd name="connsiteX7" fmla="*/ 66431 w 89060"/>
                    <a:gd name="connsiteY7" fmla="*/ 0 h 74594"/>
                    <a:gd name="connsiteX8" fmla="*/ 89061 w 89060"/>
                    <a:gd name="connsiteY8" fmla="*/ 22671 h 74594"/>
                    <a:gd name="connsiteX9" fmla="*/ 89061 w 89060"/>
                    <a:gd name="connsiteY9" fmla="*/ 66550 h 74594"/>
                    <a:gd name="connsiteX10" fmla="*/ 81031 w 89060"/>
                    <a:gd name="connsiteY10" fmla="*/ 74594 h 74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9060" h="74594">
                      <a:moveTo>
                        <a:pt x="81031" y="74594"/>
                      </a:moveTo>
                      <a:cubicBezTo>
                        <a:pt x="76578" y="74594"/>
                        <a:pt x="73001" y="71011"/>
                        <a:pt x="73001" y="66550"/>
                      </a:cubicBezTo>
                      <a:lnTo>
                        <a:pt x="73001" y="22671"/>
                      </a:lnTo>
                      <a:cubicBezTo>
                        <a:pt x="73001" y="19014"/>
                        <a:pt x="70081" y="16089"/>
                        <a:pt x="66431" y="16089"/>
                      </a:cubicBezTo>
                      <a:lnTo>
                        <a:pt x="8030" y="16089"/>
                      </a:lnTo>
                      <a:cubicBezTo>
                        <a:pt x="3577" y="16089"/>
                        <a:pt x="0" y="12505"/>
                        <a:pt x="0" y="8045"/>
                      </a:cubicBezTo>
                      <a:cubicBezTo>
                        <a:pt x="0" y="3583"/>
                        <a:pt x="3577" y="0"/>
                        <a:pt x="8030" y="0"/>
                      </a:cubicBezTo>
                      <a:lnTo>
                        <a:pt x="66431" y="0"/>
                      </a:lnTo>
                      <a:cubicBezTo>
                        <a:pt x="78914" y="0"/>
                        <a:pt x="89061" y="10165"/>
                        <a:pt x="89061" y="22671"/>
                      </a:cubicBezTo>
                      <a:lnTo>
                        <a:pt x="89061" y="66550"/>
                      </a:lnTo>
                      <a:cubicBezTo>
                        <a:pt x="89061" y="71011"/>
                        <a:pt x="85484" y="74594"/>
                        <a:pt x="81031" y="74594"/>
                      </a:cubicBezTo>
                      <a:close/>
                    </a:path>
                  </a:pathLst>
                </a:custGeom>
                <a:solidFill>
                  <a:srgbClr val="265A9A"/>
                </a:solidFill>
                <a:ln w="0" cap="flat">
                  <a:noFill/>
                  <a:prstDash val="solid"/>
                  <a:miter/>
                </a:ln>
              </p:spPr>
              <p:txBody>
                <a:bodyPr rtlCol="0" anchor="ctr"/>
                <a:lstStyle/>
                <a:p>
                  <a:endParaRPr lang="en-US"/>
                </a:p>
              </p:txBody>
            </p:sp>
          </p:grpSp>
        </p:grpSp>
      </p:grpSp>
      <p:grpSp>
        <p:nvGrpSpPr>
          <p:cNvPr id="66" name="Group 65">
            <a:extLst>
              <a:ext uri="{FF2B5EF4-FFF2-40B4-BE49-F238E27FC236}">
                <a16:creationId xmlns:a16="http://schemas.microsoft.com/office/drawing/2014/main" id="{CC1C137B-C72C-24DA-19F9-8BC3A7807ECC}"/>
              </a:ext>
            </a:extLst>
          </p:cNvPr>
          <p:cNvGrpSpPr/>
          <p:nvPr/>
        </p:nvGrpSpPr>
        <p:grpSpPr>
          <a:xfrm>
            <a:off x="7304266" y="4904564"/>
            <a:ext cx="558375" cy="475166"/>
            <a:chOff x="696919" y="4140160"/>
            <a:chExt cx="660273" cy="568422"/>
          </a:xfrm>
        </p:grpSpPr>
        <p:sp>
          <p:nvSpPr>
            <p:cNvPr id="67" name="Freeform: Shape 66">
              <a:extLst>
                <a:ext uri="{FF2B5EF4-FFF2-40B4-BE49-F238E27FC236}">
                  <a16:creationId xmlns:a16="http://schemas.microsoft.com/office/drawing/2014/main" id="{96D6C713-18E5-6731-DC1D-5A7DC3189562}"/>
                </a:ext>
              </a:extLst>
            </p:cNvPr>
            <p:cNvSpPr/>
            <p:nvPr/>
          </p:nvSpPr>
          <p:spPr>
            <a:xfrm>
              <a:off x="798068" y="4166499"/>
              <a:ext cx="458303" cy="371371"/>
            </a:xfrm>
            <a:custGeom>
              <a:avLst/>
              <a:gdLst>
                <a:gd name="connsiteX0" fmla="*/ 401318 w 458303"/>
                <a:gd name="connsiteY0" fmla="*/ 233880 h 371371"/>
                <a:gd name="connsiteX1" fmla="*/ 344334 w 458303"/>
                <a:gd name="connsiteY1" fmla="*/ 290986 h 371371"/>
                <a:gd name="connsiteX2" fmla="*/ 329178 w 458303"/>
                <a:gd name="connsiteY2" fmla="*/ 293896 h 371371"/>
                <a:gd name="connsiteX3" fmla="*/ 288440 w 458303"/>
                <a:gd name="connsiteY3" fmla="*/ 308203 h 371371"/>
                <a:gd name="connsiteX4" fmla="*/ 240306 w 458303"/>
                <a:gd name="connsiteY4" fmla="*/ 356337 h 371371"/>
                <a:gd name="connsiteX5" fmla="*/ 229152 w 458303"/>
                <a:gd name="connsiteY5" fmla="*/ 371371 h 371371"/>
                <a:gd name="connsiteX6" fmla="*/ 217997 w 458303"/>
                <a:gd name="connsiteY6" fmla="*/ 356216 h 371371"/>
                <a:gd name="connsiteX7" fmla="*/ 169863 w 458303"/>
                <a:gd name="connsiteY7" fmla="*/ 308082 h 371371"/>
                <a:gd name="connsiteX8" fmla="*/ 129125 w 458303"/>
                <a:gd name="connsiteY8" fmla="*/ 293775 h 371371"/>
                <a:gd name="connsiteX9" fmla="*/ 114818 w 458303"/>
                <a:gd name="connsiteY9" fmla="*/ 291593 h 371371"/>
                <a:gd name="connsiteX10" fmla="*/ 56985 w 458303"/>
                <a:gd name="connsiteY10" fmla="*/ 233759 h 371371"/>
                <a:gd name="connsiteX11" fmla="*/ 19520 w 458303"/>
                <a:gd name="connsiteY11" fmla="*/ 215815 h 371371"/>
                <a:gd name="connsiteX12" fmla="*/ 3759 w 458303"/>
                <a:gd name="connsiteY12" fmla="*/ 166105 h 371371"/>
                <a:gd name="connsiteX13" fmla="*/ 1091 w 458303"/>
                <a:gd name="connsiteY13" fmla="*/ 81961 h 371371"/>
                <a:gd name="connsiteX14" fmla="*/ 0 w 458303"/>
                <a:gd name="connsiteY14" fmla="*/ 80506 h 371371"/>
                <a:gd name="connsiteX15" fmla="*/ 105725 w 458303"/>
                <a:gd name="connsiteY15" fmla="*/ 0 h 371371"/>
                <a:gd name="connsiteX16" fmla="*/ 106937 w 458303"/>
                <a:gd name="connsiteY16" fmla="*/ 0 h 371371"/>
                <a:gd name="connsiteX17" fmla="*/ 215815 w 458303"/>
                <a:gd name="connsiteY17" fmla="*/ 97966 h 371371"/>
                <a:gd name="connsiteX18" fmla="*/ 229152 w 458303"/>
                <a:gd name="connsiteY18" fmla="*/ 111181 h 371371"/>
                <a:gd name="connsiteX19" fmla="*/ 242489 w 458303"/>
                <a:gd name="connsiteY19" fmla="*/ 97966 h 371371"/>
                <a:gd name="connsiteX20" fmla="*/ 352578 w 458303"/>
                <a:gd name="connsiteY20" fmla="*/ 121 h 371371"/>
                <a:gd name="connsiteX21" fmla="*/ 458303 w 458303"/>
                <a:gd name="connsiteY21" fmla="*/ 80627 h 371371"/>
                <a:gd name="connsiteX22" fmla="*/ 457212 w 458303"/>
                <a:gd name="connsiteY22" fmla="*/ 82083 h 371371"/>
                <a:gd name="connsiteX23" fmla="*/ 454545 w 458303"/>
                <a:gd name="connsiteY23" fmla="*/ 166226 h 371371"/>
                <a:gd name="connsiteX24" fmla="*/ 438783 w 458303"/>
                <a:gd name="connsiteY24" fmla="*/ 215936 h 371371"/>
                <a:gd name="connsiteX25" fmla="*/ 401318 w 458303"/>
                <a:gd name="connsiteY25" fmla="*/ 233880 h 3713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458303" h="371371">
                  <a:moveTo>
                    <a:pt x="401318" y="233880"/>
                  </a:moveTo>
                  <a:lnTo>
                    <a:pt x="344334" y="290986"/>
                  </a:lnTo>
                  <a:cubicBezTo>
                    <a:pt x="342273" y="292199"/>
                    <a:pt x="334392" y="293169"/>
                    <a:pt x="329178" y="293896"/>
                  </a:cubicBezTo>
                  <a:cubicBezTo>
                    <a:pt x="314871" y="295836"/>
                    <a:pt x="298625" y="297897"/>
                    <a:pt x="288440" y="308203"/>
                  </a:cubicBezTo>
                  <a:lnTo>
                    <a:pt x="240306" y="356337"/>
                  </a:lnTo>
                  <a:cubicBezTo>
                    <a:pt x="236063" y="360581"/>
                    <a:pt x="232425" y="365794"/>
                    <a:pt x="229152" y="371371"/>
                  </a:cubicBezTo>
                  <a:cubicBezTo>
                    <a:pt x="225878" y="365673"/>
                    <a:pt x="222241" y="360459"/>
                    <a:pt x="217997" y="356216"/>
                  </a:cubicBezTo>
                  <a:lnTo>
                    <a:pt x="169863" y="308082"/>
                  </a:lnTo>
                  <a:cubicBezTo>
                    <a:pt x="159557" y="297776"/>
                    <a:pt x="143432" y="295594"/>
                    <a:pt x="129125" y="293775"/>
                  </a:cubicBezTo>
                  <a:cubicBezTo>
                    <a:pt x="123912" y="293048"/>
                    <a:pt x="116152" y="292077"/>
                    <a:pt x="114818" y="291593"/>
                  </a:cubicBezTo>
                  <a:lnTo>
                    <a:pt x="56985" y="233759"/>
                  </a:lnTo>
                  <a:cubicBezTo>
                    <a:pt x="44982" y="221756"/>
                    <a:pt x="31766" y="216421"/>
                    <a:pt x="19520" y="215815"/>
                  </a:cubicBezTo>
                  <a:lnTo>
                    <a:pt x="3759" y="166105"/>
                  </a:lnTo>
                  <a:cubicBezTo>
                    <a:pt x="13943" y="133005"/>
                    <a:pt x="16732" y="107180"/>
                    <a:pt x="1091" y="81961"/>
                  </a:cubicBezTo>
                  <a:cubicBezTo>
                    <a:pt x="727" y="81476"/>
                    <a:pt x="364" y="80991"/>
                    <a:pt x="0" y="80506"/>
                  </a:cubicBezTo>
                  <a:cubicBezTo>
                    <a:pt x="14064" y="25946"/>
                    <a:pt x="64017" y="485"/>
                    <a:pt x="105725" y="0"/>
                  </a:cubicBezTo>
                  <a:lnTo>
                    <a:pt x="106937" y="0"/>
                  </a:lnTo>
                  <a:cubicBezTo>
                    <a:pt x="166468" y="0"/>
                    <a:pt x="215209" y="43648"/>
                    <a:pt x="215815" y="97966"/>
                  </a:cubicBezTo>
                  <a:cubicBezTo>
                    <a:pt x="215815" y="105240"/>
                    <a:pt x="221877" y="111181"/>
                    <a:pt x="229152" y="111181"/>
                  </a:cubicBezTo>
                  <a:cubicBezTo>
                    <a:pt x="236426" y="111181"/>
                    <a:pt x="242367" y="105240"/>
                    <a:pt x="242489" y="97966"/>
                  </a:cubicBezTo>
                  <a:cubicBezTo>
                    <a:pt x="243095" y="43406"/>
                    <a:pt x="292441" y="-606"/>
                    <a:pt x="352578" y="121"/>
                  </a:cubicBezTo>
                  <a:cubicBezTo>
                    <a:pt x="394286" y="606"/>
                    <a:pt x="444239" y="25946"/>
                    <a:pt x="458303" y="80627"/>
                  </a:cubicBezTo>
                  <a:cubicBezTo>
                    <a:pt x="457940" y="81112"/>
                    <a:pt x="457576" y="81598"/>
                    <a:pt x="457212" y="82083"/>
                  </a:cubicBezTo>
                  <a:cubicBezTo>
                    <a:pt x="441572" y="107301"/>
                    <a:pt x="444360" y="133126"/>
                    <a:pt x="454545" y="166226"/>
                  </a:cubicBezTo>
                  <a:lnTo>
                    <a:pt x="438783" y="215936"/>
                  </a:lnTo>
                  <a:cubicBezTo>
                    <a:pt x="426537" y="216542"/>
                    <a:pt x="413322" y="221756"/>
                    <a:pt x="401318" y="233880"/>
                  </a:cubicBezTo>
                  <a:close/>
                </a:path>
              </a:pathLst>
            </a:custGeom>
            <a:solidFill>
              <a:srgbClr val="C7E4F1"/>
            </a:solidFill>
            <a:ln w="12102" cap="flat">
              <a:noFill/>
              <a:prstDash val="solid"/>
              <a:miter/>
            </a:ln>
          </p:spPr>
          <p:txBody>
            <a:bodyPr rtlCol="0" anchor="ctr"/>
            <a:lstStyle/>
            <a:p>
              <a:endParaRPr lang="en-AU"/>
            </a:p>
          </p:txBody>
        </p:sp>
        <p:sp>
          <p:nvSpPr>
            <p:cNvPr id="68" name="Freeform: Shape 67">
              <a:extLst>
                <a:ext uri="{FF2B5EF4-FFF2-40B4-BE49-F238E27FC236}">
                  <a16:creationId xmlns:a16="http://schemas.microsoft.com/office/drawing/2014/main" id="{26629059-5806-9E86-65F2-5717098091F7}"/>
                </a:ext>
              </a:extLst>
            </p:cNvPr>
            <p:cNvSpPr/>
            <p:nvPr/>
          </p:nvSpPr>
          <p:spPr>
            <a:xfrm>
              <a:off x="696919" y="4140160"/>
              <a:ext cx="660273" cy="568422"/>
            </a:xfrm>
            <a:custGeom>
              <a:avLst/>
              <a:gdLst>
                <a:gd name="connsiteX0" fmla="*/ 660085 w 660273"/>
                <a:gd name="connsiteY0" fmla="*/ 211115 h 568422"/>
                <a:gd name="connsiteX1" fmla="*/ 630259 w 660273"/>
                <a:gd name="connsiteY1" fmla="*/ 81748 h 568422"/>
                <a:gd name="connsiteX2" fmla="*/ 619832 w 660273"/>
                <a:gd name="connsiteY2" fmla="*/ 73503 h 568422"/>
                <a:gd name="connsiteX3" fmla="*/ 580307 w 660273"/>
                <a:gd name="connsiteY3" fmla="*/ 85021 h 568422"/>
                <a:gd name="connsiteX4" fmla="*/ 453970 w 660273"/>
                <a:gd name="connsiteY4" fmla="*/ 29 h 568422"/>
                <a:gd name="connsiteX5" fmla="*/ 330301 w 660273"/>
                <a:gd name="connsiteY5" fmla="*/ 71199 h 568422"/>
                <a:gd name="connsiteX6" fmla="*/ 206632 w 660273"/>
                <a:gd name="connsiteY6" fmla="*/ 29 h 568422"/>
                <a:gd name="connsiteX7" fmla="*/ 80174 w 660273"/>
                <a:gd name="connsiteY7" fmla="*/ 85021 h 568422"/>
                <a:gd name="connsiteX8" fmla="*/ 40648 w 660273"/>
                <a:gd name="connsiteY8" fmla="*/ 73624 h 568422"/>
                <a:gd name="connsiteX9" fmla="*/ 30221 w 660273"/>
                <a:gd name="connsiteY9" fmla="*/ 81869 h 568422"/>
                <a:gd name="connsiteX10" fmla="*/ 395 w 660273"/>
                <a:gd name="connsiteY10" fmla="*/ 211236 h 568422"/>
                <a:gd name="connsiteX11" fmla="*/ 13853 w 660273"/>
                <a:gd name="connsiteY11" fmla="*/ 365944 h 568422"/>
                <a:gd name="connsiteX12" fmla="*/ 155588 w 660273"/>
                <a:gd name="connsiteY12" fmla="*/ 507679 h 568422"/>
                <a:gd name="connsiteX13" fmla="*/ 163954 w 660273"/>
                <a:gd name="connsiteY13" fmla="*/ 527199 h 568422"/>
                <a:gd name="connsiteX14" fmla="*/ 163954 w 660273"/>
                <a:gd name="connsiteY14" fmla="*/ 554964 h 568422"/>
                <a:gd name="connsiteX15" fmla="*/ 177291 w 660273"/>
                <a:gd name="connsiteY15" fmla="*/ 568301 h 568422"/>
                <a:gd name="connsiteX16" fmla="*/ 190627 w 660273"/>
                <a:gd name="connsiteY16" fmla="*/ 554964 h 568422"/>
                <a:gd name="connsiteX17" fmla="*/ 190627 w 660273"/>
                <a:gd name="connsiteY17" fmla="*/ 527199 h 568422"/>
                <a:gd name="connsiteX18" fmla="*/ 174381 w 660273"/>
                <a:gd name="connsiteY18" fmla="*/ 488886 h 568422"/>
                <a:gd name="connsiteX19" fmla="*/ 33495 w 660273"/>
                <a:gd name="connsiteY19" fmla="*/ 348000 h 568422"/>
                <a:gd name="connsiteX20" fmla="*/ 26826 w 660273"/>
                <a:gd name="connsiteY20" fmla="*/ 212813 h 568422"/>
                <a:gd name="connsiteX21" fmla="*/ 51560 w 660273"/>
                <a:gd name="connsiteY21" fmla="*/ 100662 h 568422"/>
                <a:gd name="connsiteX22" fmla="*/ 79204 w 660273"/>
                <a:gd name="connsiteY22" fmla="*/ 122728 h 568422"/>
                <a:gd name="connsiteX23" fmla="*/ 77870 w 660273"/>
                <a:gd name="connsiteY23" fmla="*/ 188685 h 568422"/>
                <a:gd name="connsiteX24" fmla="*/ 77870 w 660273"/>
                <a:gd name="connsiteY24" fmla="*/ 196808 h 568422"/>
                <a:gd name="connsiteX25" fmla="*/ 94481 w 660273"/>
                <a:gd name="connsiteY25" fmla="*/ 249186 h 568422"/>
                <a:gd name="connsiteX26" fmla="*/ 85994 w 660273"/>
                <a:gd name="connsiteY26" fmla="*/ 255612 h 568422"/>
                <a:gd name="connsiteX27" fmla="*/ 90843 w 660273"/>
                <a:gd name="connsiteY27" fmla="*/ 327510 h 568422"/>
                <a:gd name="connsiteX28" fmla="*/ 177533 w 660273"/>
                <a:gd name="connsiteY28" fmla="*/ 414200 h 568422"/>
                <a:gd name="connsiteX29" fmla="*/ 196447 w 660273"/>
                <a:gd name="connsiteY29" fmla="*/ 395406 h 568422"/>
                <a:gd name="connsiteX30" fmla="*/ 109758 w 660273"/>
                <a:gd name="connsiteY30" fmla="*/ 308717 h 568422"/>
                <a:gd name="connsiteX31" fmla="*/ 104908 w 660273"/>
                <a:gd name="connsiteY31" fmla="*/ 274647 h 568422"/>
                <a:gd name="connsiteX32" fmla="*/ 138977 w 660273"/>
                <a:gd name="connsiteY32" fmla="*/ 279497 h 568422"/>
                <a:gd name="connsiteX33" fmla="*/ 196811 w 660273"/>
                <a:gd name="connsiteY33" fmla="*/ 337330 h 568422"/>
                <a:gd name="connsiteX34" fmla="*/ 226394 w 660273"/>
                <a:gd name="connsiteY34" fmla="*/ 347152 h 568422"/>
                <a:gd name="connsiteX35" fmla="*/ 251856 w 660273"/>
                <a:gd name="connsiteY35" fmla="*/ 353941 h 568422"/>
                <a:gd name="connsiteX36" fmla="*/ 299990 w 660273"/>
                <a:gd name="connsiteY36" fmla="*/ 402075 h 568422"/>
                <a:gd name="connsiteX37" fmla="*/ 316721 w 660273"/>
                <a:gd name="connsiteY37" fmla="*/ 444147 h 568422"/>
                <a:gd name="connsiteX38" fmla="*/ 316721 w 660273"/>
                <a:gd name="connsiteY38" fmla="*/ 513620 h 568422"/>
                <a:gd name="connsiteX39" fmla="*/ 330058 w 660273"/>
                <a:gd name="connsiteY39" fmla="*/ 526957 h 568422"/>
                <a:gd name="connsiteX40" fmla="*/ 343395 w 660273"/>
                <a:gd name="connsiteY40" fmla="*/ 513620 h 568422"/>
                <a:gd name="connsiteX41" fmla="*/ 343395 w 660273"/>
                <a:gd name="connsiteY41" fmla="*/ 444147 h 568422"/>
                <a:gd name="connsiteX42" fmla="*/ 360127 w 660273"/>
                <a:gd name="connsiteY42" fmla="*/ 402075 h 568422"/>
                <a:gd name="connsiteX43" fmla="*/ 408261 w 660273"/>
                <a:gd name="connsiteY43" fmla="*/ 353941 h 568422"/>
                <a:gd name="connsiteX44" fmla="*/ 433722 w 660273"/>
                <a:gd name="connsiteY44" fmla="*/ 347152 h 568422"/>
                <a:gd name="connsiteX45" fmla="*/ 463306 w 660273"/>
                <a:gd name="connsiteY45" fmla="*/ 337330 h 568422"/>
                <a:gd name="connsiteX46" fmla="*/ 521139 w 660273"/>
                <a:gd name="connsiteY46" fmla="*/ 279497 h 568422"/>
                <a:gd name="connsiteX47" fmla="*/ 555209 w 660273"/>
                <a:gd name="connsiteY47" fmla="*/ 274647 h 568422"/>
                <a:gd name="connsiteX48" fmla="*/ 550359 w 660273"/>
                <a:gd name="connsiteY48" fmla="*/ 308717 h 568422"/>
                <a:gd name="connsiteX49" fmla="*/ 463670 w 660273"/>
                <a:gd name="connsiteY49" fmla="*/ 395406 h 568422"/>
                <a:gd name="connsiteX50" fmla="*/ 482584 w 660273"/>
                <a:gd name="connsiteY50" fmla="*/ 414200 h 568422"/>
                <a:gd name="connsiteX51" fmla="*/ 569273 w 660273"/>
                <a:gd name="connsiteY51" fmla="*/ 327510 h 568422"/>
                <a:gd name="connsiteX52" fmla="*/ 574123 w 660273"/>
                <a:gd name="connsiteY52" fmla="*/ 255733 h 568422"/>
                <a:gd name="connsiteX53" fmla="*/ 565636 w 660273"/>
                <a:gd name="connsiteY53" fmla="*/ 249307 h 568422"/>
                <a:gd name="connsiteX54" fmla="*/ 582246 w 660273"/>
                <a:gd name="connsiteY54" fmla="*/ 196930 h 568422"/>
                <a:gd name="connsiteX55" fmla="*/ 582246 w 660273"/>
                <a:gd name="connsiteY55" fmla="*/ 188806 h 568422"/>
                <a:gd name="connsiteX56" fmla="*/ 580913 w 660273"/>
                <a:gd name="connsiteY56" fmla="*/ 122850 h 568422"/>
                <a:gd name="connsiteX57" fmla="*/ 608556 w 660273"/>
                <a:gd name="connsiteY57" fmla="*/ 100783 h 568422"/>
                <a:gd name="connsiteX58" fmla="*/ 633290 w 660273"/>
                <a:gd name="connsiteY58" fmla="*/ 212934 h 568422"/>
                <a:gd name="connsiteX59" fmla="*/ 626622 w 660273"/>
                <a:gd name="connsiteY59" fmla="*/ 348121 h 568422"/>
                <a:gd name="connsiteX60" fmla="*/ 485736 w 660273"/>
                <a:gd name="connsiteY60" fmla="*/ 489007 h 568422"/>
                <a:gd name="connsiteX61" fmla="*/ 469489 w 660273"/>
                <a:gd name="connsiteY61" fmla="*/ 527320 h 568422"/>
                <a:gd name="connsiteX62" fmla="*/ 469489 w 660273"/>
                <a:gd name="connsiteY62" fmla="*/ 555085 h 568422"/>
                <a:gd name="connsiteX63" fmla="*/ 482826 w 660273"/>
                <a:gd name="connsiteY63" fmla="*/ 568422 h 568422"/>
                <a:gd name="connsiteX64" fmla="*/ 496163 w 660273"/>
                <a:gd name="connsiteY64" fmla="*/ 555085 h 568422"/>
                <a:gd name="connsiteX65" fmla="*/ 496163 w 660273"/>
                <a:gd name="connsiteY65" fmla="*/ 527320 h 568422"/>
                <a:gd name="connsiteX66" fmla="*/ 504529 w 660273"/>
                <a:gd name="connsiteY66" fmla="*/ 507800 h 568422"/>
                <a:gd name="connsiteX67" fmla="*/ 646263 w 660273"/>
                <a:gd name="connsiteY67" fmla="*/ 366066 h 568422"/>
                <a:gd name="connsiteX68" fmla="*/ 659722 w 660273"/>
                <a:gd name="connsiteY68" fmla="*/ 211358 h 568422"/>
                <a:gd name="connsiteX69" fmla="*/ 502468 w 660273"/>
                <a:gd name="connsiteY69" fmla="*/ 260219 h 568422"/>
                <a:gd name="connsiteX70" fmla="*/ 445483 w 660273"/>
                <a:gd name="connsiteY70" fmla="*/ 317325 h 568422"/>
                <a:gd name="connsiteX71" fmla="*/ 430327 w 660273"/>
                <a:gd name="connsiteY71" fmla="*/ 320235 h 568422"/>
                <a:gd name="connsiteX72" fmla="*/ 389589 w 660273"/>
                <a:gd name="connsiteY72" fmla="*/ 334542 h 568422"/>
                <a:gd name="connsiteX73" fmla="*/ 341455 w 660273"/>
                <a:gd name="connsiteY73" fmla="*/ 382676 h 568422"/>
                <a:gd name="connsiteX74" fmla="*/ 330301 w 660273"/>
                <a:gd name="connsiteY74" fmla="*/ 397710 h 568422"/>
                <a:gd name="connsiteX75" fmla="*/ 319146 w 660273"/>
                <a:gd name="connsiteY75" fmla="*/ 382555 h 568422"/>
                <a:gd name="connsiteX76" fmla="*/ 271012 w 660273"/>
                <a:gd name="connsiteY76" fmla="*/ 334421 h 568422"/>
                <a:gd name="connsiteX77" fmla="*/ 230274 w 660273"/>
                <a:gd name="connsiteY77" fmla="*/ 320114 h 568422"/>
                <a:gd name="connsiteX78" fmla="*/ 215968 w 660273"/>
                <a:gd name="connsiteY78" fmla="*/ 317932 h 568422"/>
                <a:gd name="connsiteX79" fmla="*/ 158134 w 660273"/>
                <a:gd name="connsiteY79" fmla="*/ 260098 h 568422"/>
                <a:gd name="connsiteX80" fmla="*/ 120670 w 660273"/>
                <a:gd name="connsiteY80" fmla="*/ 242154 h 568422"/>
                <a:gd name="connsiteX81" fmla="*/ 104908 w 660273"/>
                <a:gd name="connsiteY81" fmla="*/ 192444 h 568422"/>
                <a:gd name="connsiteX82" fmla="*/ 102240 w 660273"/>
                <a:gd name="connsiteY82" fmla="*/ 108300 h 568422"/>
                <a:gd name="connsiteX83" fmla="*/ 101149 w 660273"/>
                <a:gd name="connsiteY83" fmla="*/ 106845 h 568422"/>
                <a:gd name="connsiteX84" fmla="*/ 206874 w 660273"/>
                <a:gd name="connsiteY84" fmla="*/ 26339 h 568422"/>
                <a:gd name="connsiteX85" fmla="*/ 208087 w 660273"/>
                <a:gd name="connsiteY85" fmla="*/ 26339 h 568422"/>
                <a:gd name="connsiteX86" fmla="*/ 316964 w 660273"/>
                <a:gd name="connsiteY86" fmla="*/ 124304 h 568422"/>
                <a:gd name="connsiteX87" fmla="*/ 330301 w 660273"/>
                <a:gd name="connsiteY87" fmla="*/ 137520 h 568422"/>
                <a:gd name="connsiteX88" fmla="*/ 343638 w 660273"/>
                <a:gd name="connsiteY88" fmla="*/ 124304 h 568422"/>
                <a:gd name="connsiteX89" fmla="*/ 453727 w 660273"/>
                <a:gd name="connsiteY89" fmla="*/ 26460 h 568422"/>
                <a:gd name="connsiteX90" fmla="*/ 559453 w 660273"/>
                <a:gd name="connsiteY90" fmla="*/ 106966 h 568422"/>
                <a:gd name="connsiteX91" fmla="*/ 558361 w 660273"/>
                <a:gd name="connsiteY91" fmla="*/ 108422 h 568422"/>
                <a:gd name="connsiteX92" fmla="*/ 555694 w 660273"/>
                <a:gd name="connsiteY92" fmla="*/ 192565 h 568422"/>
                <a:gd name="connsiteX93" fmla="*/ 539932 w 660273"/>
                <a:gd name="connsiteY93" fmla="*/ 242275 h 568422"/>
                <a:gd name="connsiteX94" fmla="*/ 502468 w 660273"/>
                <a:gd name="connsiteY94" fmla="*/ 260219 h 5684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Lst>
              <a:rect l="l" t="t" r="r" b="b"/>
              <a:pathLst>
                <a:path w="660273" h="568422">
                  <a:moveTo>
                    <a:pt x="660085" y="211115"/>
                  </a:moveTo>
                  <a:cubicBezTo>
                    <a:pt x="659115" y="195111"/>
                    <a:pt x="642869" y="113028"/>
                    <a:pt x="630259" y="81748"/>
                  </a:cubicBezTo>
                  <a:cubicBezTo>
                    <a:pt x="628441" y="77383"/>
                    <a:pt x="624561" y="74231"/>
                    <a:pt x="619832" y="73503"/>
                  </a:cubicBezTo>
                  <a:cubicBezTo>
                    <a:pt x="608799" y="71927"/>
                    <a:pt x="594128" y="75322"/>
                    <a:pt x="580307" y="85021"/>
                  </a:cubicBezTo>
                  <a:cubicBezTo>
                    <a:pt x="560422" y="34584"/>
                    <a:pt x="511197" y="514"/>
                    <a:pt x="453970" y="29"/>
                  </a:cubicBezTo>
                  <a:cubicBezTo>
                    <a:pt x="399653" y="-820"/>
                    <a:pt x="352367" y="28643"/>
                    <a:pt x="330301" y="71199"/>
                  </a:cubicBezTo>
                  <a:cubicBezTo>
                    <a:pt x="308234" y="28643"/>
                    <a:pt x="260828" y="-1062"/>
                    <a:pt x="206632" y="29"/>
                  </a:cubicBezTo>
                  <a:cubicBezTo>
                    <a:pt x="149283" y="635"/>
                    <a:pt x="100179" y="34584"/>
                    <a:pt x="80174" y="85021"/>
                  </a:cubicBezTo>
                  <a:cubicBezTo>
                    <a:pt x="66473" y="75322"/>
                    <a:pt x="51803" y="71927"/>
                    <a:pt x="40648" y="73624"/>
                  </a:cubicBezTo>
                  <a:cubicBezTo>
                    <a:pt x="35920" y="74352"/>
                    <a:pt x="32040" y="77504"/>
                    <a:pt x="30221" y="81869"/>
                  </a:cubicBezTo>
                  <a:cubicBezTo>
                    <a:pt x="17612" y="113150"/>
                    <a:pt x="1244" y="195232"/>
                    <a:pt x="395" y="211236"/>
                  </a:cubicBezTo>
                  <a:cubicBezTo>
                    <a:pt x="395" y="212570"/>
                    <a:pt x="-3606" y="348364"/>
                    <a:pt x="13853" y="365944"/>
                  </a:cubicBezTo>
                  <a:lnTo>
                    <a:pt x="155588" y="507679"/>
                  </a:lnTo>
                  <a:cubicBezTo>
                    <a:pt x="163954" y="516166"/>
                    <a:pt x="163954" y="521743"/>
                    <a:pt x="163954" y="527199"/>
                  </a:cubicBezTo>
                  <a:lnTo>
                    <a:pt x="163954" y="554964"/>
                  </a:lnTo>
                  <a:cubicBezTo>
                    <a:pt x="163954" y="562360"/>
                    <a:pt x="169895" y="568301"/>
                    <a:pt x="177291" y="568301"/>
                  </a:cubicBezTo>
                  <a:cubicBezTo>
                    <a:pt x="184686" y="568301"/>
                    <a:pt x="190627" y="562360"/>
                    <a:pt x="190627" y="554964"/>
                  </a:cubicBezTo>
                  <a:lnTo>
                    <a:pt x="190627" y="527199"/>
                  </a:lnTo>
                  <a:cubicBezTo>
                    <a:pt x="190627" y="520046"/>
                    <a:pt x="190627" y="505133"/>
                    <a:pt x="174381" y="488886"/>
                  </a:cubicBezTo>
                  <a:lnTo>
                    <a:pt x="33495" y="348000"/>
                  </a:lnTo>
                  <a:cubicBezTo>
                    <a:pt x="27069" y="332723"/>
                    <a:pt x="25493" y="236334"/>
                    <a:pt x="26826" y="212813"/>
                  </a:cubicBezTo>
                  <a:cubicBezTo>
                    <a:pt x="27554" y="199961"/>
                    <a:pt x="40770" y="133640"/>
                    <a:pt x="51560" y="100662"/>
                  </a:cubicBezTo>
                  <a:cubicBezTo>
                    <a:pt x="59926" y="102844"/>
                    <a:pt x="71081" y="109755"/>
                    <a:pt x="79204" y="122728"/>
                  </a:cubicBezTo>
                  <a:cubicBezTo>
                    <a:pt x="88904" y="138247"/>
                    <a:pt x="88540" y="155464"/>
                    <a:pt x="77870" y="188685"/>
                  </a:cubicBezTo>
                  <a:cubicBezTo>
                    <a:pt x="77022" y="191353"/>
                    <a:pt x="77022" y="194141"/>
                    <a:pt x="77870" y="196808"/>
                  </a:cubicBezTo>
                  <a:lnTo>
                    <a:pt x="94481" y="249186"/>
                  </a:lnTo>
                  <a:cubicBezTo>
                    <a:pt x="91450" y="251005"/>
                    <a:pt x="88540" y="253187"/>
                    <a:pt x="85994" y="255612"/>
                  </a:cubicBezTo>
                  <a:cubicBezTo>
                    <a:pt x="69383" y="272222"/>
                    <a:pt x="65625" y="302291"/>
                    <a:pt x="90843" y="327510"/>
                  </a:cubicBezTo>
                  <a:lnTo>
                    <a:pt x="177533" y="414200"/>
                  </a:lnTo>
                  <a:lnTo>
                    <a:pt x="196447" y="395406"/>
                  </a:lnTo>
                  <a:lnTo>
                    <a:pt x="109758" y="308717"/>
                  </a:lnTo>
                  <a:cubicBezTo>
                    <a:pt x="96299" y="295259"/>
                    <a:pt x="97633" y="281922"/>
                    <a:pt x="104908" y="274647"/>
                  </a:cubicBezTo>
                  <a:cubicBezTo>
                    <a:pt x="112182" y="267373"/>
                    <a:pt x="125519" y="266039"/>
                    <a:pt x="138977" y="279497"/>
                  </a:cubicBezTo>
                  <a:lnTo>
                    <a:pt x="196811" y="337330"/>
                  </a:lnTo>
                  <a:cubicBezTo>
                    <a:pt x="203601" y="344120"/>
                    <a:pt x="214149" y="345454"/>
                    <a:pt x="226394" y="347152"/>
                  </a:cubicBezTo>
                  <a:cubicBezTo>
                    <a:pt x="235003" y="348243"/>
                    <a:pt x="247976" y="350061"/>
                    <a:pt x="251856" y="353941"/>
                  </a:cubicBezTo>
                  <a:lnTo>
                    <a:pt x="299990" y="402075"/>
                  </a:lnTo>
                  <a:cubicBezTo>
                    <a:pt x="310296" y="412381"/>
                    <a:pt x="316721" y="433598"/>
                    <a:pt x="316721" y="444147"/>
                  </a:cubicBezTo>
                  <a:lnTo>
                    <a:pt x="316721" y="513620"/>
                  </a:lnTo>
                  <a:cubicBezTo>
                    <a:pt x="316721" y="521016"/>
                    <a:pt x="322662" y="526957"/>
                    <a:pt x="330058" y="526957"/>
                  </a:cubicBezTo>
                  <a:cubicBezTo>
                    <a:pt x="337454" y="526957"/>
                    <a:pt x="343395" y="521016"/>
                    <a:pt x="343395" y="513620"/>
                  </a:cubicBezTo>
                  <a:lnTo>
                    <a:pt x="343395" y="444147"/>
                  </a:lnTo>
                  <a:cubicBezTo>
                    <a:pt x="343395" y="433477"/>
                    <a:pt x="349700" y="412381"/>
                    <a:pt x="360127" y="402075"/>
                  </a:cubicBezTo>
                  <a:lnTo>
                    <a:pt x="408261" y="353941"/>
                  </a:lnTo>
                  <a:cubicBezTo>
                    <a:pt x="412141" y="350061"/>
                    <a:pt x="425114" y="348364"/>
                    <a:pt x="433722" y="347152"/>
                  </a:cubicBezTo>
                  <a:cubicBezTo>
                    <a:pt x="445968" y="345575"/>
                    <a:pt x="456637" y="344120"/>
                    <a:pt x="463306" y="337330"/>
                  </a:cubicBezTo>
                  <a:lnTo>
                    <a:pt x="521139" y="279497"/>
                  </a:lnTo>
                  <a:cubicBezTo>
                    <a:pt x="534597" y="266039"/>
                    <a:pt x="547934" y="267373"/>
                    <a:pt x="555209" y="274647"/>
                  </a:cubicBezTo>
                  <a:cubicBezTo>
                    <a:pt x="562484" y="281922"/>
                    <a:pt x="563817" y="295380"/>
                    <a:pt x="550359" y="308717"/>
                  </a:cubicBezTo>
                  <a:lnTo>
                    <a:pt x="463670" y="395406"/>
                  </a:lnTo>
                  <a:lnTo>
                    <a:pt x="482584" y="414200"/>
                  </a:lnTo>
                  <a:lnTo>
                    <a:pt x="569273" y="327510"/>
                  </a:lnTo>
                  <a:cubicBezTo>
                    <a:pt x="594492" y="302291"/>
                    <a:pt x="590734" y="272344"/>
                    <a:pt x="574123" y="255733"/>
                  </a:cubicBezTo>
                  <a:cubicBezTo>
                    <a:pt x="571577" y="253187"/>
                    <a:pt x="568667" y="251126"/>
                    <a:pt x="565636" y="249307"/>
                  </a:cubicBezTo>
                  <a:lnTo>
                    <a:pt x="582246" y="196930"/>
                  </a:lnTo>
                  <a:cubicBezTo>
                    <a:pt x="583095" y="194262"/>
                    <a:pt x="583095" y="191474"/>
                    <a:pt x="582246" y="188806"/>
                  </a:cubicBezTo>
                  <a:cubicBezTo>
                    <a:pt x="571577" y="155585"/>
                    <a:pt x="571213" y="138369"/>
                    <a:pt x="580913" y="122850"/>
                  </a:cubicBezTo>
                  <a:cubicBezTo>
                    <a:pt x="589036" y="109755"/>
                    <a:pt x="600191" y="102965"/>
                    <a:pt x="608556" y="100783"/>
                  </a:cubicBezTo>
                  <a:cubicBezTo>
                    <a:pt x="619347" y="133762"/>
                    <a:pt x="632563" y="200082"/>
                    <a:pt x="633290" y="212934"/>
                  </a:cubicBezTo>
                  <a:cubicBezTo>
                    <a:pt x="634624" y="236455"/>
                    <a:pt x="633048" y="332844"/>
                    <a:pt x="626622" y="348121"/>
                  </a:cubicBezTo>
                  <a:lnTo>
                    <a:pt x="485736" y="489007"/>
                  </a:lnTo>
                  <a:cubicBezTo>
                    <a:pt x="469489" y="505254"/>
                    <a:pt x="469489" y="520167"/>
                    <a:pt x="469489" y="527320"/>
                  </a:cubicBezTo>
                  <a:lnTo>
                    <a:pt x="469489" y="555085"/>
                  </a:lnTo>
                  <a:cubicBezTo>
                    <a:pt x="469489" y="562481"/>
                    <a:pt x="475430" y="568422"/>
                    <a:pt x="482826" y="568422"/>
                  </a:cubicBezTo>
                  <a:cubicBezTo>
                    <a:pt x="490222" y="568422"/>
                    <a:pt x="496163" y="562481"/>
                    <a:pt x="496163" y="555085"/>
                  </a:cubicBezTo>
                  <a:lnTo>
                    <a:pt x="496163" y="527320"/>
                  </a:lnTo>
                  <a:cubicBezTo>
                    <a:pt x="496163" y="522107"/>
                    <a:pt x="496163" y="516287"/>
                    <a:pt x="504529" y="507800"/>
                  </a:cubicBezTo>
                  <a:lnTo>
                    <a:pt x="646263" y="366066"/>
                  </a:lnTo>
                  <a:cubicBezTo>
                    <a:pt x="664208" y="348121"/>
                    <a:pt x="659843" y="212691"/>
                    <a:pt x="659722" y="211358"/>
                  </a:cubicBezTo>
                  <a:close/>
                  <a:moveTo>
                    <a:pt x="502468" y="260219"/>
                  </a:moveTo>
                  <a:lnTo>
                    <a:pt x="445483" y="317325"/>
                  </a:lnTo>
                  <a:cubicBezTo>
                    <a:pt x="443422" y="318538"/>
                    <a:pt x="435541" y="319508"/>
                    <a:pt x="430327" y="320235"/>
                  </a:cubicBezTo>
                  <a:cubicBezTo>
                    <a:pt x="416021" y="322175"/>
                    <a:pt x="399774" y="324236"/>
                    <a:pt x="389589" y="334542"/>
                  </a:cubicBezTo>
                  <a:lnTo>
                    <a:pt x="341455" y="382676"/>
                  </a:lnTo>
                  <a:cubicBezTo>
                    <a:pt x="337212" y="386920"/>
                    <a:pt x="333574" y="392133"/>
                    <a:pt x="330301" y="397710"/>
                  </a:cubicBezTo>
                  <a:cubicBezTo>
                    <a:pt x="327027" y="392012"/>
                    <a:pt x="323390" y="386798"/>
                    <a:pt x="319146" y="382555"/>
                  </a:cubicBezTo>
                  <a:lnTo>
                    <a:pt x="271012" y="334421"/>
                  </a:lnTo>
                  <a:cubicBezTo>
                    <a:pt x="260707" y="324115"/>
                    <a:pt x="244581" y="321932"/>
                    <a:pt x="230274" y="320114"/>
                  </a:cubicBezTo>
                  <a:cubicBezTo>
                    <a:pt x="225061" y="319386"/>
                    <a:pt x="217301" y="318416"/>
                    <a:pt x="215968" y="317932"/>
                  </a:cubicBezTo>
                  <a:lnTo>
                    <a:pt x="158134" y="260098"/>
                  </a:lnTo>
                  <a:cubicBezTo>
                    <a:pt x="146131" y="248095"/>
                    <a:pt x="132915" y="242760"/>
                    <a:pt x="120670" y="242154"/>
                  </a:cubicBezTo>
                  <a:lnTo>
                    <a:pt x="104908" y="192444"/>
                  </a:lnTo>
                  <a:cubicBezTo>
                    <a:pt x="115092" y="159344"/>
                    <a:pt x="117881" y="133519"/>
                    <a:pt x="102240" y="108300"/>
                  </a:cubicBezTo>
                  <a:cubicBezTo>
                    <a:pt x="101877" y="107815"/>
                    <a:pt x="101513" y="107330"/>
                    <a:pt x="101149" y="106845"/>
                  </a:cubicBezTo>
                  <a:cubicBezTo>
                    <a:pt x="115214" y="52285"/>
                    <a:pt x="165166" y="26824"/>
                    <a:pt x="206874" y="26339"/>
                  </a:cubicBezTo>
                  <a:lnTo>
                    <a:pt x="208087" y="26339"/>
                  </a:lnTo>
                  <a:cubicBezTo>
                    <a:pt x="267618" y="26339"/>
                    <a:pt x="316358" y="69987"/>
                    <a:pt x="316964" y="124304"/>
                  </a:cubicBezTo>
                  <a:cubicBezTo>
                    <a:pt x="316964" y="131579"/>
                    <a:pt x="323026" y="137520"/>
                    <a:pt x="330301" y="137520"/>
                  </a:cubicBezTo>
                  <a:cubicBezTo>
                    <a:pt x="337576" y="137520"/>
                    <a:pt x="343516" y="131579"/>
                    <a:pt x="343638" y="124304"/>
                  </a:cubicBezTo>
                  <a:cubicBezTo>
                    <a:pt x="344244" y="69745"/>
                    <a:pt x="393590" y="25733"/>
                    <a:pt x="453727" y="26460"/>
                  </a:cubicBezTo>
                  <a:cubicBezTo>
                    <a:pt x="495436" y="26945"/>
                    <a:pt x="545388" y="52285"/>
                    <a:pt x="559453" y="106966"/>
                  </a:cubicBezTo>
                  <a:cubicBezTo>
                    <a:pt x="559089" y="107451"/>
                    <a:pt x="558725" y="107936"/>
                    <a:pt x="558361" y="108422"/>
                  </a:cubicBezTo>
                  <a:cubicBezTo>
                    <a:pt x="542721" y="133640"/>
                    <a:pt x="545509" y="159465"/>
                    <a:pt x="555694" y="192565"/>
                  </a:cubicBezTo>
                  <a:lnTo>
                    <a:pt x="539932" y="242275"/>
                  </a:lnTo>
                  <a:cubicBezTo>
                    <a:pt x="527686" y="242881"/>
                    <a:pt x="514471" y="248095"/>
                    <a:pt x="502468" y="260219"/>
                  </a:cubicBezTo>
                  <a:close/>
                </a:path>
              </a:pathLst>
            </a:custGeom>
            <a:solidFill>
              <a:srgbClr val="265A9A"/>
            </a:solidFill>
            <a:ln w="12102" cap="flat">
              <a:noFill/>
              <a:prstDash val="solid"/>
              <a:miter/>
            </a:ln>
          </p:spPr>
          <p:txBody>
            <a:bodyPr rtlCol="0" anchor="ctr"/>
            <a:lstStyle/>
            <a:p>
              <a:endParaRPr lang="en-AU"/>
            </a:p>
          </p:txBody>
        </p:sp>
      </p:grpSp>
      <p:sp>
        <p:nvSpPr>
          <p:cNvPr id="69" name="Isosceles Triangle 68">
            <a:extLst>
              <a:ext uri="{FF2B5EF4-FFF2-40B4-BE49-F238E27FC236}">
                <a16:creationId xmlns:a16="http://schemas.microsoft.com/office/drawing/2014/main" id="{6A2F4B67-A54E-AFF8-9D75-6D32B6ACD14D}"/>
              </a:ext>
            </a:extLst>
          </p:cNvPr>
          <p:cNvSpPr/>
          <p:nvPr/>
        </p:nvSpPr>
        <p:spPr>
          <a:xfrm rot="10950490">
            <a:off x="1820704" y="4576690"/>
            <a:ext cx="315151" cy="160639"/>
          </a:xfrm>
          <a:prstGeom prst="triangl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0" name="Isosceles Triangle 69">
            <a:extLst>
              <a:ext uri="{FF2B5EF4-FFF2-40B4-BE49-F238E27FC236}">
                <a16:creationId xmlns:a16="http://schemas.microsoft.com/office/drawing/2014/main" id="{B6632412-A2FF-7A64-AE6B-EA07219CCBB0}"/>
              </a:ext>
            </a:extLst>
          </p:cNvPr>
          <p:cNvSpPr/>
          <p:nvPr/>
        </p:nvSpPr>
        <p:spPr>
          <a:xfrm rot="10950490">
            <a:off x="4619461" y="4588875"/>
            <a:ext cx="315151" cy="160639"/>
          </a:xfrm>
          <a:prstGeom prst="triangl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1" name="Isosceles Triangle 70">
            <a:extLst>
              <a:ext uri="{FF2B5EF4-FFF2-40B4-BE49-F238E27FC236}">
                <a16:creationId xmlns:a16="http://schemas.microsoft.com/office/drawing/2014/main" id="{A7B7D99D-9240-D1B8-DF0A-C3FFA9A0430D}"/>
              </a:ext>
            </a:extLst>
          </p:cNvPr>
          <p:cNvSpPr/>
          <p:nvPr/>
        </p:nvSpPr>
        <p:spPr>
          <a:xfrm rot="10950490">
            <a:off x="7418218" y="4596006"/>
            <a:ext cx="315151" cy="160639"/>
          </a:xfrm>
          <a:prstGeom prst="triangl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2" name="Isosceles Triangle 71">
            <a:extLst>
              <a:ext uri="{FF2B5EF4-FFF2-40B4-BE49-F238E27FC236}">
                <a16:creationId xmlns:a16="http://schemas.microsoft.com/office/drawing/2014/main" id="{CBFE74ED-107E-15C3-04F3-FE210ADAB2FE}"/>
              </a:ext>
            </a:extLst>
          </p:cNvPr>
          <p:cNvSpPr/>
          <p:nvPr/>
        </p:nvSpPr>
        <p:spPr>
          <a:xfrm rot="10950490">
            <a:off x="10196410" y="4597890"/>
            <a:ext cx="315151" cy="160639"/>
          </a:xfrm>
          <a:prstGeom prst="triangl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3" name="Isosceles Triangle 72">
            <a:extLst>
              <a:ext uri="{FF2B5EF4-FFF2-40B4-BE49-F238E27FC236}">
                <a16:creationId xmlns:a16="http://schemas.microsoft.com/office/drawing/2014/main" id="{B72E575C-7C8D-59FD-08B9-325D37C6D582}"/>
              </a:ext>
            </a:extLst>
          </p:cNvPr>
          <p:cNvSpPr/>
          <p:nvPr/>
        </p:nvSpPr>
        <p:spPr>
          <a:xfrm rot="10950490">
            <a:off x="2267154" y="2310091"/>
            <a:ext cx="315151" cy="160639"/>
          </a:xfrm>
          <a:prstGeom prst="triangle">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4" name="Isosceles Triangle 73">
            <a:extLst>
              <a:ext uri="{FF2B5EF4-FFF2-40B4-BE49-F238E27FC236}">
                <a16:creationId xmlns:a16="http://schemas.microsoft.com/office/drawing/2014/main" id="{F8C9DC02-0794-4282-4841-254EE2E1AA98}"/>
              </a:ext>
            </a:extLst>
          </p:cNvPr>
          <p:cNvSpPr/>
          <p:nvPr/>
        </p:nvSpPr>
        <p:spPr>
          <a:xfrm rot="10950490">
            <a:off x="5971431" y="2325672"/>
            <a:ext cx="315151" cy="160639"/>
          </a:xfrm>
          <a:prstGeom prst="triangle">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5" name="Isosceles Triangle 74">
            <a:extLst>
              <a:ext uri="{FF2B5EF4-FFF2-40B4-BE49-F238E27FC236}">
                <a16:creationId xmlns:a16="http://schemas.microsoft.com/office/drawing/2014/main" id="{E4B0D2C2-B467-8C7F-96EB-99C67A551220}"/>
              </a:ext>
            </a:extLst>
          </p:cNvPr>
          <p:cNvSpPr/>
          <p:nvPr/>
        </p:nvSpPr>
        <p:spPr>
          <a:xfrm rot="10950490">
            <a:off x="9539680" y="2308457"/>
            <a:ext cx="315151" cy="160639"/>
          </a:xfrm>
          <a:prstGeom prst="triangle">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2" name="Subtitle 3">
            <a:extLst>
              <a:ext uri="{FF2B5EF4-FFF2-40B4-BE49-F238E27FC236}">
                <a16:creationId xmlns:a16="http://schemas.microsoft.com/office/drawing/2014/main" id="{19E98BE3-D501-EAC0-8893-48CF630CAFC6}"/>
              </a:ext>
            </a:extLst>
          </p:cNvPr>
          <p:cNvSpPr>
            <a:spLocks noGrp="1"/>
          </p:cNvSpPr>
          <p:nvPr>
            <p:ph type="subTitle" idx="1"/>
          </p:nvPr>
        </p:nvSpPr>
        <p:spPr>
          <a:xfrm>
            <a:off x="613605" y="1156010"/>
            <a:ext cx="11082430" cy="566942"/>
          </a:xfrm>
        </p:spPr>
        <p:txBody>
          <a:bodyPr/>
          <a:lstStyle/>
          <a:p>
            <a:r>
              <a:rPr lang="en-US"/>
              <a:t>Some progress has been made but it has not enabled meaningful improvements for people with lived and living experience, their supporters, family, carers and kin </a:t>
            </a:r>
          </a:p>
        </p:txBody>
      </p:sp>
      <p:sp>
        <p:nvSpPr>
          <p:cNvPr id="27" name="Slide Number Placeholder 26">
            <a:extLst>
              <a:ext uri="{FF2B5EF4-FFF2-40B4-BE49-F238E27FC236}">
                <a16:creationId xmlns:a16="http://schemas.microsoft.com/office/drawing/2014/main" id="{F88D96D5-B209-7D63-47A7-236B19DB398D}"/>
              </a:ext>
            </a:extLst>
          </p:cNvPr>
          <p:cNvSpPr>
            <a:spLocks noGrp="1"/>
          </p:cNvSpPr>
          <p:nvPr>
            <p:ph type="sldNum" sz="quarter" idx="4"/>
          </p:nvPr>
        </p:nvSpPr>
        <p:spPr/>
        <p:txBody>
          <a:bodyPr/>
          <a:lstStyle/>
          <a:p>
            <a:fld id="{3FE8A0A5-0893-3B4E-9EB9-FE67329D76D6}" type="slidenum">
              <a:rPr lang="en-US" smtClean="0"/>
              <a:pPr/>
              <a:t>16</a:t>
            </a:fld>
            <a:endParaRPr lang="en-US"/>
          </a:p>
        </p:txBody>
      </p:sp>
    </p:spTree>
    <p:custDataLst>
      <p:custData r:id="rId1"/>
      <p:custData r:id="rId2"/>
    </p:custDataLst>
    <p:extLst>
      <p:ext uri="{BB962C8B-B14F-4D97-AF65-F5344CB8AC3E}">
        <p14:creationId xmlns:p14="http://schemas.microsoft.com/office/powerpoint/2010/main" val="223147773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2699FE0-7F81-90C9-BE37-7DCF61B58BEE}"/>
            </a:ext>
          </a:extLst>
        </p:cNvPr>
        <p:cNvGrpSpPr/>
        <p:nvPr/>
      </p:nvGrpSpPr>
      <p:grpSpPr>
        <a:xfrm>
          <a:off x="0" y="0"/>
          <a:ext cx="0" cy="0"/>
          <a:chOff x="0" y="0"/>
          <a:chExt cx="0" cy="0"/>
        </a:xfrm>
      </p:grpSpPr>
      <p:sp>
        <p:nvSpPr>
          <p:cNvPr id="301" name="Rectangle 300">
            <a:extLst>
              <a:ext uri="{FF2B5EF4-FFF2-40B4-BE49-F238E27FC236}">
                <a16:creationId xmlns:a16="http://schemas.microsoft.com/office/drawing/2014/main" id="{92B3BFAD-208C-7540-76C8-B5207CC03DA1}"/>
              </a:ext>
            </a:extLst>
          </p:cNvPr>
          <p:cNvSpPr/>
          <p:nvPr/>
        </p:nvSpPr>
        <p:spPr>
          <a:xfrm>
            <a:off x="-2186" y="1371860"/>
            <a:ext cx="12192001" cy="4831480"/>
          </a:xfrm>
          <a:prstGeom prst="rect">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itle 1">
            <a:extLst>
              <a:ext uri="{FF2B5EF4-FFF2-40B4-BE49-F238E27FC236}">
                <a16:creationId xmlns:a16="http://schemas.microsoft.com/office/drawing/2014/main" id="{57C16803-46E0-E41C-6F06-DEC5BAE9D707}"/>
              </a:ext>
            </a:extLst>
          </p:cNvPr>
          <p:cNvSpPr>
            <a:spLocks noGrp="1"/>
          </p:cNvSpPr>
          <p:nvPr>
            <p:ph type="ctrTitle"/>
          </p:nvPr>
        </p:nvSpPr>
        <p:spPr/>
        <p:txBody>
          <a:bodyPr/>
          <a:lstStyle/>
          <a:p>
            <a:r>
              <a:rPr lang="en-US"/>
              <a:t>Reflections from consumers and carers</a:t>
            </a:r>
            <a:endParaRPr lang="en-AU"/>
          </a:p>
        </p:txBody>
      </p:sp>
      <p:grpSp>
        <p:nvGrpSpPr>
          <p:cNvPr id="27" name="Group 26">
            <a:extLst>
              <a:ext uri="{FF2B5EF4-FFF2-40B4-BE49-F238E27FC236}">
                <a16:creationId xmlns:a16="http://schemas.microsoft.com/office/drawing/2014/main" id="{29EE49A0-D8FC-6ABA-99C9-3DF045DE26B9}"/>
              </a:ext>
            </a:extLst>
          </p:cNvPr>
          <p:cNvGrpSpPr/>
          <p:nvPr/>
        </p:nvGrpSpPr>
        <p:grpSpPr>
          <a:xfrm>
            <a:off x="10552739" y="214340"/>
            <a:ext cx="898808" cy="890722"/>
            <a:chOff x="3183445" y="3589908"/>
            <a:chExt cx="419576" cy="419576"/>
          </a:xfrm>
        </p:grpSpPr>
        <p:sp>
          <p:nvSpPr>
            <p:cNvPr id="28" name="Graphic 2">
              <a:extLst>
                <a:ext uri="{FF2B5EF4-FFF2-40B4-BE49-F238E27FC236}">
                  <a16:creationId xmlns:a16="http://schemas.microsoft.com/office/drawing/2014/main" id="{A5D55F79-32B9-EECF-7E61-3DC85FEE36BE}"/>
                </a:ext>
              </a:extLst>
            </p:cNvPr>
            <p:cNvSpPr/>
            <p:nvPr/>
          </p:nvSpPr>
          <p:spPr>
            <a:xfrm>
              <a:off x="3200400" y="3607816"/>
              <a:ext cx="254222" cy="211264"/>
            </a:xfrm>
            <a:custGeom>
              <a:avLst/>
              <a:gdLst>
                <a:gd name="connsiteX0" fmla="*/ 110680 w 254222"/>
                <a:gd name="connsiteY0" fmla="*/ 173927 h 211264"/>
                <a:gd name="connsiteX1" fmla="*/ 126968 w 254222"/>
                <a:gd name="connsiteY1" fmla="*/ 174688 h 211264"/>
                <a:gd name="connsiteX2" fmla="*/ 254222 w 254222"/>
                <a:gd name="connsiteY2" fmla="*/ 87344 h 211264"/>
                <a:gd name="connsiteX3" fmla="*/ 126968 w 254222"/>
                <a:gd name="connsiteY3" fmla="*/ 0 h 211264"/>
                <a:gd name="connsiteX4" fmla="*/ 0 w 254222"/>
                <a:gd name="connsiteY4" fmla="*/ 87344 h 211264"/>
                <a:gd name="connsiteX5" fmla="*/ 49625 w 254222"/>
                <a:gd name="connsiteY5" fmla="*/ 156400 h 211264"/>
                <a:gd name="connsiteX6" fmla="*/ 54483 w 254222"/>
                <a:gd name="connsiteY6" fmla="*/ 164402 h 211264"/>
                <a:gd name="connsiteX7" fmla="*/ 54483 w 254222"/>
                <a:gd name="connsiteY7" fmla="*/ 206788 h 211264"/>
                <a:gd name="connsiteX8" fmla="*/ 57055 w 254222"/>
                <a:gd name="connsiteY8" fmla="*/ 210788 h 211264"/>
                <a:gd name="connsiteX9" fmla="*/ 58960 w 254222"/>
                <a:gd name="connsiteY9" fmla="*/ 211264 h 211264"/>
                <a:gd name="connsiteX10" fmla="*/ 61817 w 254222"/>
                <a:gd name="connsiteY10" fmla="*/ 210217 h 211264"/>
                <a:gd name="connsiteX11" fmla="*/ 104204 w 254222"/>
                <a:gd name="connsiteY11" fmla="*/ 175927 h 211264"/>
                <a:gd name="connsiteX12" fmla="*/ 110014 w 254222"/>
                <a:gd name="connsiteY12" fmla="*/ 173927 h 211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4222" h="211264">
                  <a:moveTo>
                    <a:pt x="110680" y="173927"/>
                  </a:moveTo>
                  <a:cubicBezTo>
                    <a:pt x="116777" y="174498"/>
                    <a:pt x="121920" y="174688"/>
                    <a:pt x="126968" y="174688"/>
                  </a:cubicBezTo>
                  <a:cubicBezTo>
                    <a:pt x="197168" y="174688"/>
                    <a:pt x="254222" y="135541"/>
                    <a:pt x="254222" y="87344"/>
                  </a:cubicBezTo>
                  <a:cubicBezTo>
                    <a:pt x="254222" y="39148"/>
                    <a:pt x="197072" y="0"/>
                    <a:pt x="126968" y="0"/>
                  </a:cubicBezTo>
                  <a:cubicBezTo>
                    <a:pt x="56864" y="0"/>
                    <a:pt x="0" y="39243"/>
                    <a:pt x="0" y="87344"/>
                  </a:cubicBezTo>
                  <a:cubicBezTo>
                    <a:pt x="0" y="114395"/>
                    <a:pt x="18097" y="139541"/>
                    <a:pt x="49625" y="156400"/>
                  </a:cubicBezTo>
                  <a:cubicBezTo>
                    <a:pt x="52635" y="157924"/>
                    <a:pt x="54521" y="161030"/>
                    <a:pt x="54483" y="164402"/>
                  </a:cubicBezTo>
                  <a:lnTo>
                    <a:pt x="54483" y="206788"/>
                  </a:lnTo>
                  <a:cubicBezTo>
                    <a:pt x="54483" y="208512"/>
                    <a:pt x="55483" y="210074"/>
                    <a:pt x="57055" y="210788"/>
                  </a:cubicBezTo>
                  <a:cubicBezTo>
                    <a:pt x="57645" y="211093"/>
                    <a:pt x="58293" y="211255"/>
                    <a:pt x="58960" y="211264"/>
                  </a:cubicBezTo>
                  <a:cubicBezTo>
                    <a:pt x="60007" y="211255"/>
                    <a:pt x="61008" y="210883"/>
                    <a:pt x="61817" y="210217"/>
                  </a:cubicBezTo>
                  <a:lnTo>
                    <a:pt x="104204" y="175927"/>
                  </a:lnTo>
                  <a:cubicBezTo>
                    <a:pt x="105870" y="174641"/>
                    <a:pt x="107909" y="173936"/>
                    <a:pt x="110014" y="173927"/>
                  </a:cubicBezTo>
                  <a:close/>
                </a:path>
              </a:pathLst>
            </a:custGeom>
            <a:solidFill>
              <a:srgbClr val="C7E4F1"/>
            </a:solidFill>
            <a:ln w="9525" cap="flat">
              <a:noFill/>
              <a:prstDash val="solid"/>
              <a:miter/>
            </a:ln>
          </p:spPr>
          <p:txBody>
            <a:bodyPr rtlCol="0" anchor="ctr"/>
            <a:lstStyle/>
            <a:p>
              <a:endParaRPr lang="en-AU" sz="2400"/>
            </a:p>
          </p:txBody>
        </p:sp>
        <p:sp>
          <p:nvSpPr>
            <p:cNvPr id="29" name="Graphic 2">
              <a:extLst>
                <a:ext uri="{FF2B5EF4-FFF2-40B4-BE49-F238E27FC236}">
                  <a16:creationId xmlns:a16="http://schemas.microsoft.com/office/drawing/2014/main" id="{C0F4541A-0B7A-B4A5-CACF-847860C69823}"/>
                </a:ext>
              </a:extLst>
            </p:cNvPr>
            <p:cNvSpPr/>
            <p:nvPr/>
          </p:nvSpPr>
          <p:spPr>
            <a:xfrm>
              <a:off x="3335464" y="3768788"/>
              <a:ext cx="249459" cy="207371"/>
            </a:xfrm>
            <a:custGeom>
              <a:avLst/>
              <a:gdLst>
                <a:gd name="connsiteX0" fmla="*/ 141161 w 249459"/>
                <a:gd name="connsiteY0" fmla="*/ 170688 h 207371"/>
                <a:gd name="connsiteX1" fmla="*/ 146780 w 249459"/>
                <a:gd name="connsiteY1" fmla="*/ 172688 h 207371"/>
                <a:gd name="connsiteX2" fmla="*/ 188786 w 249459"/>
                <a:gd name="connsiteY2" fmla="*/ 206312 h 207371"/>
                <a:gd name="connsiteX3" fmla="*/ 191548 w 249459"/>
                <a:gd name="connsiteY3" fmla="*/ 207264 h 207371"/>
                <a:gd name="connsiteX4" fmla="*/ 193453 w 249459"/>
                <a:gd name="connsiteY4" fmla="*/ 207264 h 207371"/>
                <a:gd name="connsiteX5" fmla="*/ 195929 w 249459"/>
                <a:gd name="connsiteY5" fmla="*/ 203263 h 207371"/>
                <a:gd name="connsiteX6" fmla="*/ 195929 w 249459"/>
                <a:gd name="connsiteY6" fmla="*/ 161544 h 207371"/>
                <a:gd name="connsiteX7" fmla="*/ 200692 w 249459"/>
                <a:gd name="connsiteY7" fmla="*/ 153638 h 207371"/>
                <a:gd name="connsiteX8" fmla="*/ 249460 w 249459"/>
                <a:gd name="connsiteY8" fmla="*/ 85725 h 207371"/>
                <a:gd name="connsiteX9" fmla="*/ 124682 w 249459"/>
                <a:gd name="connsiteY9" fmla="*/ 0 h 207371"/>
                <a:gd name="connsiteX10" fmla="*/ 0 w 249459"/>
                <a:gd name="connsiteY10" fmla="*/ 85725 h 207371"/>
                <a:gd name="connsiteX11" fmla="*/ 124682 w 249459"/>
                <a:gd name="connsiteY11" fmla="*/ 171450 h 207371"/>
                <a:gd name="connsiteX12" fmla="*/ 140684 w 249459"/>
                <a:gd name="connsiteY12" fmla="*/ 170688 h 2073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9459" h="207371">
                  <a:moveTo>
                    <a:pt x="141161" y="170688"/>
                  </a:moveTo>
                  <a:cubicBezTo>
                    <a:pt x="143199" y="170736"/>
                    <a:pt x="145171" y="171440"/>
                    <a:pt x="146780" y="172688"/>
                  </a:cubicBezTo>
                  <a:lnTo>
                    <a:pt x="188786" y="206312"/>
                  </a:lnTo>
                  <a:cubicBezTo>
                    <a:pt x="189567" y="206940"/>
                    <a:pt x="190548" y="207274"/>
                    <a:pt x="191548" y="207264"/>
                  </a:cubicBezTo>
                  <a:cubicBezTo>
                    <a:pt x="192176" y="207407"/>
                    <a:pt x="192824" y="207407"/>
                    <a:pt x="193453" y="207264"/>
                  </a:cubicBezTo>
                  <a:cubicBezTo>
                    <a:pt x="194967" y="206512"/>
                    <a:pt x="195929" y="204959"/>
                    <a:pt x="195929" y="203263"/>
                  </a:cubicBezTo>
                  <a:lnTo>
                    <a:pt x="195929" y="161544"/>
                  </a:lnTo>
                  <a:cubicBezTo>
                    <a:pt x="196053" y="158267"/>
                    <a:pt x="197844" y="155277"/>
                    <a:pt x="200692" y="153638"/>
                  </a:cubicBezTo>
                  <a:cubicBezTo>
                    <a:pt x="231648" y="137065"/>
                    <a:pt x="249460" y="112300"/>
                    <a:pt x="249460" y="85725"/>
                  </a:cubicBezTo>
                  <a:cubicBezTo>
                    <a:pt x="249460" y="38100"/>
                    <a:pt x="193453" y="0"/>
                    <a:pt x="124682" y="0"/>
                  </a:cubicBezTo>
                  <a:cubicBezTo>
                    <a:pt x="55912" y="0"/>
                    <a:pt x="0" y="38100"/>
                    <a:pt x="0" y="85725"/>
                  </a:cubicBezTo>
                  <a:cubicBezTo>
                    <a:pt x="0" y="133350"/>
                    <a:pt x="55912" y="171450"/>
                    <a:pt x="124682" y="171450"/>
                  </a:cubicBezTo>
                  <a:cubicBezTo>
                    <a:pt x="129635" y="171450"/>
                    <a:pt x="134779" y="171450"/>
                    <a:pt x="140684" y="170688"/>
                  </a:cubicBezTo>
                  <a:close/>
                </a:path>
              </a:pathLst>
            </a:custGeom>
            <a:solidFill>
              <a:srgbClr val="66B9DA"/>
            </a:solidFill>
            <a:ln w="9525" cap="flat">
              <a:noFill/>
              <a:prstDash val="solid"/>
              <a:miter/>
            </a:ln>
          </p:spPr>
          <p:txBody>
            <a:bodyPr rtlCol="0" anchor="ctr"/>
            <a:lstStyle/>
            <a:p>
              <a:endParaRPr lang="en-AU" sz="2400"/>
            </a:p>
          </p:txBody>
        </p:sp>
        <p:sp>
          <p:nvSpPr>
            <p:cNvPr id="30" name="Graphic 2">
              <a:extLst>
                <a:ext uri="{FF2B5EF4-FFF2-40B4-BE49-F238E27FC236}">
                  <a16:creationId xmlns:a16="http://schemas.microsoft.com/office/drawing/2014/main" id="{31DC6E4F-B616-57CC-40D8-BE53D03B85B3}"/>
                </a:ext>
              </a:extLst>
            </p:cNvPr>
            <p:cNvSpPr/>
            <p:nvPr/>
          </p:nvSpPr>
          <p:spPr>
            <a:xfrm>
              <a:off x="3317271" y="3750786"/>
              <a:ext cx="285750" cy="258698"/>
            </a:xfrm>
            <a:custGeom>
              <a:avLst/>
              <a:gdLst>
                <a:gd name="connsiteX0" fmla="*/ 222885 w 285750"/>
                <a:gd name="connsiteY0" fmla="*/ 258223 h 258698"/>
                <a:gd name="connsiteX1" fmla="*/ 217170 w 285750"/>
                <a:gd name="connsiteY1" fmla="*/ 256127 h 258698"/>
                <a:gd name="connsiteX2" fmla="*/ 157925 w 285750"/>
                <a:gd name="connsiteY2" fmla="*/ 208502 h 258698"/>
                <a:gd name="connsiteX3" fmla="*/ 155162 w 285750"/>
                <a:gd name="connsiteY3" fmla="*/ 207550 h 258698"/>
                <a:gd name="connsiteX4" fmla="*/ 155162 w 285750"/>
                <a:gd name="connsiteY4" fmla="*/ 207550 h 258698"/>
                <a:gd name="connsiteX5" fmla="*/ 142875 w 285750"/>
                <a:gd name="connsiteY5" fmla="*/ 208026 h 258698"/>
                <a:gd name="connsiteX6" fmla="*/ 0 w 285750"/>
                <a:gd name="connsiteY6" fmla="*/ 104013 h 258698"/>
                <a:gd name="connsiteX7" fmla="*/ 142875 w 285750"/>
                <a:gd name="connsiteY7" fmla="*/ 0 h 258698"/>
                <a:gd name="connsiteX8" fmla="*/ 285750 w 285750"/>
                <a:gd name="connsiteY8" fmla="*/ 104013 h 258698"/>
                <a:gd name="connsiteX9" fmla="*/ 234410 w 285750"/>
                <a:gd name="connsiteY9" fmla="*/ 183928 h 258698"/>
                <a:gd name="connsiteX10" fmla="*/ 232315 w 285750"/>
                <a:gd name="connsiteY10" fmla="*/ 187642 h 258698"/>
                <a:gd name="connsiteX11" fmla="*/ 232315 w 285750"/>
                <a:gd name="connsiteY11" fmla="*/ 249650 h 258698"/>
                <a:gd name="connsiteX12" fmla="*/ 223361 w 285750"/>
                <a:gd name="connsiteY12" fmla="*/ 258699 h 258698"/>
                <a:gd name="connsiteX13" fmla="*/ 159449 w 285750"/>
                <a:gd name="connsiteY13" fmla="*/ 188690 h 258698"/>
                <a:gd name="connsiteX14" fmla="*/ 165068 w 285750"/>
                <a:gd name="connsiteY14" fmla="*/ 190690 h 258698"/>
                <a:gd name="connsiteX15" fmla="*/ 206978 w 285750"/>
                <a:gd name="connsiteY15" fmla="*/ 224314 h 258698"/>
                <a:gd name="connsiteX16" fmla="*/ 209741 w 285750"/>
                <a:gd name="connsiteY16" fmla="*/ 225266 h 258698"/>
                <a:gd name="connsiteX17" fmla="*/ 211646 w 285750"/>
                <a:gd name="connsiteY17" fmla="*/ 225266 h 258698"/>
                <a:gd name="connsiteX18" fmla="*/ 214122 w 285750"/>
                <a:gd name="connsiteY18" fmla="*/ 221266 h 258698"/>
                <a:gd name="connsiteX19" fmla="*/ 214122 w 285750"/>
                <a:gd name="connsiteY19" fmla="*/ 179546 h 258698"/>
                <a:gd name="connsiteX20" fmla="*/ 218885 w 285750"/>
                <a:gd name="connsiteY20" fmla="*/ 171640 h 258698"/>
                <a:gd name="connsiteX21" fmla="*/ 267653 w 285750"/>
                <a:gd name="connsiteY21" fmla="*/ 103727 h 258698"/>
                <a:gd name="connsiteX22" fmla="*/ 142875 w 285750"/>
                <a:gd name="connsiteY22" fmla="*/ 18002 h 258698"/>
                <a:gd name="connsiteX23" fmla="*/ 18193 w 285750"/>
                <a:gd name="connsiteY23" fmla="*/ 103727 h 258698"/>
                <a:gd name="connsiteX24" fmla="*/ 142875 w 285750"/>
                <a:gd name="connsiteY24" fmla="*/ 189452 h 258698"/>
                <a:gd name="connsiteX25" fmla="*/ 158877 w 285750"/>
                <a:gd name="connsiteY25" fmla="*/ 188690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85750" h="258698">
                  <a:moveTo>
                    <a:pt x="222885" y="258223"/>
                  </a:moveTo>
                  <a:cubicBezTo>
                    <a:pt x="220790" y="258213"/>
                    <a:pt x="218770" y="257470"/>
                    <a:pt x="217170" y="256127"/>
                  </a:cubicBezTo>
                  <a:lnTo>
                    <a:pt x="157925" y="208502"/>
                  </a:lnTo>
                  <a:cubicBezTo>
                    <a:pt x="157153" y="207854"/>
                    <a:pt x="156172" y="207521"/>
                    <a:pt x="155162" y="207550"/>
                  </a:cubicBezTo>
                  <a:lnTo>
                    <a:pt x="155162" y="207550"/>
                  </a:lnTo>
                  <a:cubicBezTo>
                    <a:pt x="150781" y="207550"/>
                    <a:pt x="146780" y="208026"/>
                    <a:pt x="142875" y="208026"/>
                  </a:cubicBezTo>
                  <a:cubicBezTo>
                    <a:pt x="64199" y="208026"/>
                    <a:pt x="0" y="161354"/>
                    <a:pt x="0" y="104013"/>
                  </a:cubicBezTo>
                  <a:cubicBezTo>
                    <a:pt x="0" y="46672"/>
                    <a:pt x="64008" y="0"/>
                    <a:pt x="142875" y="0"/>
                  </a:cubicBezTo>
                  <a:cubicBezTo>
                    <a:pt x="221742" y="0"/>
                    <a:pt x="285750" y="46672"/>
                    <a:pt x="285750" y="104013"/>
                  </a:cubicBezTo>
                  <a:cubicBezTo>
                    <a:pt x="285750" y="135064"/>
                    <a:pt x="266700" y="164211"/>
                    <a:pt x="234410" y="183928"/>
                  </a:cubicBezTo>
                  <a:cubicBezTo>
                    <a:pt x="233086" y="184690"/>
                    <a:pt x="232286" y="186118"/>
                    <a:pt x="232315" y="187642"/>
                  </a:cubicBezTo>
                  <a:lnTo>
                    <a:pt x="232315" y="249650"/>
                  </a:lnTo>
                  <a:cubicBezTo>
                    <a:pt x="232077" y="254508"/>
                    <a:pt x="228219" y="258413"/>
                    <a:pt x="223361" y="258699"/>
                  </a:cubicBezTo>
                  <a:close/>
                  <a:moveTo>
                    <a:pt x="159449" y="188690"/>
                  </a:moveTo>
                  <a:cubicBezTo>
                    <a:pt x="161487" y="188738"/>
                    <a:pt x="163459" y="189443"/>
                    <a:pt x="165068" y="190690"/>
                  </a:cubicBezTo>
                  <a:lnTo>
                    <a:pt x="206978" y="224314"/>
                  </a:lnTo>
                  <a:cubicBezTo>
                    <a:pt x="207759" y="224942"/>
                    <a:pt x="208740" y="225276"/>
                    <a:pt x="209741" y="225266"/>
                  </a:cubicBezTo>
                  <a:cubicBezTo>
                    <a:pt x="210369" y="225409"/>
                    <a:pt x="211017" y="225409"/>
                    <a:pt x="211646" y="225266"/>
                  </a:cubicBezTo>
                  <a:cubicBezTo>
                    <a:pt x="213160" y="224514"/>
                    <a:pt x="214122" y="222961"/>
                    <a:pt x="214122" y="221266"/>
                  </a:cubicBezTo>
                  <a:lnTo>
                    <a:pt x="214122" y="179546"/>
                  </a:lnTo>
                  <a:cubicBezTo>
                    <a:pt x="214246" y="176269"/>
                    <a:pt x="216037" y="173279"/>
                    <a:pt x="218885" y="171640"/>
                  </a:cubicBezTo>
                  <a:cubicBezTo>
                    <a:pt x="249841" y="155067"/>
                    <a:pt x="267653" y="130302"/>
                    <a:pt x="267653" y="103727"/>
                  </a:cubicBezTo>
                  <a:cubicBezTo>
                    <a:pt x="267653" y="56102"/>
                    <a:pt x="211646" y="18002"/>
                    <a:pt x="142875" y="18002"/>
                  </a:cubicBezTo>
                  <a:cubicBezTo>
                    <a:pt x="74104" y="18002"/>
                    <a:pt x="18193" y="56102"/>
                    <a:pt x="18193" y="103727"/>
                  </a:cubicBezTo>
                  <a:cubicBezTo>
                    <a:pt x="18193" y="151352"/>
                    <a:pt x="74104" y="189452"/>
                    <a:pt x="142875" y="189452"/>
                  </a:cubicBezTo>
                  <a:cubicBezTo>
                    <a:pt x="147828" y="189452"/>
                    <a:pt x="152971" y="189452"/>
                    <a:pt x="158877" y="188690"/>
                  </a:cubicBezTo>
                  <a:close/>
                </a:path>
              </a:pathLst>
            </a:custGeom>
            <a:solidFill>
              <a:srgbClr val="265998"/>
            </a:solidFill>
            <a:ln w="9525" cap="flat">
              <a:noFill/>
              <a:prstDash val="solid"/>
              <a:miter/>
            </a:ln>
          </p:spPr>
          <p:txBody>
            <a:bodyPr rtlCol="0" anchor="ctr"/>
            <a:lstStyle/>
            <a:p>
              <a:endParaRPr lang="en-AU" sz="2400"/>
            </a:p>
          </p:txBody>
        </p:sp>
        <p:sp>
          <p:nvSpPr>
            <p:cNvPr id="31" name="Graphic 2">
              <a:extLst>
                <a:ext uri="{FF2B5EF4-FFF2-40B4-BE49-F238E27FC236}">
                  <a16:creationId xmlns:a16="http://schemas.microsoft.com/office/drawing/2014/main" id="{E75F6592-E624-953D-A217-A3D79D13EEA1}"/>
                </a:ext>
              </a:extLst>
            </p:cNvPr>
            <p:cNvSpPr/>
            <p:nvPr/>
          </p:nvSpPr>
          <p:spPr>
            <a:xfrm>
              <a:off x="3398301" y="38305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sp>
          <p:nvSpPr>
            <p:cNvPr id="32" name="Graphic 2">
              <a:extLst>
                <a:ext uri="{FF2B5EF4-FFF2-40B4-BE49-F238E27FC236}">
                  <a16:creationId xmlns:a16="http://schemas.microsoft.com/office/drawing/2014/main" id="{262BFF59-C003-1163-AC35-78C4A15AEF39}"/>
                </a:ext>
              </a:extLst>
            </p:cNvPr>
            <p:cNvSpPr/>
            <p:nvPr/>
          </p:nvSpPr>
          <p:spPr>
            <a:xfrm>
              <a:off x="3398301" y="38706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5"/>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sp>
          <p:nvSpPr>
            <p:cNvPr id="33" name="Graphic 2">
              <a:extLst>
                <a:ext uri="{FF2B5EF4-FFF2-40B4-BE49-F238E27FC236}">
                  <a16:creationId xmlns:a16="http://schemas.microsoft.com/office/drawing/2014/main" id="{94C19B41-C590-C2CE-7364-ED75255CECCB}"/>
                </a:ext>
              </a:extLst>
            </p:cNvPr>
            <p:cNvSpPr/>
            <p:nvPr/>
          </p:nvSpPr>
          <p:spPr>
            <a:xfrm>
              <a:off x="3183445" y="3589908"/>
              <a:ext cx="285750" cy="258639"/>
            </a:xfrm>
            <a:custGeom>
              <a:avLst/>
              <a:gdLst>
                <a:gd name="connsiteX0" fmla="*/ 62484 w 285750"/>
                <a:gd name="connsiteY0" fmla="*/ 258604 h 258639"/>
                <a:gd name="connsiteX1" fmla="*/ 58579 w 285750"/>
                <a:gd name="connsiteY1" fmla="*/ 257746 h 258639"/>
                <a:gd name="connsiteX2" fmla="*/ 53530 w 285750"/>
                <a:gd name="connsiteY2" fmla="*/ 249650 h 258639"/>
                <a:gd name="connsiteX3" fmla="*/ 53530 w 285750"/>
                <a:gd name="connsiteY3" fmla="*/ 187547 h 258639"/>
                <a:gd name="connsiteX4" fmla="*/ 51435 w 285750"/>
                <a:gd name="connsiteY4" fmla="*/ 183832 h 258639"/>
                <a:gd name="connsiteX5" fmla="*/ 0 w 285750"/>
                <a:gd name="connsiteY5" fmla="*/ 103918 h 258639"/>
                <a:gd name="connsiteX6" fmla="*/ 142875 w 285750"/>
                <a:gd name="connsiteY6" fmla="*/ 0 h 258639"/>
                <a:gd name="connsiteX7" fmla="*/ 285750 w 285750"/>
                <a:gd name="connsiteY7" fmla="*/ 103918 h 258639"/>
                <a:gd name="connsiteX8" fmla="*/ 280321 w 285750"/>
                <a:gd name="connsiteY8" fmla="*/ 132493 h 258639"/>
                <a:gd name="connsiteX9" fmla="*/ 271939 w 285750"/>
                <a:gd name="connsiteY9" fmla="*/ 138303 h 258639"/>
                <a:gd name="connsiteX10" fmla="*/ 268700 w 285750"/>
                <a:gd name="connsiteY10" fmla="*/ 137636 h 258639"/>
                <a:gd name="connsiteX11" fmla="*/ 263747 w 285750"/>
                <a:gd name="connsiteY11" fmla="*/ 132874 h 258639"/>
                <a:gd name="connsiteX12" fmla="*/ 263747 w 285750"/>
                <a:gd name="connsiteY12" fmla="*/ 126016 h 258639"/>
                <a:gd name="connsiteX13" fmla="*/ 267938 w 285750"/>
                <a:gd name="connsiteY13" fmla="*/ 103918 h 258639"/>
                <a:gd name="connsiteX14" fmla="*/ 143256 w 285750"/>
                <a:gd name="connsiteY14" fmla="*/ 18193 h 258639"/>
                <a:gd name="connsiteX15" fmla="*/ 18479 w 285750"/>
                <a:gd name="connsiteY15" fmla="*/ 103918 h 258639"/>
                <a:gd name="connsiteX16" fmla="*/ 67246 w 285750"/>
                <a:gd name="connsiteY16" fmla="*/ 171926 h 258639"/>
                <a:gd name="connsiteX17" fmla="*/ 72009 w 285750"/>
                <a:gd name="connsiteY17" fmla="*/ 179832 h 258639"/>
                <a:gd name="connsiteX18" fmla="*/ 72009 w 285750"/>
                <a:gd name="connsiteY18" fmla="*/ 221837 h 258639"/>
                <a:gd name="connsiteX19" fmla="*/ 74486 w 285750"/>
                <a:gd name="connsiteY19" fmla="*/ 225743 h 258639"/>
                <a:gd name="connsiteX20" fmla="*/ 76390 w 285750"/>
                <a:gd name="connsiteY20" fmla="*/ 226219 h 258639"/>
                <a:gd name="connsiteX21" fmla="*/ 79057 w 285750"/>
                <a:gd name="connsiteY21" fmla="*/ 225266 h 258639"/>
                <a:gd name="connsiteX22" fmla="*/ 124206 w 285750"/>
                <a:gd name="connsiteY22" fmla="*/ 189167 h 258639"/>
                <a:gd name="connsiteX23" fmla="*/ 129826 w 285750"/>
                <a:gd name="connsiteY23" fmla="*/ 187166 h 258639"/>
                <a:gd name="connsiteX24" fmla="*/ 138874 w 285750"/>
                <a:gd name="connsiteY24" fmla="*/ 196025 h 258639"/>
                <a:gd name="connsiteX25" fmla="*/ 135446 w 285750"/>
                <a:gd name="connsiteY25" fmla="*/ 203168 h 258639"/>
                <a:gd name="connsiteX26" fmla="*/ 68771 w 285750"/>
                <a:gd name="connsiteY26" fmla="*/ 256604 h 258639"/>
                <a:gd name="connsiteX27" fmla="*/ 62484 w 285750"/>
                <a:gd name="connsiteY27" fmla="*/ 258604 h 258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85750" h="258639">
                  <a:moveTo>
                    <a:pt x="62484" y="258604"/>
                  </a:moveTo>
                  <a:cubicBezTo>
                    <a:pt x="61131" y="258594"/>
                    <a:pt x="59807" y="258308"/>
                    <a:pt x="58579" y="257746"/>
                  </a:cubicBezTo>
                  <a:cubicBezTo>
                    <a:pt x="55569" y="256146"/>
                    <a:pt x="53645" y="253060"/>
                    <a:pt x="53530" y="249650"/>
                  </a:cubicBezTo>
                  <a:lnTo>
                    <a:pt x="53530" y="187547"/>
                  </a:lnTo>
                  <a:cubicBezTo>
                    <a:pt x="53559" y="186023"/>
                    <a:pt x="52759" y="184595"/>
                    <a:pt x="51435" y="183832"/>
                  </a:cubicBezTo>
                  <a:cubicBezTo>
                    <a:pt x="18764" y="164116"/>
                    <a:pt x="0" y="134969"/>
                    <a:pt x="0" y="103918"/>
                  </a:cubicBezTo>
                  <a:cubicBezTo>
                    <a:pt x="0" y="46768"/>
                    <a:pt x="64103" y="0"/>
                    <a:pt x="142875" y="0"/>
                  </a:cubicBezTo>
                  <a:cubicBezTo>
                    <a:pt x="221647" y="0"/>
                    <a:pt x="285750" y="46577"/>
                    <a:pt x="285750" y="103918"/>
                  </a:cubicBezTo>
                  <a:cubicBezTo>
                    <a:pt x="285750" y="113700"/>
                    <a:pt x="283902" y="123397"/>
                    <a:pt x="280321" y="132493"/>
                  </a:cubicBezTo>
                  <a:cubicBezTo>
                    <a:pt x="278882" y="135884"/>
                    <a:pt x="275625" y="138151"/>
                    <a:pt x="271939" y="138303"/>
                  </a:cubicBezTo>
                  <a:cubicBezTo>
                    <a:pt x="270824" y="138274"/>
                    <a:pt x="269729" y="138046"/>
                    <a:pt x="268700" y="137636"/>
                  </a:cubicBezTo>
                  <a:cubicBezTo>
                    <a:pt x="266462" y="136798"/>
                    <a:pt x="264671" y="135074"/>
                    <a:pt x="263747" y="132874"/>
                  </a:cubicBezTo>
                  <a:cubicBezTo>
                    <a:pt x="262833" y="130673"/>
                    <a:pt x="262833" y="128206"/>
                    <a:pt x="263747" y="126016"/>
                  </a:cubicBezTo>
                  <a:cubicBezTo>
                    <a:pt x="266500" y="118977"/>
                    <a:pt x="267919" y="111481"/>
                    <a:pt x="267938" y="103918"/>
                  </a:cubicBezTo>
                  <a:cubicBezTo>
                    <a:pt x="267938" y="56293"/>
                    <a:pt x="212027" y="18193"/>
                    <a:pt x="143256" y="18193"/>
                  </a:cubicBezTo>
                  <a:cubicBezTo>
                    <a:pt x="74486" y="18193"/>
                    <a:pt x="18479" y="56769"/>
                    <a:pt x="18479" y="103918"/>
                  </a:cubicBezTo>
                  <a:cubicBezTo>
                    <a:pt x="18479" y="130588"/>
                    <a:pt x="36290" y="155353"/>
                    <a:pt x="67246" y="171926"/>
                  </a:cubicBezTo>
                  <a:cubicBezTo>
                    <a:pt x="70190" y="173460"/>
                    <a:pt x="72028" y="176508"/>
                    <a:pt x="72009" y="179832"/>
                  </a:cubicBezTo>
                  <a:lnTo>
                    <a:pt x="72009" y="221837"/>
                  </a:lnTo>
                  <a:cubicBezTo>
                    <a:pt x="72028" y="223504"/>
                    <a:pt x="72980" y="225019"/>
                    <a:pt x="74486" y="225743"/>
                  </a:cubicBezTo>
                  <a:cubicBezTo>
                    <a:pt x="75076" y="226047"/>
                    <a:pt x="75724" y="226209"/>
                    <a:pt x="76390" y="226219"/>
                  </a:cubicBezTo>
                  <a:cubicBezTo>
                    <a:pt x="77362" y="226190"/>
                    <a:pt x="78296" y="225857"/>
                    <a:pt x="79057" y="225266"/>
                  </a:cubicBezTo>
                  <a:lnTo>
                    <a:pt x="124206" y="189167"/>
                  </a:lnTo>
                  <a:cubicBezTo>
                    <a:pt x="125787" y="187871"/>
                    <a:pt x="127778" y="187166"/>
                    <a:pt x="129826" y="187166"/>
                  </a:cubicBezTo>
                  <a:cubicBezTo>
                    <a:pt x="134769" y="187109"/>
                    <a:pt x="138827" y="191071"/>
                    <a:pt x="138874" y="196025"/>
                  </a:cubicBezTo>
                  <a:cubicBezTo>
                    <a:pt x="138912" y="198806"/>
                    <a:pt x="137636" y="201454"/>
                    <a:pt x="135446" y="203168"/>
                  </a:cubicBezTo>
                  <a:lnTo>
                    <a:pt x="68771" y="256604"/>
                  </a:lnTo>
                  <a:cubicBezTo>
                    <a:pt x="67027" y="258089"/>
                    <a:pt x="64761" y="258813"/>
                    <a:pt x="62484" y="258604"/>
                  </a:cubicBezTo>
                  <a:close/>
                </a:path>
              </a:pathLst>
            </a:custGeom>
            <a:solidFill>
              <a:srgbClr val="265998"/>
            </a:solidFill>
            <a:ln w="9525" cap="flat">
              <a:noFill/>
              <a:prstDash val="solid"/>
              <a:miter/>
            </a:ln>
          </p:spPr>
          <p:txBody>
            <a:bodyPr rtlCol="0" anchor="ctr"/>
            <a:lstStyle/>
            <a:p>
              <a:endParaRPr lang="en-AU" sz="2400"/>
            </a:p>
          </p:txBody>
        </p:sp>
        <p:sp>
          <p:nvSpPr>
            <p:cNvPr id="34" name="Graphic 2">
              <a:extLst>
                <a:ext uri="{FF2B5EF4-FFF2-40B4-BE49-F238E27FC236}">
                  <a16:creationId xmlns:a16="http://schemas.microsoft.com/office/drawing/2014/main" id="{B4D47433-3E3F-8EF2-E1A3-7C48630264AF}"/>
                </a:ext>
              </a:extLst>
            </p:cNvPr>
            <p:cNvSpPr/>
            <p:nvPr/>
          </p:nvSpPr>
          <p:spPr>
            <a:xfrm>
              <a:off x="3263741" y="3670109"/>
              <a:ext cx="124872" cy="17906"/>
            </a:xfrm>
            <a:custGeom>
              <a:avLst/>
              <a:gdLst>
                <a:gd name="connsiteX0" fmla="*/ 8954 w 124872"/>
                <a:gd name="connsiteY0" fmla="*/ 17907 h 17906"/>
                <a:gd name="connsiteX1" fmla="*/ 0 w 124872"/>
                <a:gd name="connsiteY1" fmla="*/ 8954 h 17906"/>
                <a:gd name="connsiteX2" fmla="*/ 8954 w 124872"/>
                <a:gd name="connsiteY2" fmla="*/ 0 h 17906"/>
                <a:gd name="connsiteX3" fmla="*/ 115919 w 124872"/>
                <a:gd name="connsiteY3" fmla="*/ 0 h 17906"/>
                <a:gd name="connsiteX4" fmla="*/ 124873 w 124872"/>
                <a:gd name="connsiteY4" fmla="*/ 8954 h 17906"/>
                <a:gd name="connsiteX5" fmla="*/ 115919 w 1248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4872" h="17906">
                  <a:moveTo>
                    <a:pt x="8954" y="17907"/>
                  </a:moveTo>
                  <a:cubicBezTo>
                    <a:pt x="4010" y="17907"/>
                    <a:pt x="0" y="13897"/>
                    <a:pt x="0" y="8954"/>
                  </a:cubicBezTo>
                  <a:cubicBezTo>
                    <a:pt x="0" y="4010"/>
                    <a:pt x="4010" y="0"/>
                    <a:pt x="8954" y="0"/>
                  </a:cubicBezTo>
                  <a:lnTo>
                    <a:pt x="115919" y="0"/>
                  </a:lnTo>
                  <a:cubicBezTo>
                    <a:pt x="120863" y="0"/>
                    <a:pt x="124873" y="4010"/>
                    <a:pt x="124873" y="8954"/>
                  </a:cubicBezTo>
                  <a:cubicBezTo>
                    <a:pt x="124873" y="13897"/>
                    <a:pt x="120863" y="17907"/>
                    <a:pt x="115919" y="17907"/>
                  </a:cubicBezTo>
                  <a:close/>
                </a:path>
              </a:pathLst>
            </a:custGeom>
            <a:solidFill>
              <a:srgbClr val="265998"/>
            </a:solidFill>
            <a:ln w="9525" cap="flat">
              <a:noFill/>
              <a:prstDash val="solid"/>
              <a:miter/>
            </a:ln>
          </p:spPr>
          <p:txBody>
            <a:bodyPr rtlCol="0" anchor="ctr"/>
            <a:lstStyle/>
            <a:p>
              <a:endParaRPr lang="en-AU" sz="2400"/>
            </a:p>
          </p:txBody>
        </p:sp>
        <p:sp>
          <p:nvSpPr>
            <p:cNvPr id="35" name="Graphic 2">
              <a:extLst>
                <a:ext uri="{FF2B5EF4-FFF2-40B4-BE49-F238E27FC236}">
                  <a16:creationId xmlns:a16="http://schemas.microsoft.com/office/drawing/2014/main" id="{EE23DB8B-A37D-63D0-0D2E-553F668E2DC0}"/>
                </a:ext>
              </a:extLst>
            </p:cNvPr>
            <p:cNvSpPr/>
            <p:nvPr/>
          </p:nvSpPr>
          <p:spPr>
            <a:xfrm>
              <a:off x="3264570" y="3710209"/>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sz="2400"/>
            </a:p>
          </p:txBody>
        </p:sp>
      </p:grpSp>
      <p:sp>
        <p:nvSpPr>
          <p:cNvPr id="283" name="TextBox 282">
            <a:extLst>
              <a:ext uri="{FF2B5EF4-FFF2-40B4-BE49-F238E27FC236}">
                <a16:creationId xmlns:a16="http://schemas.microsoft.com/office/drawing/2014/main" id="{A122068B-B463-DED9-FBC4-168DBFC64232}"/>
              </a:ext>
            </a:extLst>
          </p:cNvPr>
          <p:cNvSpPr txBox="1"/>
          <p:nvPr/>
        </p:nvSpPr>
        <p:spPr>
          <a:xfrm>
            <a:off x="228601" y="5279068"/>
            <a:ext cx="636207" cy="473061"/>
          </a:xfrm>
          <a:prstGeom prst="rect">
            <a:avLst/>
          </a:prstGeom>
          <a:noFill/>
        </p:spPr>
        <p:txBody>
          <a:bodyPr wrap="square">
            <a:noAutofit/>
          </a:bodyPr>
          <a:lstStyle/>
          <a:p>
            <a:endParaRPr lang="en-US" sz="1400">
              <a:solidFill>
                <a:schemeClr val="accent2"/>
              </a:solidFill>
            </a:endParaRPr>
          </a:p>
        </p:txBody>
      </p:sp>
      <p:sp>
        <p:nvSpPr>
          <p:cNvPr id="286" name="Rectangle 285">
            <a:extLst>
              <a:ext uri="{FF2B5EF4-FFF2-40B4-BE49-F238E27FC236}">
                <a16:creationId xmlns:a16="http://schemas.microsoft.com/office/drawing/2014/main" id="{7FF184D8-9935-1BBA-7230-2A915CAC8AFD}"/>
              </a:ext>
            </a:extLst>
          </p:cNvPr>
          <p:cNvSpPr/>
          <p:nvPr/>
        </p:nvSpPr>
        <p:spPr>
          <a:xfrm>
            <a:off x="1456626" y="3905869"/>
            <a:ext cx="9268122" cy="2069000"/>
          </a:xfrm>
          <a:prstGeom prst="rect">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400" b="1">
              <a:solidFill>
                <a:schemeClr val="tx1"/>
              </a:solidFill>
              <a:latin typeface="Arial" panose="020B0604020202020204" pitchFamily="34" charset="0"/>
              <a:cs typeface="Arial" panose="020B0604020202020204" pitchFamily="34" charset="0"/>
            </a:endParaRPr>
          </a:p>
        </p:txBody>
      </p:sp>
      <p:sp>
        <p:nvSpPr>
          <p:cNvPr id="287" name="TextBox 286">
            <a:extLst>
              <a:ext uri="{FF2B5EF4-FFF2-40B4-BE49-F238E27FC236}">
                <a16:creationId xmlns:a16="http://schemas.microsoft.com/office/drawing/2014/main" id="{3CC84905-D1DB-AA41-427C-B8E196CA0145}"/>
              </a:ext>
            </a:extLst>
          </p:cNvPr>
          <p:cNvSpPr txBox="1"/>
          <p:nvPr/>
        </p:nvSpPr>
        <p:spPr>
          <a:xfrm>
            <a:off x="1804548" y="4444489"/>
            <a:ext cx="8582903" cy="881256"/>
          </a:xfrm>
          <a:prstGeom prst="roundRect">
            <a:avLst>
              <a:gd name="adj" fmla="val 7391"/>
            </a:avLst>
          </a:prstGeom>
          <a:solidFill>
            <a:schemeClr val="accent2">
              <a:lumMod val="20000"/>
              <a:lumOff val="80000"/>
            </a:schemeClr>
          </a:solidFill>
        </p:spPr>
        <p:txBody>
          <a:bodyPr wrap="square" lIns="108000" tIns="72000" rIns="108000" bIns="108000" rtlCol="0">
            <a:noAutofit/>
          </a:bodyPr>
          <a:lstStyle/>
          <a:p>
            <a:r>
              <a:rPr lang="en-US" sz="1600">
                <a:ea typeface="Arial" panose="020B0604020202020204" pitchFamily="34" charset="0"/>
                <a:cs typeface="Times New Roman" panose="02020603050405020304" pitchFamily="18" charset="0"/>
              </a:rPr>
              <a:t>I don’t feel like we are seen at all. Respected would be meaning we are treated like a somebody and we are not. Protected would be knowing how to help us and protecting us from ourselves when needed and this doesn’t </a:t>
            </a:r>
            <a:r>
              <a:rPr lang="en-US" sz="1600">
                <a:cs typeface="Times New Roman" panose="02020603050405020304" pitchFamily="18" charset="0"/>
              </a:rPr>
              <a:t>happen</a:t>
            </a:r>
            <a:r>
              <a:rPr lang="en-AU" sz="1600">
                <a:cs typeface="Times New Roman" panose="02020603050405020304" pitchFamily="18" charset="0"/>
              </a:rPr>
              <a:t>.</a:t>
            </a:r>
          </a:p>
        </p:txBody>
      </p:sp>
      <p:sp>
        <p:nvSpPr>
          <p:cNvPr id="288" name="TextBox 287">
            <a:extLst>
              <a:ext uri="{FF2B5EF4-FFF2-40B4-BE49-F238E27FC236}">
                <a16:creationId xmlns:a16="http://schemas.microsoft.com/office/drawing/2014/main" id="{A2A7A017-5F51-A3F4-CB24-0A944FEB7698}"/>
              </a:ext>
            </a:extLst>
          </p:cNvPr>
          <p:cNvSpPr txBox="1"/>
          <p:nvPr/>
        </p:nvSpPr>
        <p:spPr>
          <a:xfrm>
            <a:off x="1804548" y="5501555"/>
            <a:ext cx="1684710" cy="307777"/>
          </a:xfrm>
          <a:prstGeom prst="rect">
            <a:avLst/>
          </a:prstGeom>
          <a:noFill/>
        </p:spPr>
        <p:txBody>
          <a:bodyPr wrap="square">
            <a:spAutoFit/>
          </a:bodyPr>
          <a:lstStyle/>
          <a:p>
            <a:r>
              <a:rPr lang="en-AU" sz="1400" b="1"/>
              <a:t>Carer</a:t>
            </a:r>
          </a:p>
        </p:txBody>
      </p:sp>
      <p:sp>
        <p:nvSpPr>
          <p:cNvPr id="289" name="TextBox 288">
            <a:extLst>
              <a:ext uri="{FF2B5EF4-FFF2-40B4-BE49-F238E27FC236}">
                <a16:creationId xmlns:a16="http://schemas.microsoft.com/office/drawing/2014/main" id="{D432C8C0-B391-4CD0-7F69-3F961183037A}"/>
              </a:ext>
            </a:extLst>
          </p:cNvPr>
          <p:cNvSpPr txBox="1"/>
          <p:nvPr/>
        </p:nvSpPr>
        <p:spPr>
          <a:xfrm>
            <a:off x="1456626" y="4033567"/>
            <a:ext cx="901956" cy="474912"/>
          </a:xfrm>
          <a:prstGeom prst="rect">
            <a:avLst/>
          </a:prstGeom>
          <a:noFill/>
        </p:spPr>
        <p:txBody>
          <a:bodyPr wrap="square">
            <a:noAutofit/>
          </a:bodyPr>
          <a:lstStyle/>
          <a:p>
            <a:r>
              <a:rPr lang="en-US" sz="7200">
                <a:solidFill>
                  <a:schemeClr val="accent2"/>
                </a:solidFill>
                <a:latin typeface="Arial" panose="020B0604020202020204" pitchFamily="34" charset="0"/>
                <a:cs typeface="Arial" panose="020B0604020202020204" pitchFamily="34" charset="0"/>
              </a:rPr>
              <a:t>“</a:t>
            </a:r>
          </a:p>
        </p:txBody>
      </p:sp>
      <p:sp>
        <p:nvSpPr>
          <p:cNvPr id="290" name="TextBox 289">
            <a:extLst>
              <a:ext uri="{FF2B5EF4-FFF2-40B4-BE49-F238E27FC236}">
                <a16:creationId xmlns:a16="http://schemas.microsoft.com/office/drawing/2014/main" id="{1BE1319B-B1EC-E888-6428-3ED61AF6D495}"/>
              </a:ext>
            </a:extLst>
          </p:cNvPr>
          <p:cNvSpPr txBox="1"/>
          <p:nvPr/>
        </p:nvSpPr>
        <p:spPr>
          <a:xfrm>
            <a:off x="10069347" y="5012142"/>
            <a:ext cx="636207" cy="473061"/>
          </a:xfrm>
          <a:prstGeom prst="rect">
            <a:avLst/>
          </a:prstGeom>
          <a:noFill/>
        </p:spPr>
        <p:txBody>
          <a:bodyPr wrap="square">
            <a:noAutofit/>
          </a:bodyPr>
          <a:lstStyle/>
          <a:p>
            <a:r>
              <a:rPr lang="en-US" sz="7200">
                <a:solidFill>
                  <a:schemeClr val="accent2"/>
                </a:solidFill>
                <a:latin typeface="Arial" panose="020B0604020202020204" pitchFamily="34" charset="0"/>
                <a:cs typeface="Arial" panose="020B0604020202020204" pitchFamily="34" charset="0"/>
              </a:rPr>
              <a:t>”</a:t>
            </a:r>
          </a:p>
        </p:txBody>
      </p:sp>
      <p:sp>
        <p:nvSpPr>
          <p:cNvPr id="291" name="Rectangle 290">
            <a:extLst>
              <a:ext uri="{FF2B5EF4-FFF2-40B4-BE49-F238E27FC236}">
                <a16:creationId xmlns:a16="http://schemas.microsoft.com/office/drawing/2014/main" id="{9544B6DE-84C4-B452-1097-B826525AEB29}"/>
              </a:ext>
            </a:extLst>
          </p:cNvPr>
          <p:cNvSpPr/>
          <p:nvPr/>
        </p:nvSpPr>
        <p:spPr>
          <a:xfrm>
            <a:off x="1456626" y="1650324"/>
            <a:ext cx="9278746" cy="1862216"/>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400" b="1">
              <a:solidFill>
                <a:schemeClr val="tx1"/>
              </a:solidFill>
              <a:latin typeface="Arial" panose="020B0604020202020204" pitchFamily="34" charset="0"/>
              <a:cs typeface="Arial" panose="020B0604020202020204" pitchFamily="34" charset="0"/>
            </a:endParaRPr>
          </a:p>
        </p:txBody>
      </p:sp>
      <p:sp>
        <p:nvSpPr>
          <p:cNvPr id="292" name="TextBox 291">
            <a:extLst>
              <a:ext uri="{FF2B5EF4-FFF2-40B4-BE49-F238E27FC236}">
                <a16:creationId xmlns:a16="http://schemas.microsoft.com/office/drawing/2014/main" id="{6952892B-AA31-AEB3-E60F-AA3145D332C7}"/>
              </a:ext>
            </a:extLst>
          </p:cNvPr>
          <p:cNvSpPr txBox="1"/>
          <p:nvPr/>
        </p:nvSpPr>
        <p:spPr>
          <a:xfrm>
            <a:off x="1804548" y="2070307"/>
            <a:ext cx="8582903" cy="927368"/>
          </a:xfrm>
          <a:prstGeom prst="roundRect">
            <a:avLst>
              <a:gd name="adj" fmla="val 6160"/>
            </a:avLst>
          </a:prstGeom>
          <a:solidFill>
            <a:schemeClr val="accent1">
              <a:lumMod val="20000"/>
              <a:lumOff val="80000"/>
            </a:schemeClr>
          </a:solidFill>
        </p:spPr>
        <p:txBody>
          <a:bodyPr wrap="square" lIns="108000" tIns="108000" rIns="108000" bIns="108000" rtlCol="0">
            <a:noAutofit/>
          </a:bodyPr>
          <a:lstStyle/>
          <a:p>
            <a:r>
              <a:rPr lang="en-US" sz="1600">
                <a:cs typeface="Arial" panose="020B0604020202020204" pitchFamily="34" charset="0"/>
              </a:rPr>
              <a:t>I think the service system continues to be far too fragmented and way too reliant on clinical services. The only way I see this changing is by communities being given more say over how supports are delivered locally.</a:t>
            </a:r>
            <a:endParaRPr lang="en-AU" sz="1600">
              <a:cs typeface="Arial" panose="020B0604020202020204" pitchFamily="34" charset="0"/>
            </a:endParaRPr>
          </a:p>
        </p:txBody>
      </p:sp>
      <p:sp>
        <p:nvSpPr>
          <p:cNvPr id="293" name="TextBox 292">
            <a:extLst>
              <a:ext uri="{FF2B5EF4-FFF2-40B4-BE49-F238E27FC236}">
                <a16:creationId xmlns:a16="http://schemas.microsoft.com/office/drawing/2014/main" id="{7A500B3A-16F6-7395-8862-C288429B8917}"/>
              </a:ext>
            </a:extLst>
          </p:cNvPr>
          <p:cNvSpPr txBox="1"/>
          <p:nvPr/>
        </p:nvSpPr>
        <p:spPr>
          <a:xfrm>
            <a:off x="1456626" y="1685714"/>
            <a:ext cx="901956" cy="474912"/>
          </a:xfrm>
          <a:prstGeom prst="rect">
            <a:avLst/>
          </a:prstGeom>
          <a:noFill/>
        </p:spPr>
        <p:txBody>
          <a:bodyPr wrap="square">
            <a:noAutofit/>
          </a:bodyPr>
          <a:lstStyle/>
          <a:p>
            <a:r>
              <a:rPr lang="en-US" sz="7200">
                <a:solidFill>
                  <a:schemeClr val="tx2"/>
                </a:solidFill>
                <a:latin typeface="Arial" panose="020B0604020202020204" pitchFamily="34" charset="0"/>
                <a:cs typeface="Arial" panose="020B0604020202020204" pitchFamily="34" charset="0"/>
              </a:rPr>
              <a:t>“</a:t>
            </a:r>
          </a:p>
        </p:txBody>
      </p:sp>
      <p:sp>
        <p:nvSpPr>
          <p:cNvPr id="294" name="TextBox 293">
            <a:extLst>
              <a:ext uri="{FF2B5EF4-FFF2-40B4-BE49-F238E27FC236}">
                <a16:creationId xmlns:a16="http://schemas.microsoft.com/office/drawing/2014/main" id="{EE01E21A-B25A-265E-D1E6-269AE40EE16D}"/>
              </a:ext>
            </a:extLst>
          </p:cNvPr>
          <p:cNvSpPr txBox="1"/>
          <p:nvPr/>
        </p:nvSpPr>
        <p:spPr>
          <a:xfrm>
            <a:off x="10088541" y="2688085"/>
            <a:ext cx="636207" cy="321035"/>
          </a:xfrm>
          <a:prstGeom prst="rect">
            <a:avLst/>
          </a:prstGeom>
          <a:noFill/>
        </p:spPr>
        <p:txBody>
          <a:bodyPr wrap="square">
            <a:noAutofit/>
          </a:bodyPr>
          <a:lstStyle/>
          <a:p>
            <a:r>
              <a:rPr lang="en-US" sz="7200">
                <a:solidFill>
                  <a:schemeClr val="tx2"/>
                </a:solidFill>
                <a:latin typeface="Arial" panose="020B0604020202020204" pitchFamily="34" charset="0"/>
                <a:cs typeface="Arial" panose="020B0604020202020204" pitchFamily="34" charset="0"/>
              </a:rPr>
              <a:t>”</a:t>
            </a:r>
          </a:p>
        </p:txBody>
      </p:sp>
      <p:sp>
        <p:nvSpPr>
          <p:cNvPr id="295" name="TextBox 294">
            <a:extLst>
              <a:ext uri="{FF2B5EF4-FFF2-40B4-BE49-F238E27FC236}">
                <a16:creationId xmlns:a16="http://schemas.microsoft.com/office/drawing/2014/main" id="{2FD92CD1-B859-4330-39D0-9F9858B95ACB}"/>
              </a:ext>
            </a:extLst>
          </p:cNvPr>
          <p:cNvSpPr txBox="1"/>
          <p:nvPr/>
        </p:nvSpPr>
        <p:spPr>
          <a:xfrm>
            <a:off x="1804548" y="3105174"/>
            <a:ext cx="1684710" cy="307777"/>
          </a:xfrm>
          <a:prstGeom prst="rect">
            <a:avLst/>
          </a:prstGeom>
          <a:noFill/>
        </p:spPr>
        <p:txBody>
          <a:bodyPr wrap="square">
            <a:spAutoFit/>
          </a:bodyPr>
          <a:lstStyle/>
          <a:p>
            <a:r>
              <a:rPr lang="en-AU" sz="1400" b="1"/>
              <a:t>Consumer</a:t>
            </a:r>
          </a:p>
        </p:txBody>
      </p:sp>
      <p:sp>
        <p:nvSpPr>
          <p:cNvPr id="3" name="Slide Number Placeholder 2">
            <a:extLst>
              <a:ext uri="{FF2B5EF4-FFF2-40B4-BE49-F238E27FC236}">
                <a16:creationId xmlns:a16="http://schemas.microsoft.com/office/drawing/2014/main" id="{67107B42-52A1-869E-DFF4-6A444B78D96C}"/>
              </a:ext>
            </a:extLst>
          </p:cNvPr>
          <p:cNvSpPr>
            <a:spLocks noGrp="1"/>
          </p:cNvSpPr>
          <p:nvPr>
            <p:ph type="sldNum" sz="quarter" idx="4"/>
          </p:nvPr>
        </p:nvSpPr>
        <p:spPr/>
        <p:txBody>
          <a:bodyPr/>
          <a:lstStyle/>
          <a:p>
            <a:fld id="{3FE8A0A5-0893-3B4E-9EB9-FE67329D76D6}" type="slidenum">
              <a:rPr lang="en-US" smtClean="0"/>
              <a:pPr/>
              <a:t>17</a:t>
            </a:fld>
            <a:endParaRPr lang="en-US"/>
          </a:p>
        </p:txBody>
      </p:sp>
    </p:spTree>
    <p:custDataLst>
      <p:custData r:id="rId1"/>
      <p:custData r:id="rId2"/>
    </p:custDataLst>
    <p:extLst>
      <p:ext uri="{BB962C8B-B14F-4D97-AF65-F5344CB8AC3E}">
        <p14:creationId xmlns:p14="http://schemas.microsoft.com/office/powerpoint/2010/main" val="11117453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96BF3E-409E-FBF6-A050-54422D9134C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788D213-C838-CB36-36D8-3F95B2AEF010}"/>
              </a:ext>
            </a:extLst>
          </p:cNvPr>
          <p:cNvSpPr>
            <a:spLocks noGrp="1"/>
          </p:cNvSpPr>
          <p:nvPr>
            <p:ph type="ctrTitle"/>
          </p:nvPr>
        </p:nvSpPr>
        <p:spPr>
          <a:xfrm>
            <a:off x="569995" y="514562"/>
            <a:ext cx="11082431" cy="515848"/>
          </a:xfrm>
        </p:spPr>
        <p:txBody>
          <a:bodyPr>
            <a:normAutofit fontScale="90000"/>
          </a:bodyPr>
          <a:lstStyle/>
          <a:p>
            <a:r>
              <a:rPr lang="en-US"/>
              <a:t>The mental health and suicide prevention system is not meeting community need	</a:t>
            </a:r>
            <a:endParaRPr lang="en-AU"/>
          </a:p>
        </p:txBody>
      </p:sp>
      <p:sp>
        <p:nvSpPr>
          <p:cNvPr id="190" name="AutoShape 3">
            <a:extLst>
              <a:ext uri="{FF2B5EF4-FFF2-40B4-BE49-F238E27FC236}">
                <a16:creationId xmlns:a16="http://schemas.microsoft.com/office/drawing/2014/main" id="{278A7505-0E54-41D7-0B22-3310ACC2C038}"/>
              </a:ext>
            </a:extLst>
          </p:cNvPr>
          <p:cNvSpPr>
            <a:spLocks noChangeAspect="1" noChangeArrowheads="1" noTextEdit="1"/>
          </p:cNvSpPr>
          <p:nvPr/>
        </p:nvSpPr>
        <p:spPr bwMode="auto">
          <a:xfrm>
            <a:off x="5992472" y="6527737"/>
            <a:ext cx="4328748" cy="397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 name="Slide Number Placeholder 2">
            <a:extLst>
              <a:ext uri="{FF2B5EF4-FFF2-40B4-BE49-F238E27FC236}">
                <a16:creationId xmlns:a16="http://schemas.microsoft.com/office/drawing/2014/main" id="{ED7E4697-11D5-BD26-500A-8376ADE0D5D7}"/>
              </a:ext>
            </a:extLst>
          </p:cNvPr>
          <p:cNvSpPr>
            <a:spLocks noGrp="1"/>
          </p:cNvSpPr>
          <p:nvPr>
            <p:ph type="sldNum" sz="quarter" idx="4"/>
          </p:nvPr>
        </p:nvSpPr>
        <p:spPr/>
        <p:txBody>
          <a:bodyPr/>
          <a:lstStyle/>
          <a:p>
            <a:fld id="{3FE8A0A5-0893-3B4E-9EB9-FE67329D76D6}" type="slidenum">
              <a:rPr lang="en-US" smtClean="0"/>
              <a:pPr/>
              <a:t>18</a:t>
            </a:fld>
            <a:endParaRPr lang="en-US"/>
          </a:p>
        </p:txBody>
      </p:sp>
      <p:grpSp>
        <p:nvGrpSpPr>
          <p:cNvPr id="198" name="Group 197">
            <a:extLst>
              <a:ext uri="{FF2B5EF4-FFF2-40B4-BE49-F238E27FC236}">
                <a16:creationId xmlns:a16="http://schemas.microsoft.com/office/drawing/2014/main" id="{5D7670C2-FE9A-3F6F-8AFF-215EFD5E52F5}"/>
              </a:ext>
            </a:extLst>
          </p:cNvPr>
          <p:cNvGrpSpPr/>
          <p:nvPr/>
        </p:nvGrpSpPr>
        <p:grpSpPr>
          <a:xfrm>
            <a:off x="1867883" y="1929311"/>
            <a:ext cx="8628273" cy="494407"/>
            <a:chOff x="1677383" y="1866900"/>
            <a:chExt cx="8628273" cy="494407"/>
          </a:xfrm>
        </p:grpSpPr>
        <p:sp>
          <p:nvSpPr>
            <p:cNvPr id="4" name="Rectangle 3">
              <a:extLst>
                <a:ext uri="{FF2B5EF4-FFF2-40B4-BE49-F238E27FC236}">
                  <a16:creationId xmlns:a16="http://schemas.microsoft.com/office/drawing/2014/main" id="{645613FB-AA77-986A-A315-1E5F3D6D8E09}"/>
                </a:ext>
              </a:extLst>
            </p:cNvPr>
            <p:cNvSpPr/>
            <p:nvPr/>
          </p:nvSpPr>
          <p:spPr>
            <a:xfrm>
              <a:off x="1677383" y="1866900"/>
              <a:ext cx="8628273" cy="494407"/>
            </a:xfrm>
            <a:prstGeom prst="rect">
              <a:avLst/>
            </a:prstGeom>
            <a:solidFill>
              <a:srgbClr val="265A9A"/>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 name="TextBox 4">
              <a:extLst>
                <a:ext uri="{FF2B5EF4-FFF2-40B4-BE49-F238E27FC236}">
                  <a16:creationId xmlns:a16="http://schemas.microsoft.com/office/drawing/2014/main" id="{D01D7DF4-A481-92C8-363A-0A0993467E24}"/>
                </a:ext>
              </a:extLst>
            </p:cNvPr>
            <p:cNvSpPr txBox="1"/>
            <p:nvPr/>
          </p:nvSpPr>
          <p:spPr>
            <a:xfrm>
              <a:off x="1677383" y="1917114"/>
              <a:ext cx="8628273" cy="369332"/>
            </a:xfrm>
            <a:prstGeom prst="rect">
              <a:avLst/>
            </a:prstGeom>
            <a:noFill/>
          </p:spPr>
          <p:txBody>
            <a:bodyPr wrap="square" rtlCol="0">
              <a:spAutoFit/>
            </a:bodyPr>
            <a:lstStyle/>
            <a:p>
              <a:pPr algn="ctr"/>
              <a:r>
                <a:rPr lang="en-AU" altLang="en-US" b="1">
                  <a:solidFill>
                    <a:schemeClr val="bg1"/>
                  </a:solidFill>
                  <a:ea typeface="Arial" panose="020B0604020202020204" pitchFamily="34" charset="0"/>
                  <a:cs typeface="Times New Roman" panose="02020603050405020304" pitchFamily="18" charset="0"/>
                </a:rPr>
                <a:t>People are postponing or not seeking professional help when they need it </a:t>
              </a:r>
              <a:endParaRPr lang="en-AU"/>
            </a:p>
          </p:txBody>
        </p:sp>
      </p:grpSp>
      <p:grpSp>
        <p:nvGrpSpPr>
          <p:cNvPr id="6" name="Group 5">
            <a:extLst>
              <a:ext uri="{FF2B5EF4-FFF2-40B4-BE49-F238E27FC236}">
                <a16:creationId xmlns:a16="http://schemas.microsoft.com/office/drawing/2014/main" id="{19483366-CD62-C770-51F1-5FAA2C2D8679}"/>
              </a:ext>
            </a:extLst>
          </p:cNvPr>
          <p:cNvGrpSpPr/>
          <p:nvPr/>
        </p:nvGrpSpPr>
        <p:grpSpPr>
          <a:xfrm>
            <a:off x="1867883" y="2575940"/>
            <a:ext cx="8628273" cy="2392298"/>
            <a:chOff x="0" y="1309857"/>
            <a:chExt cx="6119813" cy="1766157"/>
          </a:xfrm>
        </p:grpSpPr>
        <p:sp>
          <p:nvSpPr>
            <p:cNvPr id="7" name="Rectangle 6">
              <a:extLst>
                <a:ext uri="{FF2B5EF4-FFF2-40B4-BE49-F238E27FC236}">
                  <a16:creationId xmlns:a16="http://schemas.microsoft.com/office/drawing/2014/main" id="{3DAFEEE5-E993-819C-067F-2EF36471DD60}"/>
                </a:ext>
              </a:extLst>
            </p:cNvPr>
            <p:cNvSpPr/>
            <p:nvPr/>
          </p:nvSpPr>
          <p:spPr>
            <a:xfrm>
              <a:off x="0" y="2249825"/>
              <a:ext cx="6119813" cy="826189"/>
            </a:xfrm>
            <a:prstGeom prst="rect">
              <a:avLst/>
            </a:prstGeom>
            <a:solidFill>
              <a:srgbClr val="D2ECF5"/>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tlCol="0" anchor="t" anchorCtr="0"/>
            <a:lstStyle/>
            <a:p>
              <a:pPr algn="l" defTabSz="1036198"/>
              <a:endParaRPr lang="en-US" sz="1100" b="1">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 name="Group 7">
              <a:extLst>
                <a:ext uri="{FF2B5EF4-FFF2-40B4-BE49-F238E27FC236}">
                  <a16:creationId xmlns:a16="http://schemas.microsoft.com/office/drawing/2014/main" id="{7B52BD9B-6072-6F84-F6F0-A07B5C3410BC}"/>
                </a:ext>
              </a:extLst>
            </p:cNvPr>
            <p:cNvGrpSpPr/>
            <p:nvPr/>
          </p:nvGrpSpPr>
          <p:grpSpPr>
            <a:xfrm>
              <a:off x="1761557" y="2434469"/>
              <a:ext cx="3417171" cy="477112"/>
              <a:chOff x="1761556" y="4647629"/>
              <a:chExt cx="3417171" cy="477112"/>
            </a:xfrm>
          </p:grpSpPr>
          <p:grpSp>
            <p:nvGrpSpPr>
              <p:cNvPr id="139" name="Group 138">
                <a:extLst>
                  <a:ext uri="{FF2B5EF4-FFF2-40B4-BE49-F238E27FC236}">
                    <a16:creationId xmlns:a16="http://schemas.microsoft.com/office/drawing/2014/main" id="{DBDB9FDD-092B-A33E-2807-668C50E09B59}"/>
                  </a:ext>
                </a:extLst>
              </p:cNvPr>
              <p:cNvGrpSpPr/>
              <p:nvPr/>
            </p:nvGrpSpPr>
            <p:grpSpPr>
              <a:xfrm>
                <a:off x="3154408" y="4647629"/>
                <a:ext cx="283254" cy="477112"/>
                <a:chOff x="2942514" y="3640873"/>
                <a:chExt cx="236563" cy="398466"/>
              </a:xfrm>
            </p:grpSpPr>
            <p:grpSp>
              <p:nvGrpSpPr>
                <p:cNvPr id="192" name="Graphic 3">
                  <a:extLst>
                    <a:ext uri="{FF2B5EF4-FFF2-40B4-BE49-F238E27FC236}">
                      <a16:creationId xmlns:a16="http://schemas.microsoft.com/office/drawing/2014/main" id="{4F479D1D-3B66-A6FD-7318-1659250B24C0}"/>
                    </a:ext>
                  </a:extLst>
                </p:cNvPr>
                <p:cNvGrpSpPr/>
                <p:nvPr/>
              </p:nvGrpSpPr>
              <p:grpSpPr>
                <a:xfrm>
                  <a:off x="2951883" y="3648530"/>
                  <a:ext cx="217919" cy="390809"/>
                  <a:chOff x="2951883" y="3648525"/>
                  <a:chExt cx="217919" cy="390809"/>
                </a:xfrm>
                <a:solidFill>
                  <a:srgbClr val="C7E4F1"/>
                </a:solidFill>
              </p:grpSpPr>
              <p:sp>
                <p:nvSpPr>
                  <p:cNvPr id="195" name="Freeform 64">
                    <a:extLst>
                      <a:ext uri="{FF2B5EF4-FFF2-40B4-BE49-F238E27FC236}">
                        <a16:creationId xmlns:a16="http://schemas.microsoft.com/office/drawing/2014/main" id="{2E56B9CE-3A8F-A6D9-BDCA-85559520F2F2}"/>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96" name="Freeform 65">
                    <a:extLst>
                      <a:ext uri="{FF2B5EF4-FFF2-40B4-BE49-F238E27FC236}">
                        <a16:creationId xmlns:a16="http://schemas.microsoft.com/office/drawing/2014/main" id="{3FB5B4E5-33CE-5864-A1D1-4C8495315355}"/>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93" name="Freeform 62">
                  <a:extLst>
                    <a:ext uri="{FF2B5EF4-FFF2-40B4-BE49-F238E27FC236}">
                      <a16:creationId xmlns:a16="http://schemas.microsoft.com/office/drawing/2014/main" id="{C15B9822-F379-3A69-5EB1-8F993CA2631A}"/>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94" name="Freeform 63">
                  <a:extLst>
                    <a:ext uri="{FF2B5EF4-FFF2-40B4-BE49-F238E27FC236}">
                      <a16:creationId xmlns:a16="http://schemas.microsoft.com/office/drawing/2014/main" id="{0C3934D8-A994-6703-E9C8-9819213EF1BE}"/>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0" name="Group 139">
                <a:extLst>
                  <a:ext uri="{FF2B5EF4-FFF2-40B4-BE49-F238E27FC236}">
                    <a16:creationId xmlns:a16="http://schemas.microsoft.com/office/drawing/2014/main" id="{104BA96F-EED9-F86B-6733-DF2BB295B042}"/>
                  </a:ext>
                </a:extLst>
              </p:cNvPr>
              <p:cNvGrpSpPr/>
              <p:nvPr/>
            </p:nvGrpSpPr>
            <p:grpSpPr>
              <a:xfrm>
                <a:off x="3502621" y="4647629"/>
                <a:ext cx="283254" cy="477112"/>
                <a:chOff x="2942514" y="3640873"/>
                <a:chExt cx="236563" cy="398466"/>
              </a:xfrm>
            </p:grpSpPr>
            <p:grpSp>
              <p:nvGrpSpPr>
                <p:cNvPr id="186" name="Graphic 3">
                  <a:extLst>
                    <a:ext uri="{FF2B5EF4-FFF2-40B4-BE49-F238E27FC236}">
                      <a16:creationId xmlns:a16="http://schemas.microsoft.com/office/drawing/2014/main" id="{B0D42428-3DE0-9FCF-4842-D764FF20AA10}"/>
                    </a:ext>
                  </a:extLst>
                </p:cNvPr>
                <p:cNvGrpSpPr/>
                <p:nvPr/>
              </p:nvGrpSpPr>
              <p:grpSpPr>
                <a:xfrm>
                  <a:off x="2951883" y="3648530"/>
                  <a:ext cx="217919" cy="390809"/>
                  <a:chOff x="2951883" y="3648525"/>
                  <a:chExt cx="217919" cy="390809"/>
                </a:xfrm>
                <a:solidFill>
                  <a:srgbClr val="C7E4F1"/>
                </a:solidFill>
              </p:grpSpPr>
              <p:sp>
                <p:nvSpPr>
                  <p:cNvPr id="189" name="Freeform 59">
                    <a:extLst>
                      <a:ext uri="{FF2B5EF4-FFF2-40B4-BE49-F238E27FC236}">
                        <a16:creationId xmlns:a16="http://schemas.microsoft.com/office/drawing/2014/main" id="{D87C18CF-FF4D-3F28-2733-4DF935E6576D}"/>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91" name="Freeform 60">
                    <a:extLst>
                      <a:ext uri="{FF2B5EF4-FFF2-40B4-BE49-F238E27FC236}">
                        <a16:creationId xmlns:a16="http://schemas.microsoft.com/office/drawing/2014/main" id="{19FB1C4C-41C0-4F2D-3EA5-678D1EC8B550}"/>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87" name="Freeform 57">
                  <a:extLst>
                    <a:ext uri="{FF2B5EF4-FFF2-40B4-BE49-F238E27FC236}">
                      <a16:creationId xmlns:a16="http://schemas.microsoft.com/office/drawing/2014/main" id="{9CA3FB10-3FF8-F882-D5F3-EC0A7323E4C3}"/>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88" name="Freeform 58">
                  <a:extLst>
                    <a:ext uri="{FF2B5EF4-FFF2-40B4-BE49-F238E27FC236}">
                      <a16:creationId xmlns:a16="http://schemas.microsoft.com/office/drawing/2014/main" id="{7215076B-0967-32A8-E8FE-BAA8F5F47DE8}"/>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1" name="Group 140">
                <a:extLst>
                  <a:ext uri="{FF2B5EF4-FFF2-40B4-BE49-F238E27FC236}">
                    <a16:creationId xmlns:a16="http://schemas.microsoft.com/office/drawing/2014/main" id="{114DAB00-EC79-4D57-2B90-8158A3A1F3C4}"/>
                  </a:ext>
                </a:extLst>
              </p:cNvPr>
              <p:cNvGrpSpPr/>
              <p:nvPr/>
            </p:nvGrpSpPr>
            <p:grpSpPr>
              <a:xfrm>
                <a:off x="3850833" y="4647629"/>
                <a:ext cx="283254" cy="477112"/>
                <a:chOff x="2942514" y="3640873"/>
                <a:chExt cx="236563" cy="398466"/>
              </a:xfrm>
            </p:grpSpPr>
            <p:grpSp>
              <p:nvGrpSpPr>
                <p:cNvPr id="181" name="Graphic 3">
                  <a:extLst>
                    <a:ext uri="{FF2B5EF4-FFF2-40B4-BE49-F238E27FC236}">
                      <a16:creationId xmlns:a16="http://schemas.microsoft.com/office/drawing/2014/main" id="{CF53CB16-61C0-C996-91AF-AC65C2CEECA4}"/>
                    </a:ext>
                  </a:extLst>
                </p:cNvPr>
                <p:cNvGrpSpPr/>
                <p:nvPr/>
              </p:nvGrpSpPr>
              <p:grpSpPr>
                <a:xfrm>
                  <a:off x="2951883" y="3648530"/>
                  <a:ext cx="217919" cy="390809"/>
                  <a:chOff x="2951883" y="3648525"/>
                  <a:chExt cx="217919" cy="390809"/>
                </a:xfrm>
                <a:solidFill>
                  <a:srgbClr val="C7E4F1"/>
                </a:solidFill>
              </p:grpSpPr>
              <p:sp>
                <p:nvSpPr>
                  <p:cNvPr id="184" name="Freeform 54">
                    <a:extLst>
                      <a:ext uri="{FF2B5EF4-FFF2-40B4-BE49-F238E27FC236}">
                        <a16:creationId xmlns:a16="http://schemas.microsoft.com/office/drawing/2014/main" id="{E8341F70-3202-1BFF-9DFB-21B9FA336E66}"/>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85" name="Freeform 55">
                    <a:extLst>
                      <a:ext uri="{FF2B5EF4-FFF2-40B4-BE49-F238E27FC236}">
                        <a16:creationId xmlns:a16="http://schemas.microsoft.com/office/drawing/2014/main" id="{36D44E81-3E17-1043-982E-CBC51EAA036E}"/>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82" name="Freeform 52">
                  <a:extLst>
                    <a:ext uri="{FF2B5EF4-FFF2-40B4-BE49-F238E27FC236}">
                      <a16:creationId xmlns:a16="http://schemas.microsoft.com/office/drawing/2014/main" id="{C66814C4-5478-5AAF-3865-5236D347204D}"/>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83" name="Freeform 53">
                  <a:extLst>
                    <a:ext uri="{FF2B5EF4-FFF2-40B4-BE49-F238E27FC236}">
                      <a16:creationId xmlns:a16="http://schemas.microsoft.com/office/drawing/2014/main" id="{E942BF49-4D7C-4B7B-AB43-5CD23771F916}"/>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2" name="Group 141">
                <a:extLst>
                  <a:ext uri="{FF2B5EF4-FFF2-40B4-BE49-F238E27FC236}">
                    <a16:creationId xmlns:a16="http://schemas.microsoft.com/office/drawing/2014/main" id="{ECC11205-6E17-19E9-7989-50A1E7DAAF68}"/>
                  </a:ext>
                </a:extLst>
              </p:cNvPr>
              <p:cNvGrpSpPr/>
              <p:nvPr/>
            </p:nvGrpSpPr>
            <p:grpSpPr>
              <a:xfrm>
                <a:off x="2806195" y="4647629"/>
                <a:ext cx="283254" cy="477112"/>
                <a:chOff x="2942514" y="3640873"/>
                <a:chExt cx="236563" cy="398466"/>
              </a:xfrm>
            </p:grpSpPr>
            <p:grpSp>
              <p:nvGrpSpPr>
                <p:cNvPr id="176" name="Graphic 3">
                  <a:extLst>
                    <a:ext uri="{FF2B5EF4-FFF2-40B4-BE49-F238E27FC236}">
                      <a16:creationId xmlns:a16="http://schemas.microsoft.com/office/drawing/2014/main" id="{B903638D-0AE7-609F-4F62-9455F97D4D7F}"/>
                    </a:ext>
                  </a:extLst>
                </p:cNvPr>
                <p:cNvGrpSpPr/>
                <p:nvPr/>
              </p:nvGrpSpPr>
              <p:grpSpPr>
                <a:xfrm>
                  <a:off x="2951883" y="3648530"/>
                  <a:ext cx="217919" cy="390809"/>
                  <a:chOff x="2951883" y="3648525"/>
                  <a:chExt cx="217919" cy="390809"/>
                </a:xfrm>
                <a:solidFill>
                  <a:srgbClr val="C7E4F1"/>
                </a:solidFill>
              </p:grpSpPr>
              <p:sp>
                <p:nvSpPr>
                  <p:cNvPr id="179" name="Freeform 49">
                    <a:extLst>
                      <a:ext uri="{FF2B5EF4-FFF2-40B4-BE49-F238E27FC236}">
                        <a16:creationId xmlns:a16="http://schemas.microsoft.com/office/drawing/2014/main" id="{08391770-7FAF-8E27-3BA3-135572DF91AE}"/>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80" name="Freeform 50">
                    <a:extLst>
                      <a:ext uri="{FF2B5EF4-FFF2-40B4-BE49-F238E27FC236}">
                        <a16:creationId xmlns:a16="http://schemas.microsoft.com/office/drawing/2014/main" id="{0F7E8119-D3DE-7DF8-F10A-8B39E7FC5C10}"/>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77" name="Freeform 47">
                  <a:extLst>
                    <a:ext uri="{FF2B5EF4-FFF2-40B4-BE49-F238E27FC236}">
                      <a16:creationId xmlns:a16="http://schemas.microsoft.com/office/drawing/2014/main" id="{E57C4730-13D1-51FA-CC8F-B3FCE2C113E4}"/>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78" name="Freeform 48">
                  <a:extLst>
                    <a:ext uri="{FF2B5EF4-FFF2-40B4-BE49-F238E27FC236}">
                      <a16:creationId xmlns:a16="http://schemas.microsoft.com/office/drawing/2014/main" id="{8A418F11-38AE-9C1C-711F-D392B557E6D6}"/>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3" name="Group 142">
                <a:extLst>
                  <a:ext uri="{FF2B5EF4-FFF2-40B4-BE49-F238E27FC236}">
                    <a16:creationId xmlns:a16="http://schemas.microsoft.com/office/drawing/2014/main" id="{F22B1839-1A09-37C1-8372-A784101B4291}"/>
                  </a:ext>
                </a:extLst>
              </p:cNvPr>
              <p:cNvGrpSpPr/>
              <p:nvPr/>
            </p:nvGrpSpPr>
            <p:grpSpPr>
              <a:xfrm>
                <a:off x="2457982" y="4647629"/>
                <a:ext cx="283254" cy="477112"/>
                <a:chOff x="2942514" y="3640873"/>
                <a:chExt cx="236563" cy="398466"/>
              </a:xfrm>
            </p:grpSpPr>
            <p:grpSp>
              <p:nvGrpSpPr>
                <p:cNvPr id="171" name="Graphic 3">
                  <a:extLst>
                    <a:ext uri="{FF2B5EF4-FFF2-40B4-BE49-F238E27FC236}">
                      <a16:creationId xmlns:a16="http://schemas.microsoft.com/office/drawing/2014/main" id="{B3491B79-D89B-0B3A-0F0F-F1A1BDDB022E}"/>
                    </a:ext>
                  </a:extLst>
                </p:cNvPr>
                <p:cNvGrpSpPr/>
                <p:nvPr/>
              </p:nvGrpSpPr>
              <p:grpSpPr>
                <a:xfrm>
                  <a:off x="2951883" y="3648530"/>
                  <a:ext cx="217919" cy="390809"/>
                  <a:chOff x="2951883" y="3648525"/>
                  <a:chExt cx="217919" cy="390809"/>
                </a:xfrm>
                <a:solidFill>
                  <a:srgbClr val="C7E4F1"/>
                </a:solidFill>
              </p:grpSpPr>
              <p:sp>
                <p:nvSpPr>
                  <p:cNvPr id="174" name="Freeform 44">
                    <a:extLst>
                      <a:ext uri="{FF2B5EF4-FFF2-40B4-BE49-F238E27FC236}">
                        <a16:creationId xmlns:a16="http://schemas.microsoft.com/office/drawing/2014/main" id="{BC30F2AC-E51A-D8C8-E5C0-813446EBD5B8}"/>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75" name="Freeform 45">
                    <a:extLst>
                      <a:ext uri="{FF2B5EF4-FFF2-40B4-BE49-F238E27FC236}">
                        <a16:creationId xmlns:a16="http://schemas.microsoft.com/office/drawing/2014/main" id="{1AE657D9-C5A2-C188-2690-975C784FC1EF}"/>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72" name="Freeform 42">
                  <a:extLst>
                    <a:ext uri="{FF2B5EF4-FFF2-40B4-BE49-F238E27FC236}">
                      <a16:creationId xmlns:a16="http://schemas.microsoft.com/office/drawing/2014/main" id="{5D81D420-6995-4E03-F99D-DA81DF34C852}"/>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73" name="Freeform 43">
                  <a:extLst>
                    <a:ext uri="{FF2B5EF4-FFF2-40B4-BE49-F238E27FC236}">
                      <a16:creationId xmlns:a16="http://schemas.microsoft.com/office/drawing/2014/main" id="{11DC5C0A-62A0-B3FB-83B3-542F60F3EBC7}"/>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4" name="Group 143">
                <a:extLst>
                  <a:ext uri="{FF2B5EF4-FFF2-40B4-BE49-F238E27FC236}">
                    <a16:creationId xmlns:a16="http://schemas.microsoft.com/office/drawing/2014/main" id="{E863DE8A-69F8-3FD2-5D79-3E3A7102A8C9}"/>
                  </a:ext>
                </a:extLst>
              </p:cNvPr>
              <p:cNvGrpSpPr/>
              <p:nvPr/>
            </p:nvGrpSpPr>
            <p:grpSpPr>
              <a:xfrm>
                <a:off x="2109769" y="4647629"/>
                <a:ext cx="283254" cy="477112"/>
                <a:chOff x="2942514" y="3640873"/>
                <a:chExt cx="236563" cy="398466"/>
              </a:xfrm>
            </p:grpSpPr>
            <p:grpSp>
              <p:nvGrpSpPr>
                <p:cNvPr id="166" name="Graphic 3">
                  <a:extLst>
                    <a:ext uri="{FF2B5EF4-FFF2-40B4-BE49-F238E27FC236}">
                      <a16:creationId xmlns:a16="http://schemas.microsoft.com/office/drawing/2014/main" id="{9BABEA8F-14CD-F504-AD1F-33EB09182D53}"/>
                    </a:ext>
                  </a:extLst>
                </p:cNvPr>
                <p:cNvGrpSpPr/>
                <p:nvPr/>
              </p:nvGrpSpPr>
              <p:grpSpPr>
                <a:xfrm>
                  <a:off x="2951883" y="3648530"/>
                  <a:ext cx="217919" cy="390809"/>
                  <a:chOff x="2951883" y="3648525"/>
                  <a:chExt cx="217919" cy="390809"/>
                </a:xfrm>
                <a:solidFill>
                  <a:srgbClr val="C7E4F1"/>
                </a:solidFill>
              </p:grpSpPr>
              <p:sp>
                <p:nvSpPr>
                  <p:cNvPr id="169" name="Freeform 39">
                    <a:extLst>
                      <a:ext uri="{FF2B5EF4-FFF2-40B4-BE49-F238E27FC236}">
                        <a16:creationId xmlns:a16="http://schemas.microsoft.com/office/drawing/2014/main" id="{5704FBCE-C65C-DFF9-3FDF-5070F71460EB}"/>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70" name="Freeform 40">
                    <a:extLst>
                      <a:ext uri="{FF2B5EF4-FFF2-40B4-BE49-F238E27FC236}">
                        <a16:creationId xmlns:a16="http://schemas.microsoft.com/office/drawing/2014/main" id="{081AADDF-0A6A-FF68-4BB5-27F259A9164F}"/>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67" name="Freeform 37">
                  <a:extLst>
                    <a:ext uri="{FF2B5EF4-FFF2-40B4-BE49-F238E27FC236}">
                      <a16:creationId xmlns:a16="http://schemas.microsoft.com/office/drawing/2014/main" id="{70666B2D-04D5-2CD1-5C7D-F089C54BD79F}"/>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68" name="Freeform 38">
                  <a:extLst>
                    <a:ext uri="{FF2B5EF4-FFF2-40B4-BE49-F238E27FC236}">
                      <a16:creationId xmlns:a16="http://schemas.microsoft.com/office/drawing/2014/main" id="{D72518FF-71F5-D7CC-E66E-B78A38694E54}"/>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5" name="Group 144">
                <a:extLst>
                  <a:ext uri="{FF2B5EF4-FFF2-40B4-BE49-F238E27FC236}">
                    <a16:creationId xmlns:a16="http://schemas.microsoft.com/office/drawing/2014/main" id="{787B680B-329C-72C8-5918-58D923CBDCD1}"/>
                  </a:ext>
                </a:extLst>
              </p:cNvPr>
              <p:cNvGrpSpPr/>
              <p:nvPr/>
            </p:nvGrpSpPr>
            <p:grpSpPr>
              <a:xfrm>
                <a:off x="1761556" y="4647629"/>
                <a:ext cx="283254" cy="477112"/>
                <a:chOff x="2942514" y="3640873"/>
                <a:chExt cx="236563" cy="398466"/>
              </a:xfrm>
            </p:grpSpPr>
            <p:grpSp>
              <p:nvGrpSpPr>
                <p:cNvPr id="161" name="Graphic 3">
                  <a:extLst>
                    <a:ext uri="{FF2B5EF4-FFF2-40B4-BE49-F238E27FC236}">
                      <a16:creationId xmlns:a16="http://schemas.microsoft.com/office/drawing/2014/main" id="{249AD74A-0EBD-10BA-CCA4-0A5E02070189}"/>
                    </a:ext>
                  </a:extLst>
                </p:cNvPr>
                <p:cNvGrpSpPr/>
                <p:nvPr/>
              </p:nvGrpSpPr>
              <p:grpSpPr>
                <a:xfrm>
                  <a:off x="2951883" y="3648530"/>
                  <a:ext cx="217919" cy="390809"/>
                  <a:chOff x="2951883" y="3648525"/>
                  <a:chExt cx="217919" cy="390809"/>
                </a:xfrm>
                <a:solidFill>
                  <a:srgbClr val="C7E4F1"/>
                </a:solidFill>
              </p:grpSpPr>
              <p:sp>
                <p:nvSpPr>
                  <p:cNvPr id="164" name="Freeform 34">
                    <a:extLst>
                      <a:ext uri="{FF2B5EF4-FFF2-40B4-BE49-F238E27FC236}">
                        <a16:creationId xmlns:a16="http://schemas.microsoft.com/office/drawing/2014/main" id="{54B7BD91-22E1-B378-D940-5E19DB39A19F}"/>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65" name="Freeform 35">
                    <a:extLst>
                      <a:ext uri="{FF2B5EF4-FFF2-40B4-BE49-F238E27FC236}">
                        <a16:creationId xmlns:a16="http://schemas.microsoft.com/office/drawing/2014/main" id="{7DEA68E7-AF80-91FA-3B51-3F5DCE58942A}"/>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62" name="Freeform 32">
                  <a:extLst>
                    <a:ext uri="{FF2B5EF4-FFF2-40B4-BE49-F238E27FC236}">
                      <a16:creationId xmlns:a16="http://schemas.microsoft.com/office/drawing/2014/main" id="{6C431855-6809-F5A1-765F-3CF268EB4206}"/>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63" name="Freeform 33">
                  <a:extLst>
                    <a:ext uri="{FF2B5EF4-FFF2-40B4-BE49-F238E27FC236}">
                      <a16:creationId xmlns:a16="http://schemas.microsoft.com/office/drawing/2014/main" id="{23AD49A0-BF91-1B27-DC9F-20864D4E7029}"/>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6" name="Group 145">
                <a:extLst>
                  <a:ext uri="{FF2B5EF4-FFF2-40B4-BE49-F238E27FC236}">
                    <a16:creationId xmlns:a16="http://schemas.microsoft.com/office/drawing/2014/main" id="{115C9AC0-316D-3F6A-603E-23D75FFC66F1}"/>
                  </a:ext>
                </a:extLst>
              </p:cNvPr>
              <p:cNvGrpSpPr/>
              <p:nvPr/>
            </p:nvGrpSpPr>
            <p:grpSpPr>
              <a:xfrm>
                <a:off x="4199046" y="4801880"/>
                <a:ext cx="283254" cy="322849"/>
                <a:chOff x="2942514" y="3769707"/>
                <a:chExt cx="236563" cy="269632"/>
              </a:xfrm>
            </p:grpSpPr>
            <p:sp>
              <p:nvSpPr>
                <p:cNvPr id="159" name="Freeform 29">
                  <a:extLst>
                    <a:ext uri="{FF2B5EF4-FFF2-40B4-BE49-F238E27FC236}">
                      <a16:creationId xmlns:a16="http://schemas.microsoft.com/office/drawing/2014/main" id="{904D497E-3547-45A0-5276-1169A7365CBE}"/>
                    </a:ext>
                  </a:extLst>
                </p:cNvPr>
                <p:cNvSpPr/>
                <p:nvPr/>
              </p:nvSpPr>
              <p:spPr>
                <a:xfrm>
                  <a:off x="2951883" y="3779179"/>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60" name="Freeform 28">
                  <a:extLst>
                    <a:ext uri="{FF2B5EF4-FFF2-40B4-BE49-F238E27FC236}">
                      <a16:creationId xmlns:a16="http://schemas.microsoft.com/office/drawing/2014/main" id="{C335979C-73B6-F06A-949A-985D0920840A}"/>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7" name="Group 146">
                <a:extLst>
                  <a:ext uri="{FF2B5EF4-FFF2-40B4-BE49-F238E27FC236}">
                    <a16:creationId xmlns:a16="http://schemas.microsoft.com/office/drawing/2014/main" id="{0E2DA97A-00E4-2308-5202-8CB9C877E9E6}"/>
                  </a:ext>
                </a:extLst>
              </p:cNvPr>
              <p:cNvGrpSpPr/>
              <p:nvPr/>
            </p:nvGrpSpPr>
            <p:grpSpPr>
              <a:xfrm>
                <a:off x="4547259" y="4647629"/>
                <a:ext cx="283254" cy="477112"/>
                <a:chOff x="2942514" y="3640873"/>
                <a:chExt cx="236563" cy="398466"/>
              </a:xfrm>
            </p:grpSpPr>
            <p:grpSp>
              <p:nvGrpSpPr>
                <p:cNvPr id="154" name="Graphic 3">
                  <a:extLst>
                    <a:ext uri="{FF2B5EF4-FFF2-40B4-BE49-F238E27FC236}">
                      <a16:creationId xmlns:a16="http://schemas.microsoft.com/office/drawing/2014/main" id="{762FDE1A-38E2-1E79-C9BA-7E7DB9BBC34F}"/>
                    </a:ext>
                  </a:extLst>
                </p:cNvPr>
                <p:cNvGrpSpPr/>
                <p:nvPr/>
              </p:nvGrpSpPr>
              <p:grpSpPr>
                <a:xfrm>
                  <a:off x="2951883" y="3648530"/>
                  <a:ext cx="217919" cy="390809"/>
                  <a:chOff x="2951883" y="3648525"/>
                  <a:chExt cx="217919" cy="390809"/>
                </a:xfrm>
                <a:solidFill>
                  <a:srgbClr val="C7E4F1"/>
                </a:solidFill>
              </p:grpSpPr>
              <p:sp>
                <p:nvSpPr>
                  <p:cNvPr id="157" name="Freeform 24">
                    <a:extLst>
                      <a:ext uri="{FF2B5EF4-FFF2-40B4-BE49-F238E27FC236}">
                        <a16:creationId xmlns:a16="http://schemas.microsoft.com/office/drawing/2014/main" id="{E1A93993-1934-0FCB-EE1C-49274BC2A854}"/>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58" name="Freeform 25">
                    <a:extLst>
                      <a:ext uri="{FF2B5EF4-FFF2-40B4-BE49-F238E27FC236}">
                        <a16:creationId xmlns:a16="http://schemas.microsoft.com/office/drawing/2014/main" id="{00C4DBB1-9A3F-D603-9950-7DC6F32A0734}"/>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55" name="Freeform 22">
                  <a:extLst>
                    <a:ext uri="{FF2B5EF4-FFF2-40B4-BE49-F238E27FC236}">
                      <a16:creationId xmlns:a16="http://schemas.microsoft.com/office/drawing/2014/main" id="{63D5BF91-3366-20E1-825F-E59B155818DC}"/>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56" name="Freeform 23">
                  <a:extLst>
                    <a:ext uri="{FF2B5EF4-FFF2-40B4-BE49-F238E27FC236}">
                      <a16:creationId xmlns:a16="http://schemas.microsoft.com/office/drawing/2014/main" id="{70072FEB-BC78-C9E8-D01A-F2E943CF7D0B}"/>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48" name="Group 147">
                <a:extLst>
                  <a:ext uri="{FF2B5EF4-FFF2-40B4-BE49-F238E27FC236}">
                    <a16:creationId xmlns:a16="http://schemas.microsoft.com/office/drawing/2014/main" id="{B70AE013-D18A-7D06-D3DA-49C20CD61973}"/>
                  </a:ext>
                </a:extLst>
              </p:cNvPr>
              <p:cNvGrpSpPr/>
              <p:nvPr/>
            </p:nvGrpSpPr>
            <p:grpSpPr>
              <a:xfrm>
                <a:off x="4895473" y="4647629"/>
                <a:ext cx="283254" cy="477112"/>
                <a:chOff x="2942514" y="3640873"/>
                <a:chExt cx="236563" cy="398466"/>
              </a:xfrm>
            </p:grpSpPr>
            <p:grpSp>
              <p:nvGrpSpPr>
                <p:cNvPr id="149" name="Graphic 3">
                  <a:extLst>
                    <a:ext uri="{FF2B5EF4-FFF2-40B4-BE49-F238E27FC236}">
                      <a16:creationId xmlns:a16="http://schemas.microsoft.com/office/drawing/2014/main" id="{FC2D1236-F407-7A1C-D8CC-DE4A77517D52}"/>
                    </a:ext>
                  </a:extLst>
                </p:cNvPr>
                <p:cNvGrpSpPr/>
                <p:nvPr/>
              </p:nvGrpSpPr>
              <p:grpSpPr>
                <a:xfrm>
                  <a:off x="2951883" y="3648530"/>
                  <a:ext cx="217919" cy="390809"/>
                  <a:chOff x="2951883" y="3648525"/>
                  <a:chExt cx="217919" cy="390809"/>
                </a:xfrm>
                <a:solidFill>
                  <a:srgbClr val="C7E4F1"/>
                </a:solidFill>
              </p:grpSpPr>
              <p:sp>
                <p:nvSpPr>
                  <p:cNvPr id="152" name="Freeform 19">
                    <a:extLst>
                      <a:ext uri="{FF2B5EF4-FFF2-40B4-BE49-F238E27FC236}">
                        <a16:creationId xmlns:a16="http://schemas.microsoft.com/office/drawing/2014/main" id="{02263D28-D6C4-D08E-FF16-F6EF9A98DC65}"/>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53" name="Freeform 20">
                    <a:extLst>
                      <a:ext uri="{FF2B5EF4-FFF2-40B4-BE49-F238E27FC236}">
                        <a16:creationId xmlns:a16="http://schemas.microsoft.com/office/drawing/2014/main" id="{A7D59B87-01E1-4053-D654-539898FE087F}"/>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50" name="Freeform 17">
                  <a:extLst>
                    <a:ext uri="{FF2B5EF4-FFF2-40B4-BE49-F238E27FC236}">
                      <a16:creationId xmlns:a16="http://schemas.microsoft.com/office/drawing/2014/main" id="{143894FE-6956-CB4A-C7D8-233D721BDCBD}"/>
                    </a:ext>
                  </a:extLst>
                </p:cNvPr>
                <p:cNvSpPr/>
                <p:nvPr/>
              </p:nvSpPr>
              <p:spPr>
                <a:xfrm>
                  <a:off x="3001880" y="3640873"/>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51" name="Freeform 18">
                  <a:extLst>
                    <a:ext uri="{FF2B5EF4-FFF2-40B4-BE49-F238E27FC236}">
                      <a16:creationId xmlns:a16="http://schemas.microsoft.com/office/drawing/2014/main" id="{BCF1F3AD-ED3D-F62A-A4C2-322B19660FB7}"/>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9" name="TextBox 8">
              <a:extLst>
                <a:ext uri="{FF2B5EF4-FFF2-40B4-BE49-F238E27FC236}">
                  <a16:creationId xmlns:a16="http://schemas.microsoft.com/office/drawing/2014/main" id="{3A8B2A46-D166-6BFF-5A77-D1ADA1C318F3}"/>
                </a:ext>
              </a:extLst>
            </p:cNvPr>
            <p:cNvSpPr txBox="1"/>
            <p:nvPr/>
          </p:nvSpPr>
          <p:spPr>
            <a:xfrm>
              <a:off x="94544" y="2379563"/>
              <a:ext cx="1506757" cy="561056"/>
            </a:xfrm>
            <a:prstGeom prst="rect">
              <a:avLst/>
            </a:prstGeom>
            <a:noFill/>
          </p:spPr>
          <p:txBody>
            <a:bodyPr wrap="square" lIns="72000" tIns="72000" rIns="72000" bIns="72000" rtlCol="0" anchor="ctr" anchorCtr="0">
              <a:noAutofit/>
            </a:bodyPr>
            <a:lstStyle/>
            <a:p>
              <a:pPr algn="r"/>
              <a:r>
                <a:rPr lang="en-US" sz="2000" b="1">
                  <a:solidFill>
                    <a:schemeClr val="bg2"/>
                  </a:solidFill>
                  <a:latin typeface="+mj-lt"/>
                  <a:ea typeface="Open Sans" panose="020B0606030504020204" pitchFamily="34" charset="0"/>
                  <a:cs typeface="Open Sans" panose="020B0606030504020204" pitchFamily="34" charset="0"/>
                </a:rPr>
                <a:t>1/10</a:t>
              </a:r>
              <a:br>
                <a:rPr lang="en-US" sz="1400" b="1">
                  <a:solidFill>
                    <a:schemeClr val="bg2"/>
                  </a:solidFill>
                  <a:latin typeface="+mj-lt"/>
                  <a:ea typeface="Open Sans" panose="020B0606030504020204" pitchFamily="34" charset="0"/>
                  <a:cs typeface="Open Sans" panose="020B0606030504020204" pitchFamily="34" charset="0"/>
                </a:rPr>
              </a:br>
              <a:r>
                <a:rPr lang="en-US" sz="1050">
                  <a:latin typeface="+mj-lt"/>
                  <a:ea typeface="Open Sans" panose="020B0606030504020204" pitchFamily="34" charset="0"/>
                  <a:cs typeface="Open Sans" panose="020B0606030504020204" pitchFamily="34" charset="0"/>
                </a:rPr>
                <a:t>Did not see a health professional at all</a:t>
              </a:r>
              <a:endParaRPr lang="en-US" sz="1400">
                <a:latin typeface="+mj-lt"/>
                <a:ea typeface="Open Sans" panose="020B0606030504020204" pitchFamily="34" charset="0"/>
                <a:cs typeface="Open Sans" panose="020B0606030504020204" pitchFamily="34" charset="0"/>
              </a:endParaRPr>
            </a:p>
          </p:txBody>
        </p:sp>
        <p:sp>
          <p:nvSpPr>
            <p:cNvPr id="10" name="Rectangle 9">
              <a:extLst>
                <a:ext uri="{FF2B5EF4-FFF2-40B4-BE49-F238E27FC236}">
                  <a16:creationId xmlns:a16="http://schemas.microsoft.com/office/drawing/2014/main" id="{A968A796-D93B-F0F1-4154-3821198C295A}"/>
                </a:ext>
              </a:extLst>
            </p:cNvPr>
            <p:cNvSpPr/>
            <p:nvPr/>
          </p:nvSpPr>
          <p:spPr>
            <a:xfrm>
              <a:off x="0" y="1309857"/>
              <a:ext cx="6119813" cy="826189"/>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tlCol="0" anchor="t" anchorCtr="0"/>
            <a:lstStyle/>
            <a:p>
              <a:pPr algn="l" defTabSz="1036198"/>
              <a:endParaRPr lang="en-US" sz="1100" b="1">
                <a:solidFill>
                  <a:schemeClr val="bg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1" name="Group 10">
              <a:extLst>
                <a:ext uri="{FF2B5EF4-FFF2-40B4-BE49-F238E27FC236}">
                  <a16:creationId xmlns:a16="http://schemas.microsoft.com/office/drawing/2014/main" id="{1B7F5603-2C98-4B68-D49A-8A4802BA44A0}"/>
                </a:ext>
              </a:extLst>
            </p:cNvPr>
            <p:cNvGrpSpPr/>
            <p:nvPr/>
          </p:nvGrpSpPr>
          <p:grpSpPr>
            <a:xfrm>
              <a:off x="1761557" y="1477272"/>
              <a:ext cx="3417171" cy="477109"/>
              <a:chOff x="1761556" y="3624216"/>
              <a:chExt cx="3417171" cy="477109"/>
            </a:xfrm>
          </p:grpSpPr>
          <p:grpSp>
            <p:nvGrpSpPr>
              <p:cNvPr id="14" name="Group 13">
                <a:extLst>
                  <a:ext uri="{FF2B5EF4-FFF2-40B4-BE49-F238E27FC236}">
                    <a16:creationId xmlns:a16="http://schemas.microsoft.com/office/drawing/2014/main" id="{8707562C-CDF2-1A6B-ED5F-E49B060449BF}"/>
                  </a:ext>
                </a:extLst>
              </p:cNvPr>
              <p:cNvGrpSpPr/>
              <p:nvPr/>
            </p:nvGrpSpPr>
            <p:grpSpPr>
              <a:xfrm>
                <a:off x="3154408" y="3624216"/>
                <a:ext cx="283254" cy="477109"/>
                <a:chOff x="2942514" y="3640871"/>
                <a:chExt cx="236563" cy="398463"/>
              </a:xfrm>
            </p:grpSpPr>
            <p:grpSp>
              <p:nvGrpSpPr>
                <p:cNvPr id="134" name="Graphic 3">
                  <a:extLst>
                    <a:ext uri="{FF2B5EF4-FFF2-40B4-BE49-F238E27FC236}">
                      <a16:creationId xmlns:a16="http://schemas.microsoft.com/office/drawing/2014/main" id="{2ED1F65F-3EA6-A421-1AAC-E417839F873A}"/>
                    </a:ext>
                  </a:extLst>
                </p:cNvPr>
                <p:cNvGrpSpPr/>
                <p:nvPr/>
              </p:nvGrpSpPr>
              <p:grpSpPr>
                <a:xfrm>
                  <a:off x="2951883" y="3648525"/>
                  <a:ext cx="217919" cy="390809"/>
                  <a:chOff x="2951883" y="3648525"/>
                  <a:chExt cx="217919" cy="390809"/>
                </a:xfrm>
                <a:solidFill>
                  <a:srgbClr val="C7E4F1"/>
                </a:solidFill>
              </p:grpSpPr>
              <p:sp>
                <p:nvSpPr>
                  <p:cNvPr id="137" name="Freeform 127">
                    <a:extLst>
                      <a:ext uri="{FF2B5EF4-FFF2-40B4-BE49-F238E27FC236}">
                        <a16:creationId xmlns:a16="http://schemas.microsoft.com/office/drawing/2014/main" id="{7B9539C4-FCDB-0A77-FF7A-FCAF3B57A1FA}"/>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38" name="Freeform 128">
                    <a:extLst>
                      <a:ext uri="{FF2B5EF4-FFF2-40B4-BE49-F238E27FC236}">
                        <a16:creationId xmlns:a16="http://schemas.microsoft.com/office/drawing/2014/main" id="{C4F8689A-2524-8FAD-B0B5-2F6215FAE29D}"/>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35" name="Freeform 125">
                  <a:extLst>
                    <a:ext uri="{FF2B5EF4-FFF2-40B4-BE49-F238E27FC236}">
                      <a16:creationId xmlns:a16="http://schemas.microsoft.com/office/drawing/2014/main" id="{B0F476EF-A178-07CA-A5D2-1E64613C1E82}"/>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36" name="Freeform 126">
                  <a:extLst>
                    <a:ext uri="{FF2B5EF4-FFF2-40B4-BE49-F238E27FC236}">
                      <a16:creationId xmlns:a16="http://schemas.microsoft.com/office/drawing/2014/main" id="{BB5E0A51-13CA-7D63-41FA-320771F6EC17}"/>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6" name="Group 15">
                <a:extLst>
                  <a:ext uri="{FF2B5EF4-FFF2-40B4-BE49-F238E27FC236}">
                    <a16:creationId xmlns:a16="http://schemas.microsoft.com/office/drawing/2014/main" id="{7181BF2D-A099-0AA0-0F20-C3D21631450F}"/>
                  </a:ext>
                </a:extLst>
              </p:cNvPr>
              <p:cNvGrpSpPr/>
              <p:nvPr/>
            </p:nvGrpSpPr>
            <p:grpSpPr>
              <a:xfrm>
                <a:off x="3502621" y="3624216"/>
                <a:ext cx="283254" cy="477109"/>
                <a:chOff x="2942514" y="3640871"/>
                <a:chExt cx="236563" cy="398463"/>
              </a:xfrm>
            </p:grpSpPr>
            <p:grpSp>
              <p:nvGrpSpPr>
                <p:cNvPr id="129" name="Graphic 3">
                  <a:extLst>
                    <a:ext uri="{FF2B5EF4-FFF2-40B4-BE49-F238E27FC236}">
                      <a16:creationId xmlns:a16="http://schemas.microsoft.com/office/drawing/2014/main" id="{F985277F-54BF-8100-C950-F7DDAE58B16D}"/>
                    </a:ext>
                  </a:extLst>
                </p:cNvPr>
                <p:cNvGrpSpPr/>
                <p:nvPr/>
              </p:nvGrpSpPr>
              <p:grpSpPr>
                <a:xfrm>
                  <a:off x="2951883" y="3648525"/>
                  <a:ext cx="217919" cy="390809"/>
                  <a:chOff x="2951883" y="3648525"/>
                  <a:chExt cx="217919" cy="390809"/>
                </a:xfrm>
                <a:solidFill>
                  <a:srgbClr val="C7E4F1"/>
                </a:solidFill>
              </p:grpSpPr>
              <p:sp>
                <p:nvSpPr>
                  <p:cNvPr id="132" name="Freeform 122">
                    <a:extLst>
                      <a:ext uri="{FF2B5EF4-FFF2-40B4-BE49-F238E27FC236}">
                        <a16:creationId xmlns:a16="http://schemas.microsoft.com/office/drawing/2014/main" id="{77F3BCEB-AEFD-F00F-AC1A-55A88E1323C2}"/>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33" name="Freeform 123">
                    <a:extLst>
                      <a:ext uri="{FF2B5EF4-FFF2-40B4-BE49-F238E27FC236}">
                        <a16:creationId xmlns:a16="http://schemas.microsoft.com/office/drawing/2014/main" id="{022756D8-1B55-CA02-669F-FEB6934A20EB}"/>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130" name="Freeform 120">
                  <a:extLst>
                    <a:ext uri="{FF2B5EF4-FFF2-40B4-BE49-F238E27FC236}">
                      <a16:creationId xmlns:a16="http://schemas.microsoft.com/office/drawing/2014/main" id="{2CE5C1BE-5A47-2179-5FC6-C5902090D5DB}"/>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31" name="Freeform 121">
                  <a:extLst>
                    <a:ext uri="{FF2B5EF4-FFF2-40B4-BE49-F238E27FC236}">
                      <a16:creationId xmlns:a16="http://schemas.microsoft.com/office/drawing/2014/main" id="{CD1EB601-BD16-C5AB-E465-0370D01EAEA6}"/>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7" name="Group 16">
                <a:extLst>
                  <a:ext uri="{FF2B5EF4-FFF2-40B4-BE49-F238E27FC236}">
                    <a16:creationId xmlns:a16="http://schemas.microsoft.com/office/drawing/2014/main" id="{8FBA88DD-0CDD-66F2-724F-B5BCDEFA0AE3}"/>
                  </a:ext>
                </a:extLst>
              </p:cNvPr>
              <p:cNvGrpSpPr/>
              <p:nvPr/>
            </p:nvGrpSpPr>
            <p:grpSpPr>
              <a:xfrm>
                <a:off x="3850833" y="3624216"/>
                <a:ext cx="283254" cy="477109"/>
                <a:chOff x="2942514" y="3640871"/>
                <a:chExt cx="236563" cy="398463"/>
              </a:xfrm>
            </p:grpSpPr>
            <p:grpSp>
              <p:nvGrpSpPr>
                <p:cNvPr id="60" name="Graphic 3">
                  <a:extLst>
                    <a:ext uri="{FF2B5EF4-FFF2-40B4-BE49-F238E27FC236}">
                      <a16:creationId xmlns:a16="http://schemas.microsoft.com/office/drawing/2014/main" id="{3BEB2D95-0018-C363-262C-0FD9A479F43B}"/>
                    </a:ext>
                  </a:extLst>
                </p:cNvPr>
                <p:cNvGrpSpPr/>
                <p:nvPr/>
              </p:nvGrpSpPr>
              <p:grpSpPr>
                <a:xfrm>
                  <a:off x="2951883" y="3648525"/>
                  <a:ext cx="217919" cy="390809"/>
                  <a:chOff x="2951883" y="3648525"/>
                  <a:chExt cx="217919" cy="390809"/>
                </a:xfrm>
                <a:solidFill>
                  <a:srgbClr val="C7E4F1"/>
                </a:solidFill>
              </p:grpSpPr>
              <p:sp>
                <p:nvSpPr>
                  <p:cNvPr id="63" name="Freeform 117">
                    <a:extLst>
                      <a:ext uri="{FF2B5EF4-FFF2-40B4-BE49-F238E27FC236}">
                        <a16:creationId xmlns:a16="http://schemas.microsoft.com/office/drawing/2014/main" id="{5DF69B2A-93E4-6DD8-E4FE-A39420442F6D}"/>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128" name="Freeform 118">
                    <a:extLst>
                      <a:ext uri="{FF2B5EF4-FFF2-40B4-BE49-F238E27FC236}">
                        <a16:creationId xmlns:a16="http://schemas.microsoft.com/office/drawing/2014/main" id="{976FB5FE-FDCF-44C8-50C4-94B5B88E7D3C}"/>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61" name="Freeform 115">
                  <a:extLst>
                    <a:ext uri="{FF2B5EF4-FFF2-40B4-BE49-F238E27FC236}">
                      <a16:creationId xmlns:a16="http://schemas.microsoft.com/office/drawing/2014/main" id="{D8C46751-163E-D930-988E-08AA076294EC}"/>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62" name="Freeform 116">
                  <a:extLst>
                    <a:ext uri="{FF2B5EF4-FFF2-40B4-BE49-F238E27FC236}">
                      <a16:creationId xmlns:a16="http://schemas.microsoft.com/office/drawing/2014/main" id="{935D084C-6F32-0DDD-DAD1-58EEB4E966FB}"/>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8" name="Group 17">
                <a:extLst>
                  <a:ext uri="{FF2B5EF4-FFF2-40B4-BE49-F238E27FC236}">
                    <a16:creationId xmlns:a16="http://schemas.microsoft.com/office/drawing/2014/main" id="{5DAB6910-2028-DEDB-6D5C-2E35F9957865}"/>
                  </a:ext>
                </a:extLst>
              </p:cNvPr>
              <p:cNvGrpSpPr/>
              <p:nvPr/>
            </p:nvGrpSpPr>
            <p:grpSpPr>
              <a:xfrm>
                <a:off x="2806195" y="3624216"/>
                <a:ext cx="283254" cy="477109"/>
                <a:chOff x="2942514" y="3640871"/>
                <a:chExt cx="236563" cy="398463"/>
              </a:xfrm>
            </p:grpSpPr>
            <p:grpSp>
              <p:nvGrpSpPr>
                <p:cNvPr id="55" name="Graphic 3">
                  <a:extLst>
                    <a:ext uri="{FF2B5EF4-FFF2-40B4-BE49-F238E27FC236}">
                      <a16:creationId xmlns:a16="http://schemas.microsoft.com/office/drawing/2014/main" id="{F10867C0-A118-6B81-731F-C5D2689427E2}"/>
                    </a:ext>
                  </a:extLst>
                </p:cNvPr>
                <p:cNvGrpSpPr/>
                <p:nvPr/>
              </p:nvGrpSpPr>
              <p:grpSpPr>
                <a:xfrm>
                  <a:off x="2951883" y="3648525"/>
                  <a:ext cx="217919" cy="390809"/>
                  <a:chOff x="2951883" y="3648525"/>
                  <a:chExt cx="217919" cy="390809"/>
                </a:xfrm>
                <a:solidFill>
                  <a:srgbClr val="C7E4F1"/>
                </a:solidFill>
              </p:grpSpPr>
              <p:sp>
                <p:nvSpPr>
                  <p:cNvPr id="58" name="Freeform 112">
                    <a:extLst>
                      <a:ext uri="{FF2B5EF4-FFF2-40B4-BE49-F238E27FC236}">
                        <a16:creationId xmlns:a16="http://schemas.microsoft.com/office/drawing/2014/main" id="{2CE1E115-5C03-ABEF-666D-26FE7F48E840}"/>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59" name="Freeform 113">
                    <a:extLst>
                      <a:ext uri="{FF2B5EF4-FFF2-40B4-BE49-F238E27FC236}">
                        <a16:creationId xmlns:a16="http://schemas.microsoft.com/office/drawing/2014/main" id="{C5300294-E6C7-F9FC-9873-AA95529B5158}"/>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56" name="Freeform 110">
                  <a:extLst>
                    <a:ext uri="{FF2B5EF4-FFF2-40B4-BE49-F238E27FC236}">
                      <a16:creationId xmlns:a16="http://schemas.microsoft.com/office/drawing/2014/main" id="{D1F97C26-FCED-18E2-97D3-E51B4D8B83C4}"/>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57" name="Freeform 111">
                  <a:extLst>
                    <a:ext uri="{FF2B5EF4-FFF2-40B4-BE49-F238E27FC236}">
                      <a16:creationId xmlns:a16="http://schemas.microsoft.com/office/drawing/2014/main" id="{0F2213FF-336E-6B65-83FB-FBB364099DBB}"/>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9" name="Group 18">
                <a:extLst>
                  <a:ext uri="{FF2B5EF4-FFF2-40B4-BE49-F238E27FC236}">
                    <a16:creationId xmlns:a16="http://schemas.microsoft.com/office/drawing/2014/main" id="{AF754A83-4E60-2914-C62F-C4D1DC5A384F}"/>
                  </a:ext>
                </a:extLst>
              </p:cNvPr>
              <p:cNvGrpSpPr/>
              <p:nvPr/>
            </p:nvGrpSpPr>
            <p:grpSpPr>
              <a:xfrm>
                <a:off x="2457982" y="3624216"/>
                <a:ext cx="283254" cy="477109"/>
                <a:chOff x="2942514" y="3640871"/>
                <a:chExt cx="236563" cy="398463"/>
              </a:xfrm>
            </p:grpSpPr>
            <p:grpSp>
              <p:nvGrpSpPr>
                <p:cNvPr id="50" name="Graphic 3">
                  <a:extLst>
                    <a:ext uri="{FF2B5EF4-FFF2-40B4-BE49-F238E27FC236}">
                      <a16:creationId xmlns:a16="http://schemas.microsoft.com/office/drawing/2014/main" id="{30053B7C-8C57-B59B-328A-86E7A540FBC1}"/>
                    </a:ext>
                  </a:extLst>
                </p:cNvPr>
                <p:cNvGrpSpPr/>
                <p:nvPr/>
              </p:nvGrpSpPr>
              <p:grpSpPr>
                <a:xfrm>
                  <a:off x="2951883" y="3648525"/>
                  <a:ext cx="217919" cy="390809"/>
                  <a:chOff x="2951883" y="3648525"/>
                  <a:chExt cx="217919" cy="390809"/>
                </a:xfrm>
                <a:solidFill>
                  <a:srgbClr val="C7E4F1"/>
                </a:solidFill>
              </p:grpSpPr>
              <p:sp>
                <p:nvSpPr>
                  <p:cNvPr id="53" name="Freeform 107">
                    <a:extLst>
                      <a:ext uri="{FF2B5EF4-FFF2-40B4-BE49-F238E27FC236}">
                        <a16:creationId xmlns:a16="http://schemas.microsoft.com/office/drawing/2014/main" id="{68462F6D-8880-EDCE-6B71-0C6E2D1611D8}"/>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54" name="Freeform 108">
                    <a:extLst>
                      <a:ext uri="{FF2B5EF4-FFF2-40B4-BE49-F238E27FC236}">
                        <a16:creationId xmlns:a16="http://schemas.microsoft.com/office/drawing/2014/main" id="{3A9FA33C-E53B-9E0E-693B-4AE1EDCF05BD}"/>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51" name="Freeform 105">
                  <a:extLst>
                    <a:ext uri="{FF2B5EF4-FFF2-40B4-BE49-F238E27FC236}">
                      <a16:creationId xmlns:a16="http://schemas.microsoft.com/office/drawing/2014/main" id="{FAA94E62-0F32-2C6C-367B-BB9D5351BFC5}"/>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52" name="Freeform 106">
                  <a:extLst>
                    <a:ext uri="{FF2B5EF4-FFF2-40B4-BE49-F238E27FC236}">
                      <a16:creationId xmlns:a16="http://schemas.microsoft.com/office/drawing/2014/main" id="{47D628F2-F537-5CAD-4018-B5AA56B5A079}"/>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0" name="Group 19">
                <a:extLst>
                  <a:ext uri="{FF2B5EF4-FFF2-40B4-BE49-F238E27FC236}">
                    <a16:creationId xmlns:a16="http://schemas.microsoft.com/office/drawing/2014/main" id="{85B10814-D979-B4F3-7A48-3568F8A96B68}"/>
                  </a:ext>
                </a:extLst>
              </p:cNvPr>
              <p:cNvGrpSpPr/>
              <p:nvPr/>
            </p:nvGrpSpPr>
            <p:grpSpPr>
              <a:xfrm>
                <a:off x="2109769" y="3624216"/>
                <a:ext cx="283254" cy="477109"/>
                <a:chOff x="2942514" y="3640871"/>
                <a:chExt cx="236563" cy="398463"/>
              </a:xfrm>
            </p:grpSpPr>
            <p:grpSp>
              <p:nvGrpSpPr>
                <p:cNvPr id="45" name="Graphic 3">
                  <a:extLst>
                    <a:ext uri="{FF2B5EF4-FFF2-40B4-BE49-F238E27FC236}">
                      <a16:creationId xmlns:a16="http://schemas.microsoft.com/office/drawing/2014/main" id="{40AFEAFC-B166-7316-9997-576142E20D88}"/>
                    </a:ext>
                  </a:extLst>
                </p:cNvPr>
                <p:cNvGrpSpPr/>
                <p:nvPr/>
              </p:nvGrpSpPr>
              <p:grpSpPr>
                <a:xfrm>
                  <a:off x="2951883" y="3648525"/>
                  <a:ext cx="217919" cy="390809"/>
                  <a:chOff x="2951883" y="3648525"/>
                  <a:chExt cx="217919" cy="390809"/>
                </a:xfrm>
                <a:solidFill>
                  <a:srgbClr val="C7E4F1"/>
                </a:solidFill>
              </p:grpSpPr>
              <p:sp>
                <p:nvSpPr>
                  <p:cNvPr id="48" name="Freeform 102">
                    <a:extLst>
                      <a:ext uri="{FF2B5EF4-FFF2-40B4-BE49-F238E27FC236}">
                        <a16:creationId xmlns:a16="http://schemas.microsoft.com/office/drawing/2014/main" id="{D20E6746-05AF-2D3A-9495-FEF85A599ED3}"/>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49" name="Freeform 103">
                    <a:extLst>
                      <a:ext uri="{FF2B5EF4-FFF2-40B4-BE49-F238E27FC236}">
                        <a16:creationId xmlns:a16="http://schemas.microsoft.com/office/drawing/2014/main" id="{6EBEB213-8E97-592C-56EA-3D520E35E09C}"/>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46" name="Freeform 100">
                  <a:extLst>
                    <a:ext uri="{FF2B5EF4-FFF2-40B4-BE49-F238E27FC236}">
                      <a16:creationId xmlns:a16="http://schemas.microsoft.com/office/drawing/2014/main" id="{0AAD9015-FF38-7C97-60A5-48A54E490C81}"/>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47" name="Freeform 101">
                  <a:extLst>
                    <a:ext uri="{FF2B5EF4-FFF2-40B4-BE49-F238E27FC236}">
                      <a16:creationId xmlns:a16="http://schemas.microsoft.com/office/drawing/2014/main" id="{62C581B8-064F-BE26-796D-9B666772F255}"/>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1" name="Group 20">
                <a:extLst>
                  <a:ext uri="{FF2B5EF4-FFF2-40B4-BE49-F238E27FC236}">
                    <a16:creationId xmlns:a16="http://schemas.microsoft.com/office/drawing/2014/main" id="{E104BD82-CBC1-1AAC-7285-013E60228FC0}"/>
                  </a:ext>
                </a:extLst>
              </p:cNvPr>
              <p:cNvGrpSpPr/>
              <p:nvPr/>
            </p:nvGrpSpPr>
            <p:grpSpPr>
              <a:xfrm>
                <a:off x="1761556" y="3624216"/>
                <a:ext cx="283254" cy="477109"/>
                <a:chOff x="2942514" y="3640871"/>
                <a:chExt cx="236563" cy="398463"/>
              </a:xfrm>
            </p:grpSpPr>
            <p:grpSp>
              <p:nvGrpSpPr>
                <p:cNvPr id="40" name="Graphic 3">
                  <a:extLst>
                    <a:ext uri="{FF2B5EF4-FFF2-40B4-BE49-F238E27FC236}">
                      <a16:creationId xmlns:a16="http://schemas.microsoft.com/office/drawing/2014/main" id="{85FDA4EC-4358-D6C2-81CE-7099402D9AF1}"/>
                    </a:ext>
                  </a:extLst>
                </p:cNvPr>
                <p:cNvGrpSpPr/>
                <p:nvPr/>
              </p:nvGrpSpPr>
              <p:grpSpPr>
                <a:xfrm>
                  <a:off x="2951883" y="3648525"/>
                  <a:ext cx="217919" cy="390809"/>
                  <a:chOff x="2951883" y="3648525"/>
                  <a:chExt cx="217919" cy="390809"/>
                </a:xfrm>
                <a:solidFill>
                  <a:srgbClr val="C7E4F1"/>
                </a:solidFill>
              </p:grpSpPr>
              <p:sp>
                <p:nvSpPr>
                  <p:cNvPr id="43" name="Freeform 97">
                    <a:extLst>
                      <a:ext uri="{FF2B5EF4-FFF2-40B4-BE49-F238E27FC236}">
                        <a16:creationId xmlns:a16="http://schemas.microsoft.com/office/drawing/2014/main" id="{C776258D-4026-9204-2E45-C41B2CC2CB95}"/>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44" name="Freeform 98">
                    <a:extLst>
                      <a:ext uri="{FF2B5EF4-FFF2-40B4-BE49-F238E27FC236}">
                        <a16:creationId xmlns:a16="http://schemas.microsoft.com/office/drawing/2014/main" id="{C766AD7B-44FF-283D-3A0F-4EF33FBEFAFB}"/>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chemeClr val="accent2">
                      <a:lumMod val="60000"/>
                      <a:lumOff val="40000"/>
                    </a:schemeClr>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41" name="Freeform 95">
                  <a:extLst>
                    <a:ext uri="{FF2B5EF4-FFF2-40B4-BE49-F238E27FC236}">
                      <a16:creationId xmlns:a16="http://schemas.microsoft.com/office/drawing/2014/main" id="{08BFF110-801B-3310-B2B2-5374B7DDD4C6}"/>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42" name="Freeform 96">
                  <a:extLst>
                    <a:ext uri="{FF2B5EF4-FFF2-40B4-BE49-F238E27FC236}">
                      <a16:creationId xmlns:a16="http://schemas.microsoft.com/office/drawing/2014/main" id="{6FE0258B-77D1-743A-B00F-23B570293DFF}"/>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2" name="Group 21">
                <a:extLst>
                  <a:ext uri="{FF2B5EF4-FFF2-40B4-BE49-F238E27FC236}">
                    <a16:creationId xmlns:a16="http://schemas.microsoft.com/office/drawing/2014/main" id="{E4749C7B-F6E9-836B-7886-1D4B2F0D8177}"/>
                  </a:ext>
                </a:extLst>
              </p:cNvPr>
              <p:cNvGrpSpPr/>
              <p:nvPr/>
            </p:nvGrpSpPr>
            <p:grpSpPr>
              <a:xfrm>
                <a:off x="4199046" y="3624216"/>
                <a:ext cx="283254" cy="477109"/>
                <a:chOff x="2942514" y="3640871"/>
                <a:chExt cx="236563" cy="398463"/>
              </a:xfrm>
            </p:grpSpPr>
            <p:grpSp>
              <p:nvGrpSpPr>
                <p:cNvPr id="35" name="Graphic 3">
                  <a:extLst>
                    <a:ext uri="{FF2B5EF4-FFF2-40B4-BE49-F238E27FC236}">
                      <a16:creationId xmlns:a16="http://schemas.microsoft.com/office/drawing/2014/main" id="{8EB9AAA1-C2DA-D889-7DF6-CC8000A433C2}"/>
                    </a:ext>
                  </a:extLst>
                </p:cNvPr>
                <p:cNvGrpSpPr/>
                <p:nvPr/>
              </p:nvGrpSpPr>
              <p:grpSpPr>
                <a:xfrm>
                  <a:off x="2951883" y="3648525"/>
                  <a:ext cx="217919" cy="390809"/>
                  <a:chOff x="2951883" y="3648525"/>
                  <a:chExt cx="217919" cy="390809"/>
                </a:xfrm>
                <a:solidFill>
                  <a:srgbClr val="C7E4F1"/>
                </a:solidFill>
              </p:grpSpPr>
              <p:sp>
                <p:nvSpPr>
                  <p:cNvPr id="38" name="Freeform 92">
                    <a:extLst>
                      <a:ext uri="{FF2B5EF4-FFF2-40B4-BE49-F238E27FC236}">
                        <a16:creationId xmlns:a16="http://schemas.microsoft.com/office/drawing/2014/main" id="{7685ABBB-D444-470D-0DF2-ABA8783DF2FA}"/>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39" name="Freeform 93">
                    <a:extLst>
                      <a:ext uri="{FF2B5EF4-FFF2-40B4-BE49-F238E27FC236}">
                        <a16:creationId xmlns:a16="http://schemas.microsoft.com/office/drawing/2014/main" id="{7F9E7703-8B40-4E3C-77B3-D6FCD75E971F}"/>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36" name="Freeform 90">
                  <a:extLst>
                    <a:ext uri="{FF2B5EF4-FFF2-40B4-BE49-F238E27FC236}">
                      <a16:creationId xmlns:a16="http://schemas.microsoft.com/office/drawing/2014/main" id="{B65E091B-9A8F-4B22-7FA6-4DE82504311F}"/>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37" name="Freeform 91">
                  <a:extLst>
                    <a:ext uri="{FF2B5EF4-FFF2-40B4-BE49-F238E27FC236}">
                      <a16:creationId xmlns:a16="http://schemas.microsoft.com/office/drawing/2014/main" id="{AA9AA7A0-30A5-1D64-8856-56EA3F29CF33}"/>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3" name="Group 22">
                <a:extLst>
                  <a:ext uri="{FF2B5EF4-FFF2-40B4-BE49-F238E27FC236}">
                    <a16:creationId xmlns:a16="http://schemas.microsoft.com/office/drawing/2014/main" id="{9480EEA1-6B66-A348-7768-7C316CA10770}"/>
                  </a:ext>
                </a:extLst>
              </p:cNvPr>
              <p:cNvGrpSpPr/>
              <p:nvPr/>
            </p:nvGrpSpPr>
            <p:grpSpPr>
              <a:xfrm>
                <a:off x="4547259" y="3624216"/>
                <a:ext cx="283254" cy="477109"/>
                <a:chOff x="2942514" y="3640871"/>
                <a:chExt cx="236563" cy="398463"/>
              </a:xfrm>
            </p:grpSpPr>
            <p:grpSp>
              <p:nvGrpSpPr>
                <p:cNvPr id="30" name="Graphic 3">
                  <a:extLst>
                    <a:ext uri="{FF2B5EF4-FFF2-40B4-BE49-F238E27FC236}">
                      <a16:creationId xmlns:a16="http://schemas.microsoft.com/office/drawing/2014/main" id="{B9622EE6-DE5C-3598-1F81-5D441669CD3A}"/>
                    </a:ext>
                  </a:extLst>
                </p:cNvPr>
                <p:cNvGrpSpPr/>
                <p:nvPr/>
              </p:nvGrpSpPr>
              <p:grpSpPr>
                <a:xfrm>
                  <a:off x="2951883" y="3648525"/>
                  <a:ext cx="217919" cy="390809"/>
                  <a:chOff x="2951883" y="3648525"/>
                  <a:chExt cx="217919" cy="390809"/>
                </a:xfrm>
                <a:solidFill>
                  <a:srgbClr val="C7E4F1"/>
                </a:solidFill>
              </p:grpSpPr>
              <p:sp>
                <p:nvSpPr>
                  <p:cNvPr id="33" name="Freeform 87">
                    <a:extLst>
                      <a:ext uri="{FF2B5EF4-FFF2-40B4-BE49-F238E27FC236}">
                        <a16:creationId xmlns:a16="http://schemas.microsoft.com/office/drawing/2014/main" id="{B5674722-C8B2-29CE-7969-34452EB47A5F}"/>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34" name="Freeform 88">
                    <a:extLst>
                      <a:ext uri="{FF2B5EF4-FFF2-40B4-BE49-F238E27FC236}">
                        <a16:creationId xmlns:a16="http://schemas.microsoft.com/office/drawing/2014/main" id="{BB261CE0-D9F0-5464-796C-FF3FF7FA07D0}"/>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31" name="Freeform 85">
                  <a:extLst>
                    <a:ext uri="{FF2B5EF4-FFF2-40B4-BE49-F238E27FC236}">
                      <a16:creationId xmlns:a16="http://schemas.microsoft.com/office/drawing/2014/main" id="{45DF0D30-ECB3-0E99-2018-D2F0DFE158E2}"/>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32" name="Freeform 86">
                  <a:extLst>
                    <a:ext uri="{FF2B5EF4-FFF2-40B4-BE49-F238E27FC236}">
                      <a16:creationId xmlns:a16="http://schemas.microsoft.com/office/drawing/2014/main" id="{8B23A55C-2997-EE2D-EEFA-1E010DB7B73B}"/>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4" name="Group 23">
                <a:extLst>
                  <a:ext uri="{FF2B5EF4-FFF2-40B4-BE49-F238E27FC236}">
                    <a16:creationId xmlns:a16="http://schemas.microsoft.com/office/drawing/2014/main" id="{54E85F71-BE18-ECBF-A713-36F9082ED2D4}"/>
                  </a:ext>
                </a:extLst>
              </p:cNvPr>
              <p:cNvGrpSpPr/>
              <p:nvPr/>
            </p:nvGrpSpPr>
            <p:grpSpPr>
              <a:xfrm>
                <a:off x="4895473" y="3624216"/>
                <a:ext cx="283254" cy="477109"/>
                <a:chOff x="2942514" y="3640871"/>
                <a:chExt cx="236563" cy="398463"/>
              </a:xfrm>
            </p:grpSpPr>
            <p:grpSp>
              <p:nvGrpSpPr>
                <p:cNvPr id="25" name="Graphic 3">
                  <a:extLst>
                    <a:ext uri="{FF2B5EF4-FFF2-40B4-BE49-F238E27FC236}">
                      <a16:creationId xmlns:a16="http://schemas.microsoft.com/office/drawing/2014/main" id="{2A58FD40-A43C-C0DB-0EBD-2853B2B42758}"/>
                    </a:ext>
                  </a:extLst>
                </p:cNvPr>
                <p:cNvGrpSpPr/>
                <p:nvPr/>
              </p:nvGrpSpPr>
              <p:grpSpPr>
                <a:xfrm>
                  <a:off x="2951883" y="3648525"/>
                  <a:ext cx="217919" cy="390809"/>
                  <a:chOff x="2951883" y="3648525"/>
                  <a:chExt cx="217919" cy="390809"/>
                </a:xfrm>
                <a:solidFill>
                  <a:srgbClr val="C7E4F1"/>
                </a:solidFill>
              </p:grpSpPr>
              <p:sp>
                <p:nvSpPr>
                  <p:cNvPr id="28" name="Freeform 82">
                    <a:extLst>
                      <a:ext uri="{FF2B5EF4-FFF2-40B4-BE49-F238E27FC236}">
                        <a16:creationId xmlns:a16="http://schemas.microsoft.com/office/drawing/2014/main" id="{6C15D059-D2FB-49DB-406A-BBB5CA2B14ED}"/>
                      </a:ext>
                    </a:extLst>
                  </p:cNvPr>
                  <p:cNvSpPr/>
                  <p:nvPr/>
                </p:nvSpPr>
                <p:spPr>
                  <a:xfrm>
                    <a:off x="2951883" y="3779174"/>
                    <a:ext cx="217919" cy="260160"/>
                  </a:xfrm>
                  <a:custGeom>
                    <a:avLst/>
                    <a:gdLst>
                      <a:gd name="connsiteX0" fmla="*/ 108866 w 217919"/>
                      <a:gd name="connsiteY0" fmla="*/ 0 h 260160"/>
                      <a:gd name="connsiteX1" fmla="*/ 0 w 217919"/>
                      <a:gd name="connsiteY1" fmla="*/ 60023 h 260160"/>
                      <a:gd name="connsiteX2" fmla="*/ 0 w 217919"/>
                      <a:gd name="connsiteY2" fmla="*/ 180920 h 260160"/>
                      <a:gd name="connsiteX3" fmla="*/ 39630 w 217919"/>
                      <a:gd name="connsiteY3" fmla="*/ 220114 h 260160"/>
                      <a:gd name="connsiteX4" fmla="*/ 49561 w 217919"/>
                      <a:gd name="connsiteY4" fmla="*/ 220114 h 260160"/>
                      <a:gd name="connsiteX5" fmla="*/ 49561 w 217919"/>
                      <a:gd name="connsiteY5" fmla="*/ 260161 h 260160"/>
                      <a:gd name="connsiteX6" fmla="*/ 168358 w 217919"/>
                      <a:gd name="connsiteY6" fmla="*/ 260161 h 260160"/>
                      <a:gd name="connsiteX7" fmla="*/ 168358 w 217919"/>
                      <a:gd name="connsiteY7" fmla="*/ 220114 h 260160"/>
                      <a:gd name="connsiteX8" fmla="*/ 178289 w 217919"/>
                      <a:gd name="connsiteY8" fmla="*/ 220114 h 260160"/>
                      <a:gd name="connsiteX9" fmla="*/ 217920 w 217919"/>
                      <a:gd name="connsiteY9" fmla="*/ 180920 h 260160"/>
                      <a:gd name="connsiteX10" fmla="*/ 217920 w 217919"/>
                      <a:gd name="connsiteY10" fmla="*/ 60023 h 260160"/>
                      <a:gd name="connsiteX11" fmla="*/ 109053 w 217919"/>
                      <a:gd name="connsiteY11" fmla="*/ 0 h 26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17919" h="260160">
                        <a:moveTo>
                          <a:pt x="108866" y="0"/>
                        </a:moveTo>
                        <a:cubicBezTo>
                          <a:pt x="71765" y="0"/>
                          <a:pt x="0" y="20449"/>
                          <a:pt x="0" y="60023"/>
                        </a:cubicBezTo>
                        <a:lnTo>
                          <a:pt x="0" y="180920"/>
                        </a:lnTo>
                        <a:cubicBezTo>
                          <a:pt x="0" y="204209"/>
                          <a:pt x="16489" y="220114"/>
                          <a:pt x="39630" y="220114"/>
                        </a:cubicBezTo>
                        <a:lnTo>
                          <a:pt x="49561" y="220114"/>
                        </a:lnTo>
                        <a:lnTo>
                          <a:pt x="49561" y="260161"/>
                        </a:lnTo>
                        <a:lnTo>
                          <a:pt x="168358" y="260161"/>
                        </a:lnTo>
                        <a:lnTo>
                          <a:pt x="168358" y="220114"/>
                        </a:lnTo>
                        <a:lnTo>
                          <a:pt x="178289" y="220114"/>
                        </a:lnTo>
                        <a:cubicBezTo>
                          <a:pt x="201337" y="220114"/>
                          <a:pt x="217920" y="204209"/>
                          <a:pt x="217920" y="180920"/>
                        </a:cubicBezTo>
                        <a:lnTo>
                          <a:pt x="217920" y="60023"/>
                        </a:lnTo>
                        <a:cubicBezTo>
                          <a:pt x="217920" y="20449"/>
                          <a:pt x="146060" y="0"/>
                          <a:pt x="109053" y="0"/>
                        </a:cubicBez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29" name="Freeform 83">
                    <a:extLst>
                      <a:ext uri="{FF2B5EF4-FFF2-40B4-BE49-F238E27FC236}">
                        <a16:creationId xmlns:a16="http://schemas.microsoft.com/office/drawing/2014/main" id="{6A96B6C4-E0EE-BDB1-C6D5-6BD68A8AF5A4}"/>
                      </a:ext>
                    </a:extLst>
                  </p:cNvPr>
                  <p:cNvSpPr/>
                  <p:nvPr/>
                </p:nvSpPr>
                <p:spPr>
                  <a:xfrm>
                    <a:off x="3011860" y="3648525"/>
                    <a:ext cx="97772" cy="101867"/>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solidFill>
                    <a:srgbClr val="C7E4F1"/>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
              <p:nvSpPr>
                <p:cNvPr id="26" name="Freeform 80">
                  <a:extLst>
                    <a:ext uri="{FF2B5EF4-FFF2-40B4-BE49-F238E27FC236}">
                      <a16:creationId xmlns:a16="http://schemas.microsoft.com/office/drawing/2014/main" id="{8FF0BF7E-4812-9253-1EDB-4B1C60622363}"/>
                    </a:ext>
                  </a:extLst>
                </p:cNvPr>
                <p:cNvSpPr/>
                <p:nvPr/>
              </p:nvSpPr>
              <p:spPr>
                <a:xfrm>
                  <a:off x="3001880" y="3640871"/>
                  <a:ext cx="117533" cy="116822"/>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sp>
              <p:nvSpPr>
                <p:cNvPr id="27" name="Freeform 81">
                  <a:extLst>
                    <a:ext uri="{FF2B5EF4-FFF2-40B4-BE49-F238E27FC236}">
                      <a16:creationId xmlns:a16="http://schemas.microsoft.com/office/drawing/2014/main" id="{50D7EF53-6EB9-409F-4935-DBBC71238B3A}"/>
                    </a:ext>
                  </a:extLst>
                </p:cNvPr>
                <p:cNvSpPr/>
                <p:nvPr/>
              </p:nvSpPr>
              <p:spPr>
                <a:xfrm>
                  <a:off x="2942514" y="3769707"/>
                  <a:ext cx="236563" cy="269627"/>
                </a:xfrm>
                <a:custGeom>
                  <a:avLst/>
                  <a:gdLst>
                    <a:gd name="connsiteX0" fmla="*/ 236564 w 236563"/>
                    <a:gd name="connsiteY0" fmla="*/ 69490 h 269627"/>
                    <a:gd name="connsiteX1" fmla="*/ 236564 w 236563"/>
                    <a:gd name="connsiteY1" fmla="*/ 190387 h 269627"/>
                    <a:gd name="connsiteX2" fmla="*/ 218482 w 236563"/>
                    <a:gd name="connsiteY2" fmla="*/ 229581 h 269627"/>
                    <a:gd name="connsiteX3" fmla="*/ 195809 w 236563"/>
                    <a:gd name="connsiteY3" fmla="*/ 239238 h 269627"/>
                    <a:gd name="connsiteX4" fmla="*/ 187752 w 236563"/>
                    <a:gd name="connsiteY4" fmla="*/ 248516 h 269627"/>
                    <a:gd name="connsiteX5" fmla="*/ 187752 w 236563"/>
                    <a:gd name="connsiteY5" fmla="*/ 260161 h 269627"/>
                    <a:gd name="connsiteX6" fmla="*/ 178383 w 236563"/>
                    <a:gd name="connsiteY6" fmla="*/ 269628 h 269627"/>
                    <a:gd name="connsiteX7" fmla="*/ 169014 w 236563"/>
                    <a:gd name="connsiteY7" fmla="*/ 260161 h 269627"/>
                    <a:gd name="connsiteX8" fmla="*/ 169014 w 236563"/>
                    <a:gd name="connsiteY8" fmla="*/ 119004 h 269627"/>
                    <a:gd name="connsiteX9" fmla="*/ 178383 w 236563"/>
                    <a:gd name="connsiteY9" fmla="*/ 109536 h 269627"/>
                    <a:gd name="connsiteX10" fmla="*/ 181662 w 236563"/>
                    <a:gd name="connsiteY10" fmla="*/ 110199 h 269627"/>
                    <a:gd name="connsiteX11" fmla="*/ 187752 w 236563"/>
                    <a:gd name="connsiteY11" fmla="*/ 119004 h 269627"/>
                    <a:gd name="connsiteX12" fmla="*/ 187752 w 236563"/>
                    <a:gd name="connsiteY12" fmla="*/ 209416 h 269627"/>
                    <a:gd name="connsiteX13" fmla="*/ 201243 w 236563"/>
                    <a:gd name="connsiteY13" fmla="*/ 218031 h 269627"/>
                    <a:gd name="connsiteX14" fmla="*/ 217826 w 236563"/>
                    <a:gd name="connsiteY14" fmla="*/ 190387 h 269627"/>
                    <a:gd name="connsiteX15" fmla="*/ 217826 w 236563"/>
                    <a:gd name="connsiteY15" fmla="*/ 69490 h 269627"/>
                    <a:gd name="connsiteX16" fmla="*/ 201805 w 236563"/>
                    <a:gd name="connsiteY16" fmla="*/ 43833 h 269627"/>
                    <a:gd name="connsiteX17" fmla="*/ 118235 w 236563"/>
                    <a:gd name="connsiteY17" fmla="*/ 18935 h 269627"/>
                    <a:gd name="connsiteX18" fmla="*/ 18738 w 236563"/>
                    <a:gd name="connsiteY18" fmla="*/ 69490 h 269627"/>
                    <a:gd name="connsiteX19" fmla="*/ 18738 w 236563"/>
                    <a:gd name="connsiteY19" fmla="*/ 190387 h 269627"/>
                    <a:gd name="connsiteX20" fmla="*/ 35133 w 236563"/>
                    <a:gd name="connsiteY20" fmla="*/ 217937 h 269627"/>
                    <a:gd name="connsiteX21" fmla="*/ 48624 w 236563"/>
                    <a:gd name="connsiteY21" fmla="*/ 209321 h 269627"/>
                    <a:gd name="connsiteX22" fmla="*/ 48624 w 236563"/>
                    <a:gd name="connsiteY22" fmla="*/ 119004 h 269627"/>
                    <a:gd name="connsiteX23" fmla="*/ 57993 w 236563"/>
                    <a:gd name="connsiteY23" fmla="*/ 109536 h 269627"/>
                    <a:gd name="connsiteX24" fmla="*/ 67362 w 236563"/>
                    <a:gd name="connsiteY24" fmla="*/ 119004 h 269627"/>
                    <a:gd name="connsiteX25" fmla="*/ 67362 w 236563"/>
                    <a:gd name="connsiteY25" fmla="*/ 260161 h 269627"/>
                    <a:gd name="connsiteX26" fmla="*/ 57993 w 236563"/>
                    <a:gd name="connsiteY26" fmla="*/ 269628 h 269627"/>
                    <a:gd name="connsiteX27" fmla="*/ 48624 w 236563"/>
                    <a:gd name="connsiteY27" fmla="*/ 260161 h 269627"/>
                    <a:gd name="connsiteX28" fmla="*/ 48624 w 236563"/>
                    <a:gd name="connsiteY28" fmla="*/ 248516 h 269627"/>
                    <a:gd name="connsiteX29" fmla="*/ 40567 w 236563"/>
                    <a:gd name="connsiteY29" fmla="*/ 239143 h 269627"/>
                    <a:gd name="connsiteX30" fmla="*/ 0 w 236563"/>
                    <a:gd name="connsiteY30" fmla="*/ 190387 h 269627"/>
                    <a:gd name="connsiteX31" fmla="*/ 0 w 236563"/>
                    <a:gd name="connsiteY31" fmla="*/ 69490 h 269627"/>
                    <a:gd name="connsiteX32" fmla="*/ 118235 w 236563"/>
                    <a:gd name="connsiteY32" fmla="*/ 0 h 269627"/>
                    <a:gd name="connsiteX33" fmla="*/ 219137 w 236563"/>
                    <a:gd name="connsiteY33" fmla="*/ 34272 h 269627"/>
                    <a:gd name="connsiteX34" fmla="*/ 236564 w 236563"/>
                    <a:gd name="connsiteY34" fmla="*/ 69490 h 2696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36563" h="269627">
                      <a:moveTo>
                        <a:pt x="236564" y="69490"/>
                      </a:moveTo>
                      <a:lnTo>
                        <a:pt x="236564" y="190387"/>
                      </a:lnTo>
                      <a:cubicBezTo>
                        <a:pt x="236564" y="206860"/>
                        <a:pt x="229724" y="220777"/>
                        <a:pt x="218482" y="229581"/>
                      </a:cubicBezTo>
                      <a:cubicBezTo>
                        <a:pt x="212205" y="234504"/>
                        <a:pt x="204522" y="237913"/>
                        <a:pt x="195809" y="239238"/>
                      </a:cubicBezTo>
                      <a:cubicBezTo>
                        <a:pt x="191218" y="239901"/>
                        <a:pt x="187752" y="243782"/>
                        <a:pt x="187752" y="248516"/>
                      </a:cubicBezTo>
                      <a:lnTo>
                        <a:pt x="187752" y="260161"/>
                      </a:lnTo>
                      <a:cubicBezTo>
                        <a:pt x="187752" y="265368"/>
                        <a:pt x="183630" y="269628"/>
                        <a:pt x="178383" y="269628"/>
                      </a:cubicBezTo>
                      <a:cubicBezTo>
                        <a:pt x="173136" y="269628"/>
                        <a:pt x="169014" y="265368"/>
                        <a:pt x="169014" y="260161"/>
                      </a:cubicBezTo>
                      <a:lnTo>
                        <a:pt x="169014" y="119004"/>
                      </a:lnTo>
                      <a:cubicBezTo>
                        <a:pt x="169014" y="113702"/>
                        <a:pt x="173230" y="109536"/>
                        <a:pt x="178383" y="109536"/>
                      </a:cubicBezTo>
                      <a:cubicBezTo>
                        <a:pt x="179601" y="109536"/>
                        <a:pt x="180631" y="109726"/>
                        <a:pt x="181662" y="110199"/>
                      </a:cubicBezTo>
                      <a:cubicBezTo>
                        <a:pt x="185222" y="111430"/>
                        <a:pt x="187752" y="114933"/>
                        <a:pt x="187752" y="119004"/>
                      </a:cubicBezTo>
                      <a:lnTo>
                        <a:pt x="187752" y="209416"/>
                      </a:lnTo>
                      <a:cubicBezTo>
                        <a:pt x="187752" y="216422"/>
                        <a:pt x="194966" y="220966"/>
                        <a:pt x="201243" y="218031"/>
                      </a:cubicBezTo>
                      <a:cubicBezTo>
                        <a:pt x="211361" y="213392"/>
                        <a:pt x="217826" y="203262"/>
                        <a:pt x="217826" y="190387"/>
                      </a:cubicBezTo>
                      <a:lnTo>
                        <a:pt x="217826" y="69490"/>
                      </a:lnTo>
                      <a:cubicBezTo>
                        <a:pt x="217826" y="59644"/>
                        <a:pt x="211549" y="51029"/>
                        <a:pt x="201805" y="43833"/>
                      </a:cubicBezTo>
                      <a:cubicBezTo>
                        <a:pt x="180444" y="28023"/>
                        <a:pt x="142407" y="18935"/>
                        <a:pt x="118235" y="18935"/>
                      </a:cubicBezTo>
                      <a:cubicBezTo>
                        <a:pt x="83195" y="18935"/>
                        <a:pt x="18738" y="38153"/>
                        <a:pt x="18738" y="69490"/>
                      </a:cubicBezTo>
                      <a:lnTo>
                        <a:pt x="18738" y="190387"/>
                      </a:lnTo>
                      <a:cubicBezTo>
                        <a:pt x="18738" y="203168"/>
                        <a:pt x="25015" y="213203"/>
                        <a:pt x="35133" y="217937"/>
                      </a:cubicBezTo>
                      <a:cubicBezTo>
                        <a:pt x="41410" y="220871"/>
                        <a:pt x="48624" y="216327"/>
                        <a:pt x="48624" y="209321"/>
                      </a:cubicBezTo>
                      <a:lnTo>
                        <a:pt x="48624" y="119004"/>
                      </a:lnTo>
                      <a:cubicBezTo>
                        <a:pt x="48624" y="113702"/>
                        <a:pt x="52747" y="109536"/>
                        <a:pt x="57993" y="109536"/>
                      </a:cubicBezTo>
                      <a:cubicBezTo>
                        <a:pt x="63240" y="109536"/>
                        <a:pt x="67362" y="113702"/>
                        <a:pt x="67362" y="119004"/>
                      </a:cubicBezTo>
                      <a:lnTo>
                        <a:pt x="67362" y="260161"/>
                      </a:lnTo>
                      <a:cubicBezTo>
                        <a:pt x="67362" y="265368"/>
                        <a:pt x="63146" y="269628"/>
                        <a:pt x="57993" y="269628"/>
                      </a:cubicBezTo>
                      <a:cubicBezTo>
                        <a:pt x="52840" y="269628"/>
                        <a:pt x="48624" y="265368"/>
                        <a:pt x="48624" y="260161"/>
                      </a:cubicBezTo>
                      <a:lnTo>
                        <a:pt x="48624" y="248516"/>
                      </a:lnTo>
                      <a:cubicBezTo>
                        <a:pt x="48624" y="243782"/>
                        <a:pt x="45158" y="239901"/>
                        <a:pt x="40567" y="239143"/>
                      </a:cubicBezTo>
                      <a:cubicBezTo>
                        <a:pt x="16583" y="235451"/>
                        <a:pt x="0" y="216138"/>
                        <a:pt x="0" y="190387"/>
                      </a:cubicBezTo>
                      <a:lnTo>
                        <a:pt x="0" y="69490"/>
                      </a:lnTo>
                      <a:cubicBezTo>
                        <a:pt x="0" y="23195"/>
                        <a:pt x="75794" y="0"/>
                        <a:pt x="118235" y="0"/>
                      </a:cubicBezTo>
                      <a:cubicBezTo>
                        <a:pt x="148028" y="0"/>
                        <a:pt x="194123" y="11361"/>
                        <a:pt x="219137" y="34272"/>
                      </a:cubicBezTo>
                      <a:cubicBezTo>
                        <a:pt x="229818" y="43928"/>
                        <a:pt x="236564" y="55668"/>
                        <a:pt x="236564" y="69490"/>
                      </a:cubicBez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 name="TextBox 11">
              <a:extLst>
                <a:ext uri="{FF2B5EF4-FFF2-40B4-BE49-F238E27FC236}">
                  <a16:creationId xmlns:a16="http://schemas.microsoft.com/office/drawing/2014/main" id="{49894D87-96E2-2DAE-7059-6BFADD243914}"/>
                </a:ext>
              </a:extLst>
            </p:cNvPr>
            <p:cNvSpPr txBox="1"/>
            <p:nvPr/>
          </p:nvSpPr>
          <p:spPr>
            <a:xfrm>
              <a:off x="94802" y="1384100"/>
              <a:ext cx="1506499" cy="673126"/>
            </a:xfrm>
            <a:prstGeom prst="rect">
              <a:avLst/>
            </a:prstGeom>
            <a:noFill/>
          </p:spPr>
          <p:txBody>
            <a:bodyPr wrap="square" lIns="72000" tIns="72000" rIns="72000" bIns="72000" rtlCol="0" anchor="ctr" anchorCtr="0">
              <a:noAutofit/>
            </a:bodyPr>
            <a:lstStyle/>
            <a:p>
              <a:pPr algn="r"/>
              <a:r>
                <a:rPr lang="en-US" sz="2000" b="1">
                  <a:solidFill>
                    <a:schemeClr val="bg2"/>
                  </a:solidFill>
                  <a:latin typeface="+mj-lt"/>
                  <a:ea typeface="Open Sans"/>
                  <a:cs typeface="Open Sans"/>
                </a:rPr>
                <a:t>4/10</a:t>
              </a:r>
            </a:p>
            <a:p>
              <a:pPr algn="r"/>
              <a:r>
                <a:rPr lang="en-US" sz="1050">
                  <a:latin typeface="+mj-lt"/>
                  <a:ea typeface="Open Sans"/>
                  <a:cs typeface="Open Sans"/>
                </a:rPr>
                <a:t>Delayed or did not see</a:t>
              </a:r>
              <a:br>
                <a:rPr lang="en-US" sz="1050">
                  <a:latin typeface="+mj-lt"/>
                  <a:ea typeface="Open Sans"/>
                  <a:cs typeface="Open Sans"/>
                </a:rPr>
              </a:br>
              <a:r>
                <a:rPr lang="en-US" sz="1050">
                  <a:latin typeface="+mj-lt"/>
                  <a:ea typeface="Open Sans"/>
                  <a:cs typeface="Open Sans"/>
                </a:rPr>
                <a:t> a health professional </a:t>
              </a:r>
              <a:br>
                <a:rPr lang="en-US" sz="1050">
                  <a:latin typeface="+mj-lt"/>
                  <a:ea typeface="Open Sans"/>
                  <a:cs typeface="Open Sans"/>
                </a:rPr>
              </a:br>
              <a:r>
                <a:rPr lang="en-US" sz="1050">
                  <a:latin typeface="+mj-lt"/>
                  <a:ea typeface="Open Sans"/>
                  <a:cs typeface="Open Sans"/>
                </a:rPr>
                <a:t>on at least one occasion </a:t>
              </a:r>
              <a:endParaRPr lang="en-US" sz="1400">
                <a:latin typeface="+mj-lt"/>
                <a:ea typeface="Open Sans"/>
                <a:cs typeface="Open Sans"/>
              </a:endParaRPr>
            </a:p>
          </p:txBody>
        </p:sp>
        <p:sp>
          <p:nvSpPr>
            <p:cNvPr id="13" name="Freeform 52">
              <a:extLst>
                <a:ext uri="{FF2B5EF4-FFF2-40B4-BE49-F238E27FC236}">
                  <a16:creationId xmlns:a16="http://schemas.microsoft.com/office/drawing/2014/main" id="{EC9BB288-4FF9-2DFF-D0A7-FBC22771D18C}"/>
                </a:ext>
              </a:extLst>
            </p:cNvPr>
            <p:cNvSpPr/>
            <p:nvPr/>
          </p:nvSpPr>
          <p:spPr>
            <a:xfrm>
              <a:off x="4270129" y="2434469"/>
              <a:ext cx="140731" cy="139879"/>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solidFill>
              <a:srgbClr val="265A9A"/>
            </a:solidFill>
            <a:ln w="0" cap="flat">
              <a:noFill/>
              <a:prstDash val="solid"/>
              <a:miter/>
            </a:ln>
          </p:spPr>
          <p:txBody>
            <a:bodyPr rtlCol="0" anchor="ctr"/>
            <a:lstStyle/>
            <a:p>
              <a:endParaRPr lang="en-US" sz="2400">
                <a:latin typeface="Open Sans" panose="020B0606030504020204" pitchFamily="34" charset="0"/>
                <a:ea typeface="Open Sans" panose="020B0606030504020204" pitchFamily="34" charset="0"/>
                <a:cs typeface="Open Sans" panose="020B0606030504020204" pitchFamily="34" charset="0"/>
              </a:endParaRPr>
            </a:p>
          </p:txBody>
        </p:sp>
      </p:grpSp>
    </p:spTree>
    <p:extLst>
      <p:ext uri="{BB962C8B-B14F-4D97-AF65-F5344CB8AC3E}">
        <p14:creationId xmlns:p14="http://schemas.microsoft.com/office/powerpoint/2010/main" val="207678810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517460-323F-261A-E799-A2C706E7C89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05B5854-6E58-0FCF-86F8-CD4EBE552F10}"/>
              </a:ext>
            </a:extLst>
          </p:cNvPr>
          <p:cNvSpPr>
            <a:spLocks noGrp="1"/>
          </p:cNvSpPr>
          <p:nvPr>
            <p:ph type="ctrTitle"/>
          </p:nvPr>
        </p:nvSpPr>
        <p:spPr/>
        <p:txBody>
          <a:bodyPr>
            <a:normAutofit/>
          </a:bodyPr>
          <a:lstStyle/>
          <a:p>
            <a:r>
              <a:rPr lang="en-US"/>
              <a:t>Suicide rates have not improved over a 10-year period	</a:t>
            </a:r>
            <a:endParaRPr lang="en-AU"/>
          </a:p>
        </p:txBody>
      </p:sp>
      <p:sp>
        <p:nvSpPr>
          <p:cNvPr id="11" name="Rectangle 10">
            <a:extLst>
              <a:ext uri="{FF2B5EF4-FFF2-40B4-BE49-F238E27FC236}">
                <a16:creationId xmlns:a16="http://schemas.microsoft.com/office/drawing/2014/main" id="{9B3F5189-C845-90B8-DF13-489202259D92}"/>
              </a:ext>
            </a:extLst>
          </p:cNvPr>
          <p:cNvSpPr/>
          <p:nvPr/>
        </p:nvSpPr>
        <p:spPr>
          <a:xfrm>
            <a:off x="985283" y="1929559"/>
            <a:ext cx="4716000" cy="40181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t>Age-</a:t>
            </a:r>
            <a:r>
              <a:rPr lang="en-US" sz="1200" b="1" err="1"/>
              <a:t>standardised</a:t>
            </a:r>
            <a:r>
              <a:rPr lang="en-US" sz="1200" b="1"/>
              <a:t> rate of suicide </a:t>
            </a:r>
            <a:br>
              <a:rPr lang="en-US" sz="1200" b="1"/>
            </a:br>
            <a:r>
              <a:rPr lang="en-US" sz="1200" b="1"/>
              <a:t>per 100,000 people aged 18</a:t>
            </a:r>
            <a:r>
              <a:rPr lang="en-AU" sz="1200" b="1"/>
              <a:t>–</a:t>
            </a:r>
            <a:r>
              <a:rPr lang="en-US" sz="1200" b="1"/>
              <a:t>65</a:t>
            </a:r>
            <a:endParaRPr lang="en-AU" sz="1200" b="1"/>
          </a:p>
        </p:txBody>
      </p:sp>
      <p:grpSp>
        <p:nvGrpSpPr>
          <p:cNvPr id="13" name="Group 12">
            <a:extLst>
              <a:ext uri="{FF2B5EF4-FFF2-40B4-BE49-F238E27FC236}">
                <a16:creationId xmlns:a16="http://schemas.microsoft.com/office/drawing/2014/main" id="{183C8B42-EC62-105A-EB18-56556E9A02A2}"/>
              </a:ext>
            </a:extLst>
          </p:cNvPr>
          <p:cNvGrpSpPr/>
          <p:nvPr/>
        </p:nvGrpSpPr>
        <p:grpSpPr>
          <a:xfrm>
            <a:off x="4587877" y="3689054"/>
            <a:ext cx="1193239" cy="1255174"/>
            <a:chOff x="600795" y="5562183"/>
            <a:chExt cx="1465465" cy="950693"/>
          </a:xfrm>
        </p:grpSpPr>
        <p:sp>
          <p:nvSpPr>
            <p:cNvPr id="303" name="TextBox 302">
              <a:extLst>
                <a:ext uri="{FF2B5EF4-FFF2-40B4-BE49-F238E27FC236}">
                  <a16:creationId xmlns:a16="http://schemas.microsoft.com/office/drawing/2014/main" id="{24F00296-CF0A-DED9-BED9-A00C62DEAEBD}"/>
                </a:ext>
              </a:extLst>
            </p:cNvPr>
            <p:cNvSpPr txBox="1"/>
            <p:nvPr/>
          </p:nvSpPr>
          <p:spPr>
            <a:xfrm>
              <a:off x="600795" y="5562183"/>
              <a:ext cx="1259680" cy="217827"/>
            </a:xfrm>
            <a:prstGeom prst="rect">
              <a:avLst/>
            </a:prstGeom>
            <a:noFill/>
          </p:spPr>
          <p:txBody>
            <a:bodyPr wrap="square">
              <a:spAutoFit/>
            </a:bodyPr>
            <a:lstStyle/>
            <a:p>
              <a:pPr algn="r" rtl="0">
                <a:defRPr sz="900" b="0" i="0" u="none" strike="noStrike" kern="1200" baseline="0">
                  <a:solidFill>
                    <a:srgbClr val="000000"/>
                  </a:solidFill>
                  <a:latin typeface="Arial" panose="020B0604020202020204" pitchFamily="34" charset="0"/>
                  <a:ea typeface="+mn-ea"/>
                  <a:cs typeface="+mn-cs"/>
                </a:defRPr>
              </a:pPr>
              <a:r>
                <a:rPr lang="en-US" sz="1200" b="1">
                  <a:solidFill>
                    <a:schemeClr val="tx2"/>
                  </a:solidFill>
                </a:rPr>
                <a:t>Males</a:t>
              </a:r>
            </a:p>
          </p:txBody>
        </p:sp>
        <p:sp>
          <p:nvSpPr>
            <p:cNvPr id="304" name="TextBox 303">
              <a:extLst>
                <a:ext uri="{FF2B5EF4-FFF2-40B4-BE49-F238E27FC236}">
                  <a16:creationId xmlns:a16="http://schemas.microsoft.com/office/drawing/2014/main" id="{0B327BEF-2FC7-4AB6-18FE-461010643C00}"/>
                </a:ext>
              </a:extLst>
            </p:cNvPr>
            <p:cNvSpPr txBox="1"/>
            <p:nvPr/>
          </p:nvSpPr>
          <p:spPr>
            <a:xfrm>
              <a:off x="719663" y="5934234"/>
              <a:ext cx="1346597" cy="217827"/>
            </a:xfrm>
            <a:prstGeom prst="rect">
              <a:avLst/>
            </a:prstGeom>
            <a:noFill/>
          </p:spPr>
          <p:txBody>
            <a:bodyPr wrap="square">
              <a:spAutoFit/>
            </a:bodyPr>
            <a:lstStyle/>
            <a:p>
              <a:pPr algn="r" rtl="0">
                <a:defRPr sz="900" b="0" i="0" u="none" strike="noStrike" kern="1200" baseline="0">
                  <a:solidFill>
                    <a:srgbClr val="000000"/>
                  </a:solidFill>
                  <a:latin typeface="Arial" panose="020B0604020202020204" pitchFamily="34" charset="0"/>
                  <a:ea typeface="+mn-ea"/>
                  <a:cs typeface="+mn-cs"/>
                </a:defRPr>
              </a:pPr>
              <a:r>
                <a:rPr lang="en-US" sz="1200" b="1">
                  <a:solidFill>
                    <a:schemeClr val="accent2"/>
                  </a:solidFill>
                </a:rPr>
                <a:t>Persons</a:t>
              </a:r>
            </a:p>
          </p:txBody>
        </p:sp>
        <p:sp>
          <p:nvSpPr>
            <p:cNvPr id="305" name="TextBox 304">
              <a:extLst>
                <a:ext uri="{FF2B5EF4-FFF2-40B4-BE49-F238E27FC236}">
                  <a16:creationId xmlns:a16="http://schemas.microsoft.com/office/drawing/2014/main" id="{3E966A20-CE41-646C-9C91-63406FAE7E1E}"/>
                </a:ext>
              </a:extLst>
            </p:cNvPr>
            <p:cNvSpPr txBox="1"/>
            <p:nvPr/>
          </p:nvSpPr>
          <p:spPr>
            <a:xfrm>
              <a:off x="683112" y="6303071"/>
              <a:ext cx="1346596" cy="209805"/>
            </a:xfrm>
            <a:prstGeom prst="rect">
              <a:avLst/>
            </a:prstGeom>
            <a:noFill/>
          </p:spPr>
          <p:txBody>
            <a:bodyPr wrap="square">
              <a:spAutoFit/>
            </a:bodyPr>
            <a:lstStyle/>
            <a:p>
              <a:pPr algn="r" rtl="0">
                <a:defRPr sz="900" b="0" i="0" u="none" strike="noStrike" kern="1200" baseline="0">
                  <a:solidFill>
                    <a:srgbClr val="000000"/>
                  </a:solidFill>
                  <a:latin typeface="Arial" panose="020B0604020202020204" pitchFamily="34" charset="0"/>
                  <a:ea typeface="+mn-ea"/>
                  <a:cs typeface="+mn-cs"/>
                </a:defRPr>
              </a:pPr>
              <a:r>
                <a:rPr lang="en-US" sz="1200" b="1">
                  <a:solidFill>
                    <a:schemeClr val="bg2"/>
                  </a:solidFill>
                </a:rPr>
                <a:t>Females</a:t>
              </a:r>
            </a:p>
          </p:txBody>
        </p:sp>
      </p:grpSp>
      <p:grpSp>
        <p:nvGrpSpPr>
          <p:cNvPr id="18" name="Group 17">
            <a:extLst>
              <a:ext uri="{FF2B5EF4-FFF2-40B4-BE49-F238E27FC236}">
                <a16:creationId xmlns:a16="http://schemas.microsoft.com/office/drawing/2014/main" id="{CA833AFC-6AA0-2C10-A180-DAA739B17CE7}"/>
              </a:ext>
            </a:extLst>
          </p:cNvPr>
          <p:cNvGrpSpPr/>
          <p:nvPr/>
        </p:nvGrpSpPr>
        <p:grpSpPr>
          <a:xfrm>
            <a:off x="3858941" y="-837998"/>
            <a:ext cx="5313458" cy="970371"/>
            <a:chOff x="1832645" y="5746265"/>
            <a:chExt cx="3262937" cy="778858"/>
          </a:xfrm>
        </p:grpSpPr>
        <p:sp>
          <p:nvSpPr>
            <p:cNvPr id="208" name="Freeform 470">
              <a:extLst>
                <a:ext uri="{FF2B5EF4-FFF2-40B4-BE49-F238E27FC236}">
                  <a16:creationId xmlns:a16="http://schemas.microsoft.com/office/drawing/2014/main" id="{E9A5E31A-6090-98EA-B480-12C2B97E6126}"/>
                </a:ext>
              </a:extLst>
            </p:cNvPr>
            <p:cNvSpPr/>
            <p:nvPr/>
          </p:nvSpPr>
          <p:spPr>
            <a:xfrm>
              <a:off x="3237447"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203" name="Freeform 465">
              <a:extLst>
                <a:ext uri="{FF2B5EF4-FFF2-40B4-BE49-F238E27FC236}">
                  <a16:creationId xmlns:a16="http://schemas.microsoft.com/office/drawing/2014/main" id="{C33F5B75-81FB-AC8B-CBB6-6F0510A9F56F}"/>
                </a:ext>
              </a:extLst>
            </p:cNvPr>
            <p:cNvSpPr/>
            <p:nvPr/>
          </p:nvSpPr>
          <p:spPr>
            <a:xfrm>
              <a:off x="3585660"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198" name="Freeform 460">
              <a:extLst>
                <a:ext uri="{FF2B5EF4-FFF2-40B4-BE49-F238E27FC236}">
                  <a16:creationId xmlns:a16="http://schemas.microsoft.com/office/drawing/2014/main" id="{DE604BF9-B6C0-79D1-361A-3C4E685AE646}"/>
                </a:ext>
              </a:extLst>
            </p:cNvPr>
            <p:cNvSpPr/>
            <p:nvPr/>
          </p:nvSpPr>
          <p:spPr>
            <a:xfrm>
              <a:off x="3933872"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193" name="Freeform 455">
              <a:extLst>
                <a:ext uri="{FF2B5EF4-FFF2-40B4-BE49-F238E27FC236}">
                  <a16:creationId xmlns:a16="http://schemas.microsoft.com/office/drawing/2014/main" id="{53105770-8648-0C41-2608-9A3A53399869}"/>
                </a:ext>
              </a:extLst>
            </p:cNvPr>
            <p:cNvSpPr/>
            <p:nvPr/>
          </p:nvSpPr>
          <p:spPr>
            <a:xfrm>
              <a:off x="2889234"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60" name="Freeform 450">
              <a:extLst>
                <a:ext uri="{FF2B5EF4-FFF2-40B4-BE49-F238E27FC236}">
                  <a16:creationId xmlns:a16="http://schemas.microsoft.com/office/drawing/2014/main" id="{5085A0DC-2FFD-F805-EFBD-EA4C3A23E727}"/>
                </a:ext>
              </a:extLst>
            </p:cNvPr>
            <p:cNvSpPr/>
            <p:nvPr/>
          </p:nvSpPr>
          <p:spPr>
            <a:xfrm>
              <a:off x="2541022"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52" name="Freeform 442">
              <a:extLst>
                <a:ext uri="{FF2B5EF4-FFF2-40B4-BE49-F238E27FC236}">
                  <a16:creationId xmlns:a16="http://schemas.microsoft.com/office/drawing/2014/main" id="{A86B9FC3-9BC8-A5FA-CD6D-9F497E6DAA53}"/>
                </a:ext>
              </a:extLst>
            </p:cNvPr>
            <p:cNvSpPr/>
            <p:nvPr/>
          </p:nvSpPr>
          <p:spPr>
            <a:xfrm>
              <a:off x="2180858" y="5746265"/>
              <a:ext cx="140731" cy="139880"/>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47" name="Freeform 437">
              <a:extLst>
                <a:ext uri="{FF2B5EF4-FFF2-40B4-BE49-F238E27FC236}">
                  <a16:creationId xmlns:a16="http://schemas.microsoft.com/office/drawing/2014/main" id="{6B05405C-353A-B465-D753-D6C7159195DC}"/>
                </a:ext>
              </a:extLst>
            </p:cNvPr>
            <p:cNvSpPr/>
            <p:nvPr/>
          </p:nvSpPr>
          <p:spPr>
            <a:xfrm>
              <a:off x="1832645" y="6385243"/>
              <a:ext cx="140731" cy="139880"/>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45" name="Freeform 435">
              <a:extLst>
                <a:ext uri="{FF2B5EF4-FFF2-40B4-BE49-F238E27FC236}">
                  <a16:creationId xmlns:a16="http://schemas.microsoft.com/office/drawing/2014/main" id="{891272A1-2724-4BD0-9C00-7CBB1B8A1A9F}"/>
                </a:ext>
              </a:extLst>
            </p:cNvPr>
            <p:cNvSpPr/>
            <p:nvPr/>
          </p:nvSpPr>
          <p:spPr>
            <a:xfrm>
              <a:off x="4282085"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37" name="Freeform 427">
              <a:extLst>
                <a:ext uri="{FF2B5EF4-FFF2-40B4-BE49-F238E27FC236}">
                  <a16:creationId xmlns:a16="http://schemas.microsoft.com/office/drawing/2014/main" id="{30A941EC-AC16-30EE-DFAF-E7CAF21DF5D3}"/>
                </a:ext>
              </a:extLst>
            </p:cNvPr>
            <p:cNvSpPr/>
            <p:nvPr/>
          </p:nvSpPr>
          <p:spPr>
            <a:xfrm>
              <a:off x="4618348" y="5746265"/>
              <a:ext cx="140731" cy="139880"/>
            </a:xfrm>
            <a:custGeom>
              <a:avLst/>
              <a:gdLst>
                <a:gd name="connsiteX0" fmla="*/ 219 w 117533"/>
                <a:gd name="connsiteY0" fmla="*/ 51488 h 116822"/>
                <a:gd name="connsiteX1" fmla="*/ 117517 w 117533"/>
                <a:gd name="connsiteY1" fmla="*/ 60955 h 116822"/>
                <a:gd name="connsiteX2" fmla="*/ 501 w 117533"/>
                <a:gd name="connsiteY2" fmla="*/ 49784 h 116822"/>
                <a:gd name="connsiteX3" fmla="*/ 313 w 117533"/>
                <a:gd name="connsiteY3" fmla="*/ 51488 h 116822"/>
                <a:gd name="connsiteX4" fmla="*/ 98592 w 117533"/>
                <a:gd name="connsiteY4" fmla="*/ 51488 h 116822"/>
                <a:gd name="connsiteX5" fmla="*/ 19051 w 117533"/>
                <a:gd name="connsiteY5" fmla="*/ 62754 h 116822"/>
                <a:gd name="connsiteX6" fmla="*/ 98311 w 117533"/>
                <a:gd name="connsiteY6" fmla="*/ 49878 h 116822"/>
                <a:gd name="connsiteX7" fmla="*/ 98592 w 117533"/>
                <a:gd name="connsiteY7" fmla="*/ 51583 h 116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7533" h="116822">
                  <a:moveTo>
                    <a:pt x="219" y="51488"/>
                  </a:moveTo>
                  <a:cubicBezTo>
                    <a:pt x="-5683" y="130350"/>
                    <a:pt x="109367" y="142942"/>
                    <a:pt x="117517" y="60955"/>
                  </a:cubicBezTo>
                  <a:cubicBezTo>
                    <a:pt x="119016" y="-11375"/>
                    <a:pt x="14647" y="-24534"/>
                    <a:pt x="501" y="49784"/>
                  </a:cubicBezTo>
                  <a:lnTo>
                    <a:pt x="313" y="51488"/>
                  </a:lnTo>
                  <a:close/>
                  <a:moveTo>
                    <a:pt x="98592" y="51488"/>
                  </a:moveTo>
                  <a:cubicBezTo>
                    <a:pt x="105525" y="106966"/>
                    <a:pt x="27858" y="122019"/>
                    <a:pt x="19051" y="62754"/>
                  </a:cubicBezTo>
                  <a:cubicBezTo>
                    <a:pt x="14835" y="12009"/>
                    <a:pt x="84914" y="-4748"/>
                    <a:pt x="98311" y="49878"/>
                  </a:cubicBezTo>
                  <a:lnTo>
                    <a:pt x="98592" y="51583"/>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sp>
          <p:nvSpPr>
            <p:cNvPr id="35" name="Freeform 425">
              <a:extLst>
                <a:ext uri="{FF2B5EF4-FFF2-40B4-BE49-F238E27FC236}">
                  <a16:creationId xmlns:a16="http://schemas.microsoft.com/office/drawing/2014/main" id="{5CBEFAED-CA07-30C2-BB45-6CC9B6CAE4BD}"/>
                </a:ext>
              </a:extLst>
            </p:cNvPr>
            <p:cNvSpPr/>
            <p:nvPr/>
          </p:nvSpPr>
          <p:spPr>
            <a:xfrm>
              <a:off x="4978512" y="5755430"/>
              <a:ext cx="117070" cy="121973"/>
            </a:xfrm>
            <a:custGeom>
              <a:avLst/>
              <a:gdLst>
                <a:gd name="connsiteX0" fmla="*/ 49638 w 97772"/>
                <a:gd name="connsiteY0" fmla="*/ 101868 h 101867"/>
                <a:gd name="connsiteX1" fmla="*/ 50481 w 97772"/>
                <a:gd name="connsiteY1" fmla="*/ 0 h 101867"/>
                <a:gd name="connsiteX2" fmla="*/ 48045 w 97772"/>
                <a:gd name="connsiteY2" fmla="*/ 101868 h 101867"/>
                <a:gd name="connsiteX3" fmla="*/ 49638 w 97772"/>
                <a:gd name="connsiteY3" fmla="*/ 101868 h 101867"/>
              </a:gdLst>
              <a:ahLst/>
              <a:cxnLst>
                <a:cxn ang="0">
                  <a:pos x="connsiteX0" y="connsiteY0"/>
                </a:cxn>
                <a:cxn ang="0">
                  <a:pos x="connsiteX1" y="connsiteY1"/>
                </a:cxn>
                <a:cxn ang="0">
                  <a:pos x="connsiteX2" y="connsiteY2"/>
                </a:cxn>
                <a:cxn ang="0">
                  <a:pos x="connsiteX3" y="connsiteY3"/>
                </a:cxn>
              </a:cxnLst>
              <a:rect l="l" t="t" r="r" b="b"/>
              <a:pathLst>
                <a:path w="97772" h="101867">
                  <a:moveTo>
                    <a:pt x="49638" y="101868"/>
                  </a:moveTo>
                  <a:cubicBezTo>
                    <a:pt x="114845" y="97134"/>
                    <a:pt x="112503" y="3976"/>
                    <a:pt x="50481" y="0"/>
                  </a:cubicBezTo>
                  <a:cubicBezTo>
                    <a:pt x="-16131" y="1231"/>
                    <a:pt x="-16694" y="97986"/>
                    <a:pt x="48045" y="101868"/>
                  </a:cubicBezTo>
                  <a:lnTo>
                    <a:pt x="49638" y="101868"/>
                  </a:lnTo>
                  <a:close/>
                </a:path>
              </a:pathLst>
            </a:custGeom>
            <a:noFill/>
            <a:ln w="0" cap="flat">
              <a:noFill/>
              <a:prstDash val="solid"/>
              <a:miter/>
            </a:ln>
          </p:spPr>
          <p:txBody>
            <a:bodyPr rtlCol="0" anchor="ctr"/>
            <a:lstStyle/>
            <a:p>
              <a:endParaRPr lang="en-US" sz="1200">
                <a:latin typeface="Open Sans" panose="020B0606030504020204" pitchFamily="34" charset="0"/>
                <a:ea typeface="Open Sans" panose="020B0606030504020204" pitchFamily="34" charset="0"/>
                <a:cs typeface="Open Sans" panose="020B0606030504020204" pitchFamily="34" charset="0"/>
              </a:endParaRPr>
            </a:p>
          </p:txBody>
        </p:sp>
      </p:grpSp>
      <p:graphicFrame>
        <p:nvGraphicFramePr>
          <p:cNvPr id="5" name="Chart 4" descr="{&quot;ChartDesign&quot;:{&quot;General&quot;:{&quot;FontName&quot;:&quot;Arial&quot;,&quot;FontNameFarEast&quot;:null,&quot;FontNameComplexScript&quot;:null,&quot;FontSize&quot;:9.0,&quot;FontSizePp&quot;:null,&quot;FontColorRef&quot;:&quot;Black&quot;},&quot;Gridlines&quot;:{&quot;MajorHorizontal&quot;:false,&quot;MajorVertical&quot;:false,&quot;MinorHorizontal&quot;:false,&quot;MinorVertical&quot;:false,&quot;Weight&quot;:null,&quot;ColorRef&quot;:null,&quot;LineStyle&quot;:null},&quot;Axis&quot;:{&quot;AxisLines&quot;:{&quot;PrimaryCategory&quot;:{&quot;Weight&quot;:0.75,&quot;ColorRef&quot;:&quot;AxisColor&quot;,&quot;MajorTickMarks&quot;:&quot;Outside&quot;,&quot;MinorTickMarks&quot;:null,&quot;HasAxisTitle&quot;:true,&quot;AxisTitleDesign&quot;:{&quot;FontBold&quot;:true,&quot;FontName&quot;:&quot;Arial&quot;,&quot;FontSize&quot;:9.0},&quot;Visible&quot;:true},&quot;PrimaryValue&quot;:{&quot;Weight&quot;:0.75,&quot;ColorRef&quot;:&quot;AxisColor&quot;,&quot;MajorTickMarks&quot;:&quot;Outside&quot;,&quot;MinorTickMarks&quot;:null,&quot;HasAxisTitle&quot;:true,&quot;AxisTitleDesign&quot;:{&quot;FontBold&quot;:true,&quot;FontName&quot;:&quot;Arial&quot;,&quot;FontSize&quot;:9.0},&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quot;Rotation&quot;:90.0},&quot;SeriesOverlap&quot;:null,&quot;GapWidth&quot;:null},&quot;ChartTitle&quot;:{&quot;FontName&quot;:&quot;Arial&quot;,&quot;FontNameFarEast&quot;:null,&quot;FontNameComplexScript&quot;:null,&quot;FontSize&quot;:9.0,&quot;FontSizePp&quot;:null,&quot;FontColorRef&quot;:&quot;Black&quot;,&quot;FontBold&quot;:true,&quot;ChartTitlePosition&quot;:&quot;Left&quot;},&quot;Legend&quot;:{&quot;Position&quot;:&quot;Bottom&quot;,&quot;FontName&quot;:null,&quot;FontNameFarEast&quot;:null,&quot;FontNameComplexScript&quot;:null,&quot;FontSize&quot;:null,&quot;FontSizePp&quot;:null,&quot;FontColorRef&quot;:null,&quot;FontBold&quot;:false},&quot;ChartArea&quot;:{&quot;FillType&quot;:&quot;NoFill&quot;,&quot;FillColorRef&quot;:null,&quot;Border&quot;:{&quot;Type&quot;:&quot;None&quot;,&quot;Width&quot;:null,&quot;ColorRef&quot;:null}},&quot;PlotArea&quot;:{&quot;FillType&quot;:null},&quot;CustomRules&quot;:null,&quot;DataSeries&quot;:[{&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SeriesDesign&quot;:{&quot;FirstSliceAngle&quot;:null,&quot;DoughnutHoleSize&quot;:null,&quot;DoughnutExplosion&quot;:null,&quot;PieExplosion&quot;:null,&quot;SeriesOverlap&quot;:-27.0,&quot;GapWidth&quot;:219.0,&quot;BorderColorRef&quot;:null,&quot;MarkerStyle&quot;:null,&quot;MarkerFillColorRef&quot;:null,&quot;MarkerBorderColorRef&quot;:null,&quot;HasDataLabels&quot;:null,&quot;DisableBorders&quot;:null,&quot;DataLabelDesign&quot;:null,&quot;LineWeight&quot;:2.0,&quot;LeaderLinesDesign&quot;:null,&quot;HasLeaderLines&quot;:null,&quot;SeriesLinesDesign&quot;:null,&quot;DashStyle&quot;:6},&quot;SkipBlankSeries&quot;:false,&quot;Pie&quot;:{&quot;General&quot;:null,&quot;Gridlines&quot;:null,&quot;Axis&quot;:null,&quot;ChartTitle&quot;:null,&quot;Legend&quot;:{&quot;Position&quot;:&quot;TopRight&quot;,&quot;FontName&quot;:null,&quot;FontNameFarEast&quot;:null,&quot;FontNameComplexScript&quot;:null,&quot;FontSize&quot;:null,&quot;FontSizePp&quot;:null,&quot;FontColorRef&quot;:null,&quot;FontBold&quot;:false},&quot;ChartArea&quot;:null,&quot;PlotArea&quot;:null,&quot;CustomRules&quot;:null,&quot;DataSeries&quot;:null,&quot;SeriesDesign&quot;:{&quot;FirstSliceAngle&quot;:null,&quot;DoughnutHoleSize&quot;:null,&quot;DoughnutExplosion&quot;:null,&quot;PieExplosion&quot;:null,&quot;SeriesOverlap&quot;:null,&quot;GapWidth&quot;:null,&quot;BorderColorRef&quot;:null,&quot;MarkerStyle&quot;:null,&quot;MarkerFillColorRef&quot;:null,&quot;MarkerBorderColorRef&quot;:null,&quot;HasDataLabels&quot;:true,&quot;DisableBorders&quot;:true,&quot;DataLabelDesign&quot;:{&quot;FontBold&quot;:null,&quot;ShowValue&quot;:null,&quot;ShowCategory&quot;:null,&quot;ShowSeriesName&quot;:null,&quot;ShowLegendKey&quot;:null,&quot;NumberFormat&quot;:null,&quot;LabelSeparator&quot;:null,&quot;Position&quot;:&quot;BestFit&quot;,&quot;ShowPercentage&quot;:null,&quot;FontName&quot;:null,&quot;FontNameFarEast&quot;:null,&quot;FontNameComplexScript&quot;:null,&quot;FontSize&quot;:null,&quot;FontSizePp&quot;:null,&quot;FontColorRef&quot;:&quot;White&quot;},&quot;LineWeight&quot;:null,&quot;LeaderLinesDesign&quot;:null,&quot;HasLeaderLines&quot;:null,&quot;SeriesLinesDesign&quot;:null,&quot;DashStyle&quot;:null},&quot;SkipBlankSeries&quot;:false,&quot;Pie&quot;:null,&quot;Doughnut&quot;:null,&quot;PieDoughnut&quot;:null,&quot;Line&quot;:null},&quot;Doughnut&quot;:null,&quot;PieDoughnut&quot;:null,&quot;Line&quot;:{&quot;General&quot;:null,&quot;Gridlines&quot;:null,&quot;Axis&quot;:{&quot;AxisLines&quot;:{&quot;PrimaryCategory&quot;:{&quot;Weight&quot;:0.75,&quot;ColorRef&quot;:&quot;AxisColor&quot;,&quot;MajorTickMarks&quot;:&quot;Outside&quot;,&quot;MinorTickMarks&quot;:null,&quot;HasAxisTitle&quot;:null,&quot;AxisTitleDesign&quot;:null,&quot;Visible&quot;:true},&quot;PrimaryValue&quot;:{&quot;Weight&quot;:null,&quot;ColorRef&quot;:null,&quot;MajorTickMarks&quot;:null,&quot;MinorTickMarks&quot;:null,&quot;HasAxisTitle&quot;:null,&quot;AxisTitleDesign&quot;:null,&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null,&quot;Legend&quot;:null,&quot;ChartArea&quot;:null,&quot;PlotArea&quot;:null,&quot;CustomRules&quot;:null,&quot;DataSeries&quot;:null,&quot;SeriesDesign&quot;:null,&quot;SkipBlankSeries&quot;:false,&quot;Pie&quot;:null,&quot;Doughnut&quot;:null,&quot;PieDoughnut&quot;:null,&quot;Line&quot;:null}},&quot;ColorSchema&quot;:{&quot;Color1&quot;:&quot;102,188,219&quot;,&quot;Color2&quot;:&quot;38,90,154&quot;,&quot;Color3&quot;:&quot;120,162,47&quot;,&quot;Color4&quot;:&quot;77,112,40&quot;,&quot;Color5&quot;:&quot;244,177,35&quot;,&quot;Color6&quot;:&quot;241,90,37&quot;,&quot;Color7&quot;:&quot;165,40,40&quot;,&quot;Color8&quot;:&quot;137,86,163&quot;,&quot;AxisColor&quot;:&quot;191,191,191&quot;,&quot;White&quot;:&quot;255,255,255&quot;,&quot;Black&quot;:&quot;0, 0, 0&quot;}}">
            <a:extLst>
              <a:ext uri="{FF2B5EF4-FFF2-40B4-BE49-F238E27FC236}">
                <a16:creationId xmlns:a16="http://schemas.microsoft.com/office/drawing/2014/main" id="{485F0044-1FAF-4003-A692-1AF4B5FD61F3}"/>
              </a:ext>
            </a:extLst>
          </p:cNvPr>
          <p:cNvGraphicFramePr>
            <a:graphicFrameLocks/>
          </p:cNvGraphicFramePr>
          <p:nvPr/>
        </p:nvGraphicFramePr>
        <p:xfrm>
          <a:off x="896769" y="2553321"/>
          <a:ext cx="4716000" cy="3118769"/>
        </p:xfrm>
        <a:graphic>
          <a:graphicData uri="http://schemas.openxmlformats.org/drawingml/2006/chart">
            <c:chart xmlns:c="http://schemas.openxmlformats.org/drawingml/2006/chart" xmlns:r="http://schemas.openxmlformats.org/officeDocument/2006/relationships" r:id="rId3"/>
          </a:graphicData>
        </a:graphic>
      </p:graphicFrame>
      <p:sp>
        <p:nvSpPr>
          <p:cNvPr id="6" name="Subtitle 3">
            <a:extLst>
              <a:ext uri="{FF2B5EF4-FFF2-40B4-BE49-F238E27FC236}">
                <a16:creationId xmlns:a16="http://schemas.microsoft.com/office/drawing/2014/main" id="{E8E0B891-A240-80EC-23BC-3EBA26DFB641}"/>
              </a:ext>
            </a:extLst>
          </p:cNvPr>
          <p:cNvSpPr>
            <a:spLocks noGrp="1"/>
          </p:cNvSpPr>
          <p:nvPr>
            <p:ph type="subTitle" idx="1"/>
          </p:nvPr>
        </p:nvSpPr>
        <p:spPr>
          <a:xfrm>
            <a:off x="609750" y="1063096"/>
            <a:ext cx="11082430" cy="401819"/>
          </a:xfrm>
        </p:spPr>
        <p:txBody>
          <a:bodyPr/>
          <a:lstStyle/>
          <a:p>
            <a:r>
              <a:rPr lang="en-US">
                <a:solidFill>
                  <a:schemeClr val="tx2"/>
                </a:solidFill>
              </a:rPr>
              <a:t>… and have increased among Aboriginal and Torres Strait Islander people since 2018</a:t>
            </a:r>
          </a:p>
        </p:txBody>
      </p:sp>
      <p:sp>
        <p:nvSpPr>
          <p:cNvPr id="7" name="Rectangle 6">
            <a:extLst>
              <a:ext uri="{FF2B5EF4-FFF2-40B4-BE49-F238E27FC236}">
                <a16:creationId xmlns:a16="http://schemas.microsoft.com/office/drawing/2014/main" id="{AB968A90-A32B-AC93-4EE0-2C514250D3EA}"/>
              </a:ext>
            </a:extLst>
          </p:cNvPr>
          <p:cNvSpPr/>
          <p:nvPr/>
        </p:nvSpPr>
        <p:spPr>
          <a:xfrm>
            <a:off x="5886870" y="1927028"/>
            <a:ext cx="4699898" cy="40181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t>Age-</a:t>
            </a:r>
            <a:r>
              <a:rPr lang="en-US" sz="1200" b="1" err="1"/>
              <a:t>standardised</a:t>
            </a:r>
            <a:r>
              <a:rPr lang="en-US" sz="1200" b="1"/>
              <a:t> rate of suicide for </a:t>
            </a:r>
            <a:br>
              <a:rPr lang="en-US" sz="1200" b="1"/>
            </a:br>
            <a:r>
              <a:rPr lang="en-US" sz="1200" b="1"/>
              <a:t>Aboriginal and Torres Strait Islander people</a:t>
            </a:r>
            <a:endParaRPr lang="en-AU" sz="1200" b="1"/>
          </a:p>
        </p:txBody>
      </p:sp>
      <p:sp>
        <p:nvSpPr>
          <p:cNvPr id="3" name="Slide Number Placeholder 2">
            <a:extLst>
              <a:ext uri="{FF2B5EF4-FFF2-40B4-BE49-F238E27FC236}">
                <a16:creationId xmlns:a16="http://schemas.microsoft.com/office/drawing/2014/main" id="{5FF77653-60C2-C3D9-CC48-54CDF96461CC}"/>
              </a:ext>
            </a:extLst>
          </p:cNvPr>
          <p:cNvSpPr>
            <a:spLocks noGrp="1"/>
          </p:cNvSpPr>
          <p:nvPr>
            <p:ph type="sldNum" sz="quarter" idx="4"/>
          </p:nvPr>
        </p:nvSpPr>
        <p:spPr/>
        <p:txBody>
          <a:bodyPr/>
          <a:lstStyle/>
          <a:p>
            <a:fld id="{3FE8A0A5-0893-3B4E-9EB9-FE67329D76D6}" type="slidenum">
              <a:rPr lang="en-US" smtClean="0"/>
              <a:pPr/>
              <a:t>19</a:t>
            </a:fld>
            <a:endParaRPr lang="en-US"/>
          </a:p>
        </p:txBody>
      </p:sp>
      <p:graphicFrame>
        <p:nvGraphicFramePr>
          <p:cNvPr id="4" name="Chart 3" descr="{&quot;ChartDesign&quot;:{&quot;General&quot;:{&quot;FontName&quot;:&quot;Arial&quot;,&quot;FontNameFarEast&quot;:null,&quot;FontNameComplexScript&quot;:null,&quot;FontSize&quot;:9.0,&quot;FontSizePp&quot;:null,&quot;FontColorRef&quot;:&quot;Black&quot;},&quot;Gridlines&quot;:{&quot;MajorHorizontal&quot;:false,&quot;MajorVertical&quot;:false,&quot;MinorHorizontal&quot;:false,&quot;MinorVertical&quot;:false,&quot;Weight&quot;:null,&quot;ColorRef&quot;:null,&quot;LineStyle&quot;:null},&quot;Axis&quot;:{&quot;AxisLines&quot;:{&quot;PrimaryCategory&quot;:{&quot;Weight&quot;:0.75,&quot;ColorRef&quot;:&quot;AxisColor&quot;,&quot;MajorTickMarks&quot;:null,&quot;MinorTickMarks&quot;:null,&quot;HasAxisTitle&quot;:true,&quot;AxisTitleDesign&quot;:{&quot;FontBold&quot;:true,&quot;FontName&quot;:&quot;Arial&quot;,&quot;FontSize&quot;:9.0},&quot;Visible&quot;:true},&quot;PrimaryValue&quot;:{&quot;Weight&quot;:0.75,&quot;ColorRef&quot;:&quot;AxisColor&quot;,&quot;MajorTickMarks&quot;:&quot;Outside&quot;,&quot;MinorTickMarks&quot;:null,&quot;HasAxisTitle&quot;:true,&quot;AxisTitleDesign&quot;:{&quot;FontBold&quot;:true,&quot;FontName&quot;:&quot;Arial&quot;,&quot;FontSize&quot;:9.0},&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quot;Rotation&quot;:90.0},&quot;SeriesOverlap&quot;:null,&quot;GapWidth&quot;:null},&quot;ChartTitle&quot;:{&quot;FontName&quot;:&quot;Arial&quot;,&quot;FontNameFarEast&quot;:null,&quot;FontNameComplexScript&quot;:null,&quot;FontSize&quot;:9.0,&quot;FontSizePp&quot;:null,&quot;FontColorRef&quot;:&quot;Black&quot;,&quot;FontBold&quot;:true,&quot;ChartTitlePosition&quot;:&quot;Left&quot;},&quot;Legend&quot;:{&quot;Position&quot;:&quot;Bottom&quot;,&quot;FontName&quot;:null,&quot;FontNameFarEast&quot;:null,&quot;FontNameComplexScript&quot;:null,&quot;FontSize&quot;:null,&quot;FontSizePp&quot;:null,&quot;FontColorRef&quot;:null,&quot;FontBold&quot;:false},&quot;ChartArea&quot;:{&quot;FillType&quot;:&quot;NoFill&quot;,&quot;FillColorRef&quot;:null,&quot;Border&quot;:{&quot;Type&quot;:&quot;None&quot;,&quot;Width&quot;:null,&quot;ColorRef&quot;:null}},&quot;PlotArea&quot;:{&quot;FillType&quot;:null},&quot;CustomRules&quot;:null,&quot;DataSeries&quot;:[{&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SeriesDesign&quot;:{&quot;FirstSliceAngle&quot;:null,&quot;DoughnutHoleSize&quot;:null,&quot;DoughnutExplosion&quot;:null,&quot;PieExplosion&quot;:null,&quot;SeriesOverlap&quot;:-27.0,&quot;GapWidth&quot;:219.0,&quot;BorderColorRef&quot;:null,&quot;MarkerStyle&quot;:null,&quot;MarkerFillColorRef&quot;:null,&quot;MarkerBorderColorRef&quot;:null,&quot;HasDataLabels&quot;:null,&quot;DisableBorders&quot;:null,&quot;DataLabelDesign&quot;:null,&quot;LineWeight&quot;:2.0,&quot;LeaderLinesDesign&quot;:null,&quot;HasLeaderLines&quot;:null,&quot;SeriesLinesDesign&quot;:null,&quot;DashStyle&quot;:6},&quot;SkipBlankSeries&quot;:true,&quot;Pie&quot;:{&quot;General&quot;:null,&quot;Gridlines&quot;:null,&quot;Axis&quot;:null,&quot;ChartTitle&quot;:null,&quot;Legend&quot;:{&quot;Position&quot;:&quot;TopRight&quot;,&quot;FontName&quot;:null,&quot;FontNameFarEast&quot;:null,&quot;FontNameComplexScript&quot;:null,&quot;FontSize&quot;:null,&quot;FontSizePp&quot;:null,&quot;FontColorRef&quot;:null,&quot;FontBold&quot;:false},&quot;ChartArea&quot;:null,&quot;PlotArea&quot;:null,&quot;CustomRules&quot;:null,&quot;DataSeries&quot;:null,&quot;SeriesDesign&quot;:{&quot;FirstSliceAngle&quot;:null,&quot;DoughnutHoleSize&quot;:null,&quot;DoughnutExplosion&quot;:null,&quot;PieExplosion&quot;:null,&quot;SeriesOverlap&quot;:null,&quot;GapWidth&quot;:null,&quot;BorderColorRef&quot;:null,&quot;MarkerStyle&quot;:null,&quot;MarkerFillColorRef&quot;:null,&quot;MarkerBorderColorRef&quot;:null,&quot;HasDataLabels&quot;:true,&quot;DisableBorders&quot;:true,&quot;DataLabelDesign&quot;:{&quot;FontBold&quot;:null,&quot;ShowValue&quot;:null,&quot;ShowCategory&quot;:null,&quot;ShowSeriesName&quot;:null,&quot;ShowLegendKey&quot;:null,&quot;NumberFormat&quot;:null,&quot;LabelSeparator&quot;:null,&quot;Position&quot;:&quot;BestFit&quot;,&quot;ShowPercentage&quot;:null,&quot;FontName&quot;:null,&quot;FontNameFarEast&quot;:null,&quot;FontNameComplexScript&quot;:null,&quot;FontSize&quot;:null,&quot;FontSizePp&quot;:null,&quot;FontColorRef&quot;:&quot;White&quot;},&quot;LineWeight&quot;:null,&quot;LeaderLinesDesign&quot;:null,&quot;HasLeaderLines&quot;:null,&quot;SeriesLinesDesign&quot;:null,&quot;DashStyle&quot;:null},&quot;SkipBlankSeries&quot;:false,&quot;Pie&quot;:null,&quot;Doughnut&quot;:null,&quot;PieDoughnut&quot;:null,&quot;Line&quot;:null},&quot;Doughnut&quot;:null,&quot;PieDoughnut&quot;:null,&quot;Line&quot;:{&quot;General&quot;:null,&quot;Gridlines&quot;:null,&quot;Axis&quot;:{&quot;AxisLines&quot;:{&quot;PrimaryCategory&quot;:{&quot;Weight&quot;:0.75,&quot;ColorRef&quot;:&quot;AxisColor&quot;,&quot;MajorTickMarks&quot;:&quot;Outside&quot;,&quot;MinorTickMarks&quot;:null,&quot;HasAxisTitle&quot;:null,&quot;AxisTitleDesign&quot;:null,&quot;Visible&quot;:true},&quot;PrimaryValue&quot;:{&quot;Weight&quot;:null,&quot;ColorRef&quot;:null,&quot;MajorTickMarks&quot;:null,&quot;MinorTickMarks&quot;:null,&quot;HasAxisTitle&quot;:null,&quot;AxisTitleDesign&quot;:null,&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null,&quot;Legend&quot;:null,&quot;ChartArea&quot;:null,&quot;PlotArea&quot;:null,&quot;CustomRules&quot;:null,&quot;DataSeries&quot;:null,&quot;SeriesDesign&quot;:null,&quot;SkipBlankSeries&quot;:false,&quot;Pie&quot;:null,&quot;Doughnut&quot;:null,&quot;PieDoughnut&quot;:null,&quot;Line&quot;:null}},&quot;ColorSchema&quot;:{&quot;Color1&quot;:&quot;102,188,219&quot;,&quot;Color2&quot;:&quot;38,90,154&quot;,&quot;Color3&quot;:&quot;120,162,47&quot;,&quot;Color4&quot;:&quot;77,112,40&quot;,&quot;Color5&quot;:&quot;244,177,35&quot;,&quot;Color6&quot;:&quot;241,90,37&quot;,&quot;Color7&quot;:&quot;165,40,40&quot;,&quot;Color8&quot;:&quot;137,86,163&quot;,&quot;AxisColor&quot;:&quot;191,191,191&quot;,&quot;White&quot;:&quot;255,255,255&quot;,&quot;Black&quot;:&quot;0, 0, 0&quot;}}">
            <a:extLst>
              <a:ext uri="{FF2B5EF4-FFF2-40B4-BE49-F238E27FC236}">
                <a16:creationId xmlns:a16="http://schemas.microsoft.com/office/drawing/2014/main" id="{F80A6345-D027-4406-947A-8AF82809EB6A}"/>
              </a:ext>
            </a:extLst>
          </p:cNvPr>
          <p:cNvGraphicFramePr>
            <a:graphicFrameLocks/>
          </p:cNvGraphicFramePr>
          <p:nvPr/>
        </p:nvGraphicFramePr>
        <p:xfrm>
          <a:off x="5865124" y="2604531"/>
          <a:ext cx="4716000" cy="31176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275058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0346FF8-D4E1-E9C2-56BE-76A91B086185}"/>
              </a:ext>
            </a:extLst>
          </p:cNvPr>
          <p:cNvSpPr>
            <a:spLocks noGrp="1"/>
          </p:cNvSpPr>
          <p:nvPr>
            <p:ph type="sldNum" sz="quarter" idx="10"/>
          </p:nvPr>
        </p:nvSpPr>
        <p:spPr/>
        <p:txBody>
          <a:bodyPr/>
          <a:lstStyle/>
          <a:p>
            <a:fld id="{3FE8A0A5-0893-3B4E-9EB9-FE67329D76D6}" type="slidenum">
              <a:rPr lang="en-US" smtClean="0"/>
              <a:t>2</a:t>
            </a:fld>
            <a:endParaRPr lang="en-US"/>
          </a:p>
        </p:txBody>
      </p:sp>
    </p:spTree>
    <p:custDataLst>
      <p:custData r:id="rId1"/>
      <p:custData r:id="rId2"/>
    </p:custDataLst>
    <p:extLst>
      <p:ext uri="{BB962C8B-B14F-4D97-AF65-F5344CB8AC3E}">
        <p14:creationId xmlns:p14="http://schemas.microsoft.com/office/powerpoint/2010/main" val="208760658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0D34667-498F-7B86-A752-ABF371CCFA7C}"/>
            </a:ext>
          </a:extLst>
        </p:cNvPr>
        <p:cNvGrpSpPr/>
        <p:nvPr/>
      </p:nvGrpSpPr>
      <p:grpSpPr>
        <a:xfrm>
          <a:off x="0" y="0"/>
          <a:ext cx="0" cy="0"/>
          <a:chOff x="0" y="0"/>
          <a:chExt cx="0" cy="0"/>
        </a:xfrm>
      </p:grpSpPr>
      <p:pic>
        <p:nvPicPr>
          <p:cNvPr id="7" name="Picture 6">
            <a:extLst>
              <a:ext uri="{FF2B5EF4-FFF2-40B4-BE49-F238E27FC236}">
                <a16:creationId xmlns:a16="http://schemas.microsoft.com/office/drawing/2014/main" id="{5214BB9A-2230-4228-B809-50407EDACCED}"/>
              </a:ext>
            </a:extLst>
          </p:cNvPr>
          <p:cNvPicPr>
            <a:picLocks noChangeAspect="1"/>
          </p:cNvPicPr>
          <p:nvPr/>
        </p:nvPicPr>
        <p:blipFill>
          <a:blip r:embed="rId4"/>
          <a:srcRect/>
          <a:stretch/>
        </p:blipFill>
        <p:spPr>
          <a:xfrm>
            <a:off x="0" y="-140109"/>
            <a:ext cx="12690165" cy="7138218"/>
          </a:xfrm>
          <a:prstGeom prst="rect">
            <a:avLst/>
          </a:prstGeom>
        </p:spPr>
      </p:pic>
      <p:sp>
        <p:nvSpPr>
          <p:cNvPr id="8" name="Title 7">
            <a:extLst>
              <a:ext uri="{FF2B5EF4-FFF2-40B4-BE49-F238E27FC236}">
                <a16:creationId xmlns:a16="http://schemas.microsoft.com/office/drawing/2014/main" id="{B2B5A9DE-3C2C-83BF-9B9E-9B0783093B35}"/>
              </a:ext>
            </a:extLst>
          </p:cNvPr>
          <p:cNvSpPr>
            <a:spLocks noGrp="1"/>
          </p:cNvSpPr>
          <p:nvPr>
            <p:ph type="ctrTitle"/>
          </p:nvPr>
        </p:nvSpPr>
        <p:spPr>
          <a:xfrm>
            <a:off x="716834" y="2882804"/>
            <a:ext cx="6653032" cy="1574193"/>
          </a:xfrm>
        </p:spPr>
        <p:txBody>
          <a:bodyPr/>
          <a:lstStyle/>
          <a:p>
            <a:r>
              <a:rPr lang="en-US"/>
              <a:t>What has the Agreement achieved?</a:t>
            </a:r>
          </a:p>
        </p:txBody>
      </p:sp>
      <p:sp>
        <p:nvSpPr>
          <p:cNvPr id="6" name="Rectangle 5">
            <a:extLst>
              <a:ext uri="{FF2B5EF4-FFF2-40B4-BE49-F238E27FC236}">
                <a16:creationId xmlns:a16="http://schemas.microsoft.com/office/drawing/2014/main" id="{8204B3B2-191B-C6EE-C9B0-9CF9FD0991EE}"/>
              </a:ext>
            </a:extLst>
          </p:cNvPr>
          <p:cNvSpPr/>
          <p:nvPr/>
        </p:nvSpPr>
        <p:spPr>
          <a:xfrm>
            <a:off x="484742" y="473725"/>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1" name="Rectangle 10">
            <a:extLst>
              <a:ext uri="{FF2B5EF4-FFF2-40B4-BE49-F238E27FC236}">
                <a16:creationId xmlns:a16="http://schemas.microsoft.com/office/drawing/2014/main" id="{27899C1B-5071-744B-1A09-B7CAA8AB2D98}"/>
              </a:ext>
            </a:extLst>
          </p:cNvPr>
          <p:cNvSpPr/>
          <p:nvPr/>
        </p:nvSpPr>
        <p:spPr>
          <a:xfrm>
            <a:off x="328670" y="5143041"/>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Tree>
    <p:custDataLst>
      <p:custData r:id="rId1"/>
      <p:custData r:id="rId2"/>
    </p:custDataLst>
    <p:extLst>
      <p:ext uri="{BB962C8B-B14F-4D97-AF65-F5344CB8AC3E}">
        <p14:creationId xmlns:p14="http://schemas.microsoft.com/office/powerpoint/2010/main" val="281518997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0E683F7-C42C-B92C-3F67-87B5386776D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C323DBF-8C0A-3D29-1920-D9656F793AE6}"/>
              </a:ext>
            </a:extLst>
          </p:cNvPr>
          <p:cNvSpPr>
            <a:spLocks noGrp="1"/>
          </p:cNvSpPr>
          <p:nvPr>
            <p:ph type="ctrTitle"/>
          </p:nvPr>
        </p:nvSpPr>
        <p:spPr/>
        <p:txBody>
          <a:bodyPr/>
          <a:lstStyle/>
          <a:p>
            <a:r>
              <a:rPr lang="en-US"/>
              <a:t>Assessing progress is a complex task</a:t>
            </a:r>
            <a:endParaRPr lang="en-AU"/>
          </a:p>
        </p:txBody>
      </p:sp>
      <p:sp>
        <p:nvSpPr>
          <p:cNvPr id="13" name="Slide Number Placeholder 12">
            <a:extLst>
              <a:ext uri="{FF2B5EF4-FFF2-40B4-BE49-F238E27FC236}">
                <a16:creationId xmlns:a16="http://schemas.microsoft.com/office/drawing/2014/main" id="{076B4BE8-09FE-D281-BCD4-F044E15C8383}"/>
              </a:ext>
            </a:extLst>
          </p:cNvPr>
          <p:cNvSpPr>
            <a:spLocks noGrp="1"/>
          </p:cNvSpPr>
          <p:nvPr>
            <p:ph type="sldNum" sz="quarter" idx="4"/>
          </p:nvPr>
        </p:nvSpPr>
        <p:spPr/>
        <p:txBody>
          <a:bodyPr/>
          <a:lstStyle/>
          <a:p>
            <a:fld id="{8A657B52-D046-4802-A3DE-55E7ED70298C}" type="slidenum">
              <a:rPr lang="en-AU"/>
              <a:pPr/>
              <a:t>21</a:t>
            </a:fld>
            <a:endParaRPr lang="en-AU"/>
          </a:p>
        </p:txBody>
      </p:sp>
      <p:sp>
        <p:nvSpPr>
          <p:cNvPr id="10" name="TextBox 9">
            <a:extLst>
              <a:ext uri="{FF2B5EF4-FFF2-40B4-BE49-F238E27FC236}">
                <a16:creationId xmlns:a16="http://schemas.microsoft.com/office/drawing/2014/main" id="{7DBF01D1-1E52-BC20-2A5F-3AF4322B83A1}"/>
              </a:ext>
            </a:extLst>
          </p:cNvPr>
          <p:cNvSpPr txBox="1"/>
          <p:nvPr/>
        </p:nvSpPr>
        <p:spPr>
          <a:xfrm>
            <a:off x="3745321" y="1203217"/>
            <a:ext cx="4458364" cy="616796"/>
          </a:xfrm>
          <a:prstGeom prst="rect">
            <a:avLst/>
          </a:prstGeom>
          <a:solidFill>
            <a:schemeClr val="accent1">
              <a:lumMod val="40000"/>
              <a:lumOff val="60000"/>
            </a:schemeClr>
          </a:solidFill>
        </p:spPr>
        <p:txBody>
          <a:bodyPr wrap="square" lIns="335999" tIns="0" rIns="0" bIns="0" rtlCol="0" anchor="ctr" anchorCtr="0">
            <a:noAutofit/>
          </a:bodyPr>
          <a:lstStyle/>
          <a:p>
            <a:pPr>
              <a:buClr>
                <a:schemeClr val="accent1"/>
              </a:buClr>
            </a:pPr>
            <a:r>
              <a:rPr lang="en-US" sz="1600" b="1">
                <a:latin typeface="Open Sans" panose="020B0606030504020204" pitchFamily="34" charset="0"/>
                <a:ea typeface="Open Sans" panose="020B0606030504020204" pitchFamily="34" charset="0"/>
                <a:cs typeface="Open Sans" panose="020B0606030504020204" pitchFamily="34" charset="0"/>
              </a:rPr>
              <a:t>L</a:t>
            </a:r>
            <a:r>
              <a:rPr lang="en-AU" sz="1600" b="1">
                <a:latin typeface="Open Sans" panose="020B0606030504020204" pitchFamily="34" charset="0"/>
                <a:ea typeface="Open Sans" panose="020B0606030504020204" pitchFamily="34" charset="0"/>
                <a:cs typeface="Open Sans" panose="020B0606030504020204" pitchFamily="34" charset="0"/>
              </a:rPr>
              <a:t>imited publicly available information</a:t>
            </a:r>
          </a:p>
        </p:txBody>
      </p:sp>
      <p:sp>
        <p:nvSpPr>
          <p:cNvPr id="11" name="TextBox 10">
            <a:extLst>
              <a:ext uri="{FF2B5EF4-FFF2-40B4-BE49-F238E27FC236}">
                <a16:creationId xmlns:a16="http://schemas.microsoft.com/office/drawing/2014/main" id="{107FAC9C-C11C-0AD9-D37B-DA2430E33C4B}"/>
              </a:ext>
            </a:extLst>
          </p:cNvPr>
          <p:cNvSpPr txBox="1"/>
          <p:nvPr/>
        </p:nvSpPr>
        <p:spPr>
          <a:xfrm>
            <a:off x="435667" y="3069472"/>
            <a:ext cx="3370214" cy="912000"/>
          </a:xfrm>
          <a:prstGeom prst="rect">
            <a:avLst/>
          </a:prstGeom>
          <a:solidFill>
            <a:schemeClr val="accent1">
              <a:lumMod val="40000"/>
              <a:lumOff val="60000"/>
            </a:schemeClr>
          </a:solidFill>
        </p:spPr>
        <p:txBody>
          <a:bodyPr wrap="square" lIns="336000" rtlCol="0" anchor="ctr" anchorCtr="0">
            <a:noAutofit/>
          </a:bodyPr>
          <a:lstStyle/>
          <a:p>
            <a:pPr>
              <a:buClr>
                <a:schemeClr val="accent1"/>
              </a:buClr>
            </a:pPr>
            <a:r>
              <a:rPr lang="en-AU" sz="1600" b="1">
                <a:latin typeface="Open Sans" panose="020B0606030504020204" pitchFamily="34" charset="0"/>
                <a:ea typeface="Open Sans" panose="020B0606030504020204" pitchFamily="34" charset="0"/>
                <a:cs typeface="Open Sans" panose="020B0606030504020204" pitchFamily="34" charset="0"/>
              </a:rPr>
              <a:t>Delays in monitoring</a:t>
            </a:r>
          </a:p>
          <a:p>
            <a:pPr>
              <a:buClr>
                <a:schemeClr val="accent1"/>
              </a:buClr>
            </a:pPr>
            <a:r>
              <a:rPr lang="en-AU" sz="1600" b="1">
                <a:latin typeface="Open Sans" panose="020B0606030504020204" pitchFamily="34" charset="0"/>
                <a:ea typeface="Open Sans" panose="020B0606030504020204" pitchFamily="34" charset="0"/>
                <a:cs typeface="Open Sans" panose="020B0606030504020204" pitchFamily="34" charset="0"/>
              </a:rPr>
              <a:t>and reporting</a:t>
            </a:r>
          </a:p>
        </p:txBody>
      </p:sp>
      <p:sp>
        <p:nvSpPr>
          <p:cNvPr id="12" name="TextBox 11">
            <a:extLst>
              <a:ext uri="{FF2B5EF4-FFF2-40B4-BE49-F238E27FC236}">
                <a16:creationId xmlns:a16="http://schemas.microsoft.com/office/drawing/2014/main" id="{5A8953FF-CB5A-159D-BB61-D4D2BD9DAF7A}"/>
              </a:ext>
            </a:extLst>
          </p:cNvPr>
          <p:cNvSpPr txBox="1"/>
          <p:nvPr/>
        </p:nvSpPr>
        <p:spPr>
          <a:xfrm>
            <a:off x="8390473" y="3050119"/>
            <a:ext cx="2925296" cy="912000"/>
          </a:xfrm>
          <a:prstGeom prst="rect">
            <a:avLst/>
          </a:prstGeom>
          <a:solidFill>
            <a:schemeClr val="accent1">
              <a:lumMod val="40000"/>
              <a:lumOff val="60000"/>
            </a:schemeClr>
          </a:solidFill>
        </p:spPr>
        <p:txBody>
          <a:bodyPr wrap="square" lIns="336000" tIns="45720" rIns="192000" bIns="45720" rtlCol="0" anchor="ctr" anchorCtr="0">
            <a:noAutofit/>
          </a:bodyPr>
          <a:lstStyle/>
          <a:p>
            <a:pPr algn="r">
              <a:buClr>
                <a:schemeClr val="accent1"/>
              </a:buClr>
            </a:pPr>
            <a:r>
              <a:rPr lang="en-AU" sz="1600" b="1">
                <a:latin typeface="Open Sans"/>
                <a:ea typeface="Open Sans"/>
                <a:cs typeface="Open Sans"/>
              </a:rPr>
              <a:t>Only in operation </a:t>
            </a:r>
            <a:br>
              <a:rPr lang="en-AU" sz="1600" b="1">
                <a:latin typeface="Open Sans"/>
                <a:ea typeface="Open Sans"/>
                <a:cs typeface="Open Sans"/>
              </a:rPr>
            </a:br>
            <a:r>
              <a:rPr lang="en-AU" sz="1600" b="1">
                <a:latin typeface="Open Sans"/>
                <a:ea typeface="Open Sans"/>
                <a:cs typeface="Open Sans"/>
              </a:rPr>
              <a:t>for three years</a:t>
            </a:r>
          </a:p>
        </p:txBody>
      </p:sp>
      <p:sp>
        <p:nvSpPr>
          <p:cNvPr id="21" name="TextBox 20">
            <a:extLst>
              <a:ext uri="{FF2B5EF4-FFF2-40B4-BE49-F238E27FC236}">
                <a16:creationId xmlns:a16="http://schemas.microsoft.com/office/drawing/2014/main" id="{FA4A4E6C-EE42-EEA6-767E-364E6EC87F69}"/>
              </a:ext>
            </a:extLst>
          </p:cNvPr>
          <p:cNvSpPr txBox="1"/>
          <p:nvPr/>
        </p:nvSpPr>
        <p:spPr>
          <a:xfrm>
            <a:off x="7930247" y="5289711"/>
            <a:ext cx="3385522" cy="912000"/>
          </a:xfrm>
          <a:prstGeom prst="rect">
            <a:avLst/>
          </a:prstGeom>
          <a:solidFill>
            <a:schemeClr val="accent1">
              <a:lumMod val="40000"/>
              <a:lumOff val="60000"/>
            </a:schemeClr>
          </a:solidFill>
        </p:spPr>
        <p:txBody>
          <a:bodyPr wrap="square" lIns="336000" rIns="192000" rtlCol="0" anchor="ctr" anchorCtr="0">
            <a:noAutofit/>
          </a:bodyPr>
          <a:lstStyle/>
          <a:p>
            <a:pPr algn="r">
              <a:buClr>
                <a:schemeClr val="accent1"/>
              </a:buClr>
            </a:pPr>
            <a:r>
              <a:rPr lang="en-AU" sz="1600" b="1">
                <a:latin typeface="Open Sans" panose="020B0606030504020204" pitchFamily="34" charset="0"/>
                <a:ea typeface="Open Sans" panose="020B0606030504020204" pitchFamily="34" charset="0"/>
                <a:cs typeface="Open Sans" panose="020B0606030504020204" pitchFamily="34" charset="0"/>
              </a:rPr>
              <a:t>Significant external factors </a:t>
            </a:r>
          </a:p>
        </p:txBody>
      </p:sp>
      <p:sp>
        <p:nvSpPr>
          <p:cNvPr id="23" name="Oval 22">
            <a:extLst>
              <a:ext uri="{FF2B5EF4-FFF2-40B4-BE49-F238E27FC236}">
                <a16:creationId xmlns:a16="http://schemas.microsoft.com/office/drawing/2014/main" id="{53871331-F1D3-581D-CC5F-4B294BF23BDC}"/>
              </a:ext>
            </a:extLst>
          </p:cNvPr>
          <p:cNvSpPr/>
          <p:nvPr/>
        </p:nvSpPr>
        <p:spPr>
          <a:xfrm>
            <a:off x="3974737" y="2352294"/>
            <a:ext cx="3998073" cy="3998072"/>
          </a:xfrm>
          <a:prstGeom prst="ellipse">
            <a:avLst/>
          </a:prstGeom>
          <a:solidFill>
            <a:schemeClr val="accent2">
              <a:lumMod val="20000"/>
              <a:lumOff val="80000"/>
            </a:schemeClr>
          </a:solidFill>
          <a:ln w="349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grpSp>
        <p:nvGrpSpPr>
          <p:cNvPr id="25" name="Group 24">
            <a:extLst>
              <a:ext uri="{FF2B5EF4-FFF2-40B4-BE49-F238E27FC236}">
                <a16:creationId xmlns:a16="http://schemas.microsoft.com/office/drawing/2014/main" id="{D59AC5C6-4844-D8F0-670D-5C9EB5CB53C3}"/>
              </a:ext>
            </a:extLst>
          </p:cNvPr>
          <p:cNvGrpSpPr/>
          <p:nvPr/>
        </p:nvGrpSpPr>
        <p:grpSpPr>
          <a:xfrm>
            <a:off x="4614005" y="2991216"/>
            <a:ext cx="2784000" cy="2783999"/>
            <a:chOff x="3083748" y="2679679"/>
            <a:chExt cx="3009232" cy="3145672"/>
          </a:xfrm>
          <a:solidFill>
            <a:schemeClr val="tx2">
              <a:lumMod val="75000"/>
            </a:schemeClr>
          </a:solidFill>
        </p:grpSpPr>
        <p:sp>
          <p:nvSpPr>
            <p:cNvPr id="107" name="Oval 106">
              <a:extLst>
                <a:ext uri="{FF2B5EF4-FFF2-40B4-BE49-F238E27FC236}">
                  <a16:creationId xmlns:a16="http://schemas.microsoft.com/office/drawing/2014/main" id="{52AD6B29-9149-D522-0C4A-C6348E5CBA65}"/>
                </a:ext>
              </a:extLst>
            </p:cNvPr>
            <p:cNvSpPr/>
            <p:nvPr/>
          </p:nvSpPr>
          <p:spPr>
            <a:xfrm>
              <a:off x="3096850" y="2679679"/>
              <a:ext cx="2950050" cy="3145672"/>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108" name="TextBox 107">
              <a:extLst>
                <a:ext uri="{FF2B5EF4-FFF2-40B4-BE49-F238E27FC236}">
                  <a16:creationId xmlns:a16="http://schemas.microsoft.com/office/drawing/2014/main" id="{61DB98EF-DCFC-473E-6AAC-8CE4ABE7D47F}"/>
                </a:ext>
              </a:extLst>
            </p:cNvPr>
            <p:cNvSpPr txBox="1"/>
            <p:nvPr/>
          </p:nvSpPr>
          <p:spPr>
            <a:xfrm>
              <a:off x="3083748" y="3691905"/>
              <a:ext cx="3009232" cy="920523"/>
            </a:xfrm>
            <a:prstGeom prst="rect">
              <a:avLst/>
            </a:prstGeom>
            <a:noFill/>
          </p:spPr>
          <p:txBody>
            <a:bodyPr wrap="square" tIns="192000" rtlCol="0">
              <a:spAutoFit/>
            </a:bodyPr>
            <a:lstStyle/>
            <a:p>
              <a:pPr algn="ctr"/>
              <a:r>
                <a:rPr lang="en-US" sz="1867" b="1">
                  <a:solidFill>
                    <a:schemeClr val="bg1"/>
                  </a:solidFill>
                  <a:latin typeface="Open Sans" panose="020B0606030504020204" pitchFamily="34" charset="0"/>
                  <a:ea typeface="Open Sans" panose="020B0606030504020204" pitchFamily="34" charset="0"/>
                  <a:cs typeface="Open Sans" panose="020B0606030504020204" pitchFamily="34" charset="0"/>
                </a:rPr>
                <a:t>Challenges in assessing progress</a:t>
              </a:r>
            </a:p>
          </p:txBody>
        </p:sp>
      </p:grpSp>
      <p:sp>
        <p:nvSpPr>
          <p:cNvPr id="26" name="TextBox 25">
            <a:extLst>
              <a:ext uri="{FF2B5EF4-FFF2-40B4-BE49-F238E27FC236}">
                <a16:creationId xmlns:a16="http://schemas.microsoft.com/office/drawing/2014/main" id="{C77398FD-3875-08D2-9945-A521591734ED}"/>
              </a:ext>
            </a:extLst>
          </p:cNvPr>
          <p:cNvSpPr txBox="1"/>
          <p:nvPr/>
        </p:nvSpPr>
        <p:spPr>
          <a:xfrm>
            <a:off x="435667" y="5291482"/>
            <a:ext cx="3707053" cy="912000"/>
          </a:xfrm>
          <a:prstGeom prst="rect">
            <a:avLst/>
          </a:prstGeom>
          <a:solidFill>
            <a:schemeClr val="accent1">
              <a:lumMod val="40000"/>
              <a:lumOff val="60000"/>
            </a:schemeClr>
          </a:solidFill>
        </p:spPr>
        <p:txBody>
          <a:bodyPr wrap="square" lIns="336000" tIns="45720" rIns="91440" bIns="45720" rtlCol="0" anchor="ctr" anchorCtr="0">
            <a:noAutofit/>
          </a:bodyPr>
          <a:lstStyle/>
          <a:p>
            <a:pPr>
              <a:buClr>
                <a:schemeClr val="accent1"/>
              </a:buClr>
            </a:pPr>
            <a:r>
              <a:rPr lang="en-AU" sz="1600" b="1">
                <a:latin typeface="Open Sans"/>
                <a:ea typeface="Open Sans"/>
                <a:cs typeface="Open Sans"/>
              </a:rPr>
              <a:t>Key data gaps remain</a:t>
            </a:r>
          </a:p>
        </p:txBody>
      </p:sp>
      <p:sp>
        <p:nvSpPr>
          <p:cNvPr id="29" name="Oval 28">
            <a:extLst>
              <a:ext uri="{FF2B5EF4-FFF2-40B4-BE49-F238E27FC236}">
                <a16:creationId xmlns:a16="http://schemas.microsoft.com/office/drawing/2014/main" id="{66547D85-8A51-E641-5F1C-61322EF7663E}"/>
              </a:ext>
            </a:extLst>
          </p:cNvPr>
          <p:cNvSpPr>
            <a:spLocks noChangeAspect="1"/>
          </p:cNvSpPr>
          <p:nvPr/>
        </p:nvSpPr>
        <p:spPr>
          <a:xfrm>
            <a:off x="7088676" y="5180251"/>
            <a:ext cx="1152000" cy="1151999"/>
          </a:xfrm>
          <a:prstGeom prst="ellipse">
            <a:avLst/>
          </a:prstGeom>
          <a:solidFill>
            <a:schemeClr val="tx2">
              <a:lumMod val="40000"/>
              <a:lumOff val="6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31" name="Oval 30">
            <a:extLst>
              <a:ext uri="{FF2B5EF4-FFF2-40B4-BE49-F238E27FC236}">
                <a16:creationId xmlns:a16="http://schemas.microsoft.com/office/drawing/2014/main" id="{0A459F10-8470-4E7B-828F-19345FD58148}"/>
              </a:ext>
            </a:extLst>
          </p:cNvPr>
          <p:cNvSpPr>
            <a:spLocks noChangeAspect="1"/>
          </p:cNvSpPr>
          <p:nvPr/>
        </p:nvSpPr>
        <p:spPr>
          <a:xfrm>
            <a:off x="7566992" y="2924441"/>
            <a:ext cx="1152000" cy="1151999"/>
          </a:xfrm>
          <a:prstGeom prst="ellipse">
            <a:avLst/>
          </a:prstGeom>
          <a:solidFill>
            <a:schemeClr val="tx2">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35" name="Oval 34">
            <a:extLst>
              <a:ext uri="{FF2B5EF4-FFF2-40B4-BE49-F238E27FC236}">
                <a16:creationId xmlns:a16="http://schemas.microsoft.com/office/drawing/2014/main" id="{F6B0BB5B-D425-505A-A737-AABA287433D1}"/>
              </a:ext>
            </a:extLst>
          </p:cNvPr>
          <p:cNvSpPr>
            <a:spLocks noChangeAspect="1"/>
          </p:cNvSpPr>
          <p:nvPr/>
        </p:nvSpPr>
        <p:spPr>
          <a:xfrm>
            <a:off x="5398503" y="1708403"/>
            <a:ext cx="1152000" cy="1151999"/>
          </a:xfrm>
          <a:prstGeom prst="ellipse">
            <a:avLst/>
          </a:prstGeom>
          <a:solidFill>
            <a:schemeClr val="tx2">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33" name="Oval 32">
            <a:extLst>
              <a:ext uri="{FF2B5EF4-FFF2-40B4-BE49-F238E27FC236}">
                <a16:creationId xmlns:a16="http://schemas.microsoft.com/office/drawing/2014/main" id="{09A454D1-BF8C-FA89-F4B2-4956F535E08A}"/>
              </a:ext>
            </a:extLst>
          </p:cNvPr>
          <p:cNvSpPr>
            <a:spLocks noChangeAspect="1"/>
          </p:cNvSpPr>
          <p:nvPr/>
        </p:nvSpPr>
        <p:spPr>
          <a:xfrm>
            <a:off x="3323037" y="2965116"/>
            <a:ext cx="1152000" cy="1151999"/>
          </a:xfrm>
          <a:prstGeom prst="ellipse">
            <a:avLst/>
          </a:prstGeom>
          <a:solidFill>
            <a:schemeClr val="tx2">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27" name="Oval 26">
            <a:extLst>
              <a:ext uri="{FF2B5EF4-FFF2-40B4-BE49-F238E27FC236}">
                <a16:creationId xmlns:a16="http://schemas.microsoft.com/office/drawing/2014/main" id="{15F1F573-95D6-5232-8EBA-3FC3FA84784E}"/>
              </a:ext>
            </a:extLst>
          </p:cNvPr>
          <p:cNvSpPr>
            <a:spLocks noChangeAspect="1"/>
          </p:cNvSpPr>
          <p:nvPr/>
        </p:nvSpPr>
        <p:spPr>
          <a:xfrm>
            <a:off x="3840261" y="5194857"/>
            <a:ext cx="1152000" cy="1151999"/>
          </a:xfrm>
          <a:prstGeom prst="ellipse">
            <a:avLst/>
          </a:prstGeom>
          <a:solidFill>
            <a:schemeClr val="tx2">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latin typeface="Open Sans" panose="020B0606030504020204" pitchFamily="34" charset="0"/>
              <a:ea typeface="Open Sans" panose="020B0606030504020204" pitchFamily="34" charset="0"/>
              <a:cs typeface="Open Sans" panose="020B0606030504020204" pitchFamily="34" charset="0"/>
            </a:endParaRPr>
          </a:p>
        </p:txBody>
      </p:sp>
      <p:sp>
        <p:nvSpPr>
          <p:cNvPr id="126" name="Rectangle 125">
            <a:extLst>
              <a:ext uri="{FF2B5EF4-FFF2-40B4-BE49-F238E27FC236}">
                <a16:creationId xmlns:a16="http://schemas.microsoft.com/office/drawing/2014/main" id="{41452611-9B1A-0612-825C-295046C627D4}"/>
              </a:ext>
            </a:extLst>
          </p:cNvPr>
          <p:cNvSpPr/>
          <p:nvPr/>
        </p:nvSpPr>
        <p:spPr>
          <a:xfrm>
            <a:off x="3700233" y="3420307"/>
            <a:ext cx="394719" cy="339164"/>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17" name="Group 116">
            <a:extLst>
              <a:ext uri="{FF2B5EF4-FFF2-40B4-BE49-F238E27FC236}">
                <a16:creationId xmlns:a16="http://schemas.microsoft.com/office/drawing/2014/main" id="{4E25CA0F-1790-C9B4-98D7-291B38E64C87}"/>
              </a:ext>
            </a:extLst>
          </p:cNvPr>
          <p:cNvGrpSpPr/>
          <p:nvPr/>
        </p:nvGrpSpPr>
        <p:grpSpPr>
          <a:xfrm>
            <a:off x="3687763" y="3303449"/>
            <a:ext cx="422549" cy="475333"/>
            <a:chOff x="3236126" y="2186870"/>
            <a:chExt cx="419274" cy="419201"/>
          </a:xfrm>
        </p:grpSpPr>
        <p:sp>
          <p:nvSpPr>
            <p:cNvPr id="118" name="Graphic 2">
              <a:extLst>
                <a:ext uri="{FF2B5EF4-FFF2-40B4-BE49-F238E27FC236}">
                  <a16:creationId xmlns:a16="http://schemas.microsoft.com/office/drawing/2014/main" id="{2CDCB58E-2675-2925-3F30-B305BF93FDCA}"/>
                </a:ext>
              </a:extLst>
            </p:cNvPr>
            <p:cNvSpPr/>
            <p:nvPr/>
          </p:nvSpPr>
          <p:spPr>
            <a:xfrm>
              <a:off x="3245643" y="2198401"/>
              <a:ext cx="396430" cy="98012"/>
            </a:xfrm>
            <a:custGeom>
              <a:avLst/>
              <a:gdLst>
                <a:gd name="connsiteX0" fmla="*/ 0 w 396430"/>
                <a:gd name="connsiteY0" fmla="*/ 0 h 98012"/>
                <a:gd name="connsiteX1" fmla="*/ 396430 w 396430"/>
                <a:gd name="connsiteY1" fmla="*/ 0 h 98012"/>
                <a:gd name="connsiteX2" fmla="*/ 396430 w 396430"/>
                <a:gd name="connsiteY2" fmla="*/ 98012 h 98012"/>
                <a:gd name="connsiteX3" fmla="*/ 0 w 396430"/>
                <a:gd name="connsiteY3" fmla="*/ 98012 h 98012"/>
              </a:gdLst>
              <a:ahLst/>
              <a:cxnLst>
                <a:cxn ang="0">
                  <a:pos x="connsiteX0" y="connsiteY0"/>
                </a:cxn>
                <a:cxn ang="0">
                  <a:pos x="connsiteX1" y="connsiteY1"/>
                </a:cxn>
                <a:cxn ang="0">
                  <a:pos x="connsiteX2" y="connsiteY2"/>
                </a:cxn>
                <a:cxn ang="0">
                  <a:pos x="connsiteX3" y="connsiteY3"/>
                </a:cxn>
              </a:cxnLst>
              <a:rect l="l" t="t" r="r" b="b"/>
              <a:pathLst>
                <a:path w="396430" h="98012">
                  <a:moveTo>
                    <a:pt x="0" y="0"/>
                  </a:moveTo>
                  <a:lnTo>
                    <a:pt x="396430" y="0"/>
                  </a:lnTo>
                  <a:lnTo>
                    <a:pt x="396430" y="98012"/>
                  </a:lnTo>
                  <a:lnTo>
                    <a:pt x="0" y="98012"/>
                  </a:lnTo>
                  <a:close/>
                </a:path>
              </a:pathLst>
            </a:custGeom>
            <a:solidFill>
              <a:srgbClr val="66B9DA"/>
            </a:solidFill>
            <a:ln w="9525" cap="flat">
              <a:noFill/>
              <a:prstDash val="solid"/>
              <a:miter/>
            </a:ln>
          </p:spPr>
          <p:txBody>
            <a:bodyPr rtlCol="0" anchor="ctr"/>
            <a:lstStyle/>
            <a:p>
              <a:endParaRPr lang="en-AU" sz="153"/>
            </a:p>
          </p:txBody>
        </p:sp>
        <p:sp>
          <p:nvSpPr>
            <p:cNvPr id="119" name="Graphic 2">
              <a:extLst>
                <a:ext uri="{FF2B5EF4-FFF2-40B4-BE49-F238E27FC236}">
                  <a16:creationId xmlns:a16="http://schemas.microsoft.com/office/drawing/2014/main" id="{56519E73-7414-4CF6-1257-CF568CFE703E}"/>
                </a:ext>
              </a:extLst>
            </p:cNvPr>
            <p:cNvSpPr/>
            <p:nvPr/>
          </p:nvSpPr>
          <p:spPr>
            <a:xfrm>
              <a:off x="3341179" y="2345277"/>
              <a:ext cx="209169" cy="209168"/>
            </a:xfrm>
            <a:custGeom>
              <a:avLst/>
              <a:gdLst>
                <a:gd name="connsiteX0" fmla="*/ 209169 w 209169"/>
                <a:gd name="connsiteY0" fmla="*/ 104584 h 209168"/>
                <a:gd name="connsiteX1" fmla="*/ 104584 w 209169"/>
                <a:gd name="connsiteY1" fmla="*/ 209169 h 209168"/>
                <a:gd name="connsiteX2" fmla="*/ 0 w 209169"/>
                <a:gd name="connsiteY2" fmla="*/ 104584 h 209168"/>
                <a:gd name="connsiteX3" fmla="*/ 104584 w 209169"/>
                <a:gd name="connsiteY3" fmla="*/ 0 h 209168"/>
                <a:gd name="connsiteX4" fmla="*/ 209169 w 209169"/>
                <a:gd name="connsiteY4" fmla="*/ 104584 h 2091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9169" h="209168">
                  <a:moveTo>
                    <a:pt x="209169" y="104584"/>
                  </a:moveTo>
                  <a:cubicBezTo>
                    <a:pt x="209169" y="162345"/>
                    <a:pt x="162345" y="209169"/>
                    <a:pt x="104584" y="209169"/>
                  </a:cubicBezTo>
                  <a:cubicBezTo>
                    <a:pt x="46824" y="209169"/>
                    <a:pt x="0" y="162345"/>
                    <a:pt x="0" y="104584"/>
                  </a:cubicBezTo>
                  <a:cubicBezTo>
                    <a:pt x="0" y="46824"/>
                    <a:pt x="46824" y="0"/>
                    <a:pt x="104584" y="0"/>
                  </a:cubicBezTo>
                  <a:cubicBezTo>
                    <a:pt x="162345" y="0"/>
                    <a:pt x="209169" y="46824"/>
                    <a:pt x="209169" y="104584"/>
                  </a:cubicBezTo>
                  <a:close/>
                </a:path>
              </a:pathLst>
            </a:custGeom>
            <a:solidFill>
              <a:srgbClr val="C7E4F1"/>
            </a:solidFill>
            <a:ln w="9525" cap="flat">
              <a:noFill/>
              <a:prstDash val="solid"/>
              <a:miter/>
            </a:ln>
          </p:spPr>
          <p:txBody>
            <a:bodyPr rtlCol="0" anchor="ctr"/>
            <a:lstStyle/>
            <a:p>
              <a:endParaRPr lang="en-AU" sz="153"/>
            </a:p>
          </p:txBody>
        </p:sp>
        <p:sp>
          <p:nvSpPr>
            <p:cNvPr id="120" name="Graphic 2">
              <a:extLst>
                <a:ext uri="{FF2B5EF4-FFF2-40B4-BE49-F238E27FC236}">
                  <a16:creationId xmlns:a16="http://schemas.microsoft.com/office/drawing/2014/main" id="{2C1B5AE0-5B4D-004B-8CB6-142451DAE271}"/>
                </a:ext>
              </a:extLst>
            </p:cNvPr>
            <p:cNvSpPr/>
            <p:nvPr/>
          </p:nvSpPr>
          <p:spPr>
            <a:xfrm>
              <a:off x="3236126" y="2186870"/>
              <a:ext cx="419274" cy="419201"/>
            </a:xfrm>
            <a:custGeom>
              <a:avLst/>
              <a:gdLst>
                <a:gd name="connsiteX0" fmla="*/ 387089 w 419274"/>
                <a:gd name="connsiteY0" fmla="*/ 6 h 419201"/>
                <a:gd name="connsiteX1" fmla="*/ 32187 w 419274"/>
                <a:gd name="connsiteY1" fmla="*/ 6 h 419201"/>
                <a:gd name="connsiteX2" fmla="*/ 88 w 419274"/>
                <a:gd name="connsiteY2" fmla="*/ 28581 h 419201"/>
                <a:gd name="connsiteX3" fmla="*/ 88 w 419274"/>
                <a:gd name="connsiteY3" fmla="*/ 383483 h 419201"/>
                <a:gd name="connsiteX4" fmla="*/ 30939 w 419274"/>
                <a:gd name="connsiteY4" fmla="*/ 419135 h 419201"/>
                <a:gd name="connsiteX5" fmla="*/ 32187 w 419274"/>
                <a:gd name="connsiteY5" fmla="*/ 419202 h 419201"/>
                <a:gd name="connsiteX6" fmla="*/ 387089 w 419274"/>
                <a:gd name="connsiteY6" fmla="*/ 419202 h 419201"/>
                <a:gd name="connsiteX7" fmla="*/ 419254 w 419274"/>
                <a:gd name="connsiteY7" fmla="*/ 384731 h 419201"/>
                <a:gd name="connsiteX8" fmla="*/ 419188 w 419274"/>
                <a:gd name="connsiteY8" fmla="*/ 383483 h 419201"/>
                <a:gd name="connsiteX9" fmla="*/ 419188 w 419274"/>
                <a:gd name="connsiteY9" fmla="*/ 28486 h 419201"/>
                <a:gd name="connsiteX10" fmla="*/ 387089 w 419274"/>
                <a:gd name="connsiteY10" fmla="*/ 6 h 419201"/>
                <a:gd name="connsiteX11" fmla="*/ 401185 w 419274"/>
                <a:gd name="connsiteY11" fmla="*/ 383387 h 419201"/>
                <a:gd name="connsiteX12" fmla="*/ 387089 w 419274"/>
                <a:gd name="connsiteY12" fmla="*/ 401104 h 419201"/>
                <a:gd name="connsiteX13" fmla="*/ 32187 w 419274"/>
                <a:gd name="connsiteY13" fmla="*/ 401104 h 419201"/>
                <a:gd name="connsiteX14" fmla="*/ 17995 w 419274"/>
                <a:gd name="connsiteY14" fmla="*/ 383387 h 419201"/>
                <a:gd name="connsiteX15" fmla="*/ 17995 w 419274"/>
                <a:gd name="connsiteY15" fmla="*/ 129260 h 419201"/>
                <a:gd name="connsiteX16" fmla="*/ 22376 w 419274"/>
                <a:gd name="connsiteY16" fmla="*/ 124879 h 419201"/>
                <a:gd name="connsiteX17" fmla="*/ 396804 w 419274"/>
                <a:gd name="connsiteY17" fmla="*/ 124879 h 419201"/>
                <a:gd name="connsiteX18" fmla="*/ 401185 w 419274"/>
                <a:gd name="connsiteY18" fmla="*/ 129260 h 419201"/>
                <a:gd name="connsiteX19" fmla="*/ 401185 w 419274"/>
                <a:gd name="connsiteY19" fmla="*/ 102590 h 419201"/>
                <a:gd name="connsiteX20" fmla="*/ 396804 w 419274"/>
                <a:gd name="connsiteY20" fmla="*/ 106972 h 419201"/>
                <a:gd name="connsiteX21" fmla="*/ 22376 w 419274"/>
                <a:gd name="connsiteY21" fmla="*/ 106972 h 419201"/>
                <a:gd name="connsiteX22" fmla="*/ 17995 w 419274"/>
                <a:gd name="connsiteY22" fmla="*/ 102590 h 419201"/>
                <a:gd name="connsiteX23" fmla="*/ 17995 w 419274"/>
                <a:gd name="connsiteY23" fmla="*/ 28581 h 419201"/>
                <a:gd name="connsiteX24" fmla="*/ 17995 w 419274"/>
                <a:gd name="connsiteY24" fmla="*/ 28010 h 419201"/>
                <a:gd name="connsiteX25" fmla="*/ 32092 w 419274"/>
                <a:gd name="connsiteY25" fmla="*/ 17913 h 419201"/>
                <a:gd name="connsiteX26" fmla="*/ 386993 w 419274"/>
                <a:gd name="connsiteY26" fmla="*/ 17913 h 419201"/>
                <a:gd name="connsiteX27" fmla="*/ 400995 w 419274"/>
                <a:gd name="connsiteY27" fmla="*/ 27438 h 419201"/>
                <a:gd name="connsiteX28" fmla="*/ 400995 w 419274"/>
                <a:gd name="connsiteY28" fmla="*/ 28105 h 419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19274" h="419201">
                  <a:moveTo>
                    <a:pt x="387089" y="6"/>
                  </a:moveTo>
                  <a:lnTo>
                    <a:pt x="32187" y="6"/>
                  </a:lnTo>
                  <a:cubicBezTo>
                    <a:pt x="15661" y="-318"/>
                    <a:pt x="1678" y="12132"/>
                    <a:pt x="88" y="28581"/>
                  </a:cubicBezTo>
                  <a:lnTo>
                    <a:pt x="88" y="383483"/>
                  </a:lnTo>
                  <a:cubicBezTo>
                    <a:pt x="-1236" y="401847"/>
                    <a:pt x="12575" y="417811"/>
                    <a:pt x="30939" y="419135"/>
                  </a:cubicBezTo>
                  <a:cubicBezTo>
                    <a:pt x="31358" y="419163"/>
                    <a:pt x="31768" y="419182"/>
                    <a:pt x="32187" y="419202"/>
                  </a:cubicBezTo>
                  <a:lnTo>
                    <a:pt x="387089" y="419202"/>
                  </a:lnTo>
                  <a:cubicBezTo>
                    <a:pt x="405491" y="418563"/>
                    <a:pt x="419893" y="403133"/>
                    <a:pt x="419254" y="384731"/>
                  </a:cubicBezTo>
                  <a:cubicBezTo>
                    <a:pt x="419245" y="384311"/>
                    <a:pt x="419216" y="383902"/>
                    <a:pt x="419188" y="383483"/>
                  </a:cubicBezTo>
                  <a:lnTo>
                    <a:pt x="419188" y="28486"/>
                  </a:lnTo>
                  <a:cubicBezTo>
                    <a:pt x="417340" y="12189"/>
                    <a:pt x="403490" y="-99"/>
                    <a:pt x="387089" y="6"/>
                  </a:cubicBezTo>
                  <a:close/>
                  <a:moveTo>
                    <a:pt x="401185" y="383387"/>
                  </a:moveTo>
                  <a:cubicBezTo>
                    <a:pt x="401185" y="393770"/>
                    <a:pt x="395375" y="401104"/>
                    <a:pt x="387089" y="401104"/>
                  </a:cubicBezTo>
                  <a:lnTo>
                    <a:pt x="32187" y="401104"/>
                  </a:lnTo>
                  <a:cubicBezTo>
                    <a:pt x="23805" y="401104"/>
                    <a:pt x="17995" y="393770"/>
                    <a:pt x="17995" y="383387"/>
                  </a:cubicBezTo>
                  <a:lnTo>
                    <a:pt x="17995" y="129260"/>
                  </a:lnTo>
                  <a:cubicBezTo>
                    <a:pt x="18042" y="126860"/>
                    <a:pt x="19976" y="124927"/>
                    <a:pt x="22376" y="124879"/>
                  </a:cubicBezTo>
                  <a:lnTo>
                    <a:pt x="396804" y="124879"/>
                  </a:lnTo>
                  <a:cubicBezTo>
                    <a:pt x="399204" y="124927"/>
                    <a:pt x="401138" y="126860"/>
                    <a:pt x="401185" y="129260"/>
                  </a:cubicBezTo>
                  <a:close/>
                  <a:moveTo>
                    <a:pt x="401185" y="102590"/>
                  </a:moveTo>
                  <a:cubicBezTo>
                    <a:pt x="401138" y="104991"/>
                    <a:pt x="399204" y="106924"/>
                    <a:pt x="396804" y="106972"/>
                  </a:cubicBezTo>
                  <a:lnTo>
                    <a:pt x="22376" y="106972"/>
                  </a:lnTo>
                  <a:cubicBezTo>
                    <a:pt x="19976" y="106924"/>
                    <a:pt x="18042" y="104991"/>
                    <a:pt x="17995" y="102590"/>
                  </a:cubicBezTo>
                  <a:lnTo>
                    <a:pt x="17995" y="28581"/>
                  </a:lnTo>
                  <a:cubicBezTo>
                    <a:pt x="17947" y="28391"/>
                    <a:pt x="17947" y="28200"/>
                    <a:pt x="17995" y="28010"/>
                  </a:cubicBezTo>
                  <a:cubicBezTo>
                    <a:pt x="19966" y="21914"/>
                    <a:pt x="25681" y="17808"/>
                    <a:pt x="32092" y="17913"/>
                  </a:cubicBezTo>
                  <a:lnTo>
                    <a:pt x="386993" y="17913"/>
                  </a:lnTo>
                  <a:cubicBezTo>
                    <a:pt x="393204" y="17799"/>
                    <a:pt x="398814" y="21619"/>
                    <a:pt x="400995" y="27438"/>
                  </a:cubicBezTo>
                  <a:cubicBezTo>
                    <a:pt x="401052" y="27657"/>
                    <a:pt x="401052" y="27886"/>
                    <a:pt x="400995" y="28105"/>
                  </a:cubicBezTo>
                  <a:close/>
                </a:path>
              </a:pathLst>
            </a:custGeom>
            <a:solidFill>
              <a:srgbClr val="265998"/>
            </a:solidFill>
            <a:ln w="9525" cap="flat">
              <a:noFill/>
              <a:prstDash val="solid"/>
              <a:miter/>
            </a:ln>
          </p:spPr>
          <p:txBody>
            <a:bodyPr rtlCol="0" anchor="ctr"/>
            <a:lstStyle/>
            <a:p>
              <a:endParaRPr lang="en-AU" sz="153"/>
            </a:p>
          </p:txBody>
        </p:sp>
        <p:sp>
          <p:nvSpPr>
            <p:cNvPr id="121" name="Graphic 2">
              <a:extLst>
                <a:ext uri="{FF2B5EF4-FFF2-40B4-BE49-F238E27FC236}">
                  <a16:creationId xmlns:a16="http://schemas.microsoft.com/office/drawing/2014/main" id="{513B58A4-CF6C-621C-1125-6E78C4B966A3}"/>
                </a:ext>
              </a:extLst>
            </p:cNvPr>
            <p:cNvSpPr/>
            <p:nvPr/>
          </p:nvSpPr>
          <p:spPr>
            <a:xfrm>
              <a:off x="3290478" y="2240261"/>
              <a:ext cx="18098" cy="18100"/>
            </a:xfrm>
            <a:custGeom>
              <a:avLst/>
              <a:gdLst>
                <a:gd name="connsiteX0" fmla="*/ 8124 w 18098"/>
                <a:gd name="connsiteY0" fmla="*/ 50 h 18100"/>
                <a:gd name="connsiteX1" fmla="*/ 47 w 18098"/>
                <a:gd name="connsiteY1" fmla="*/ 9975 h 18100"/>
                <a:gd name="connsiteX2" fmla="*/ 8124 w 18098"/>
                <a:gd name="connsiteY2" fmla="*/ 18052 h 18100"/>
                <a:gd name="connsiteX3" fmla="*/ 18049 w 18098"/>
                <a:gd name="connsiteY3" fmla="*/ 9975 h 18100"/>
                <a:gd name="connsiteX4" fmla="*/ 9982 w 18098"/>
                <a:gd name="connsiteY4" fmla="*/ 50 h 18100"/>
                <a:gd name="connsiteX5" fmla="*/ 8124 w 18098"/>
                <a:gd name="connsiteY5" fmla="*/ 50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098" h="18100">
                  <a:moveTo>
                    <a:pt x="8124" y="50"/>
                  </a:moveTo>
                  <a:cubicBezTo>
                    <a:pt x="3152" y="564"/>
                    <a:pt x="-458" y="5003"/>
                    <a:pt x="47" y="9975"/>
                  </a:cubicBezTo>
                  <a:cubicBezTo>
                    <a:pt x="485" y="14242"/>
                    <a:pt x="3857" y="17614"/>
                    <a:pt x="8124" y="18052"/>
                  </a:cubicBezTo>
                  <a:cubicBezTo>
                    <a:pt x="13096" y="18567"/>
                    <a:pt x="17545" y="14947"/>
                    <a:pt x="18049" y="9975"/>
                  </a:cubicBezTo>
                  <a:cubicBezTo>
                    <a:pt x="18564" y="5003"/>
                    <a:pt x="14954" y="564"/>
                    <a:pt x="9982" y="50"/>
                  </a:cubicBezTo>
                  <a:cubicBezTo>
                    <a:pt x="9363" y="-17"/>
                    <a:pt x="8743" y="-17"/>
                    <a:pt x="8124" y="50"/>
                  </a:cubicBezTo>
                  <a:close/>
                </a:path>
              </a:pathLst>
            </a:custGeom>
            <a:solidFill>
              <a:srgbClr val="265998"/>
            </a:solidFill>
            <a:ln w="9525" cap="flat">
              <a:noFill/>
              <a:prstDash val="solid"/>
              <a:miter/>
            </a:ln>
          </p:spPr>
          <p:txBody>
            <a:bodyPr rtlCol="0" anchor="ctr"/>
            <a:lstStyle/>
            <a:p>
              <a:endParaRPr lang="en-AU" sz="153"/>
            </a:p>
          </p:txBody>
        </p:sp>
        <p:sp>
          <p:nvSpPr>
            <p:cNvPr id="122" name="Graphic 2">
              <a:extLst>
                <a:ext uri="{FF2B5EF4-FFF2-40B4-BE49-F238E27FC236}">
                  <a16:creationId xmlns:a16="http://schemas.microsoft.com/office/drawing/2014/main" id="{8600D425-A1BB-A986-C567-A2506A816993}"/>
                </a:ext>
              </a:extLst>
            </p:cNvPr>
            <p:cNvSpPr/>
            <p:nvPr/>
          </p:nvSpPr>
          <p:spPr>
            <a:xfrm>
              <a:off x="3361372" y="2240311"/>
              <a:ext cx="18097" cy="18098"/>
            </a:xfrm>
            <a:custGeom>
              <a:avLst/>
              <a:gdLst>
                <a:gd name="connsiteX0" fmla="*/ 9144 w 18097"/>
                <a:gd name="connsiteY0" fmla="*/ 0 h 18098"/>
                <a:gd name="connsiteX1" fmla="*/ 0 w 18097"/>
                <a:gd name="connsiteY1" fmla="*/ 8954 h 18098"/>
                <a:gd name="connsiteX2" fmla="*/ 8954 w 18097"/>
                <a:gd name="connsiteY2" fmla="*/ 18098 h 18098"/>
                <a:gd name="connsiteX3" fmla="*/ 18098 w 18097"/>
                <a:gd name="connsiteY3" fmla="*/ 9144 h 18098"/>
                <a:gd name="connsiteX4" fmla="*/ 18098 w 18097"/>
                <a:gd name="connsiteY4" fmla="*/ 8954 h 18098"/>
                <a:gd name="connsiteX5" fmla="*/ 9144 w 18097"/>
                <a:gd name="connsiteY5" fmla="*/ 0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097" h="18098">
                  <a:moveTo>
                    <a:pt x="9144" y="0"/>
                  </a:moveTo>
                  <a:cubicBezTo>
                    <a:pt x="4144" y="-47"/>
                    <a:pt x="58" y="3953"/>
                    <a:pt x="0" y="8954"/>
                  </a:cubicBezTo>
                  <a:cubicBezTo>
                    <a:pt x="-47" y="13955"/>
                    <a:pt x="3953" y="18041"/>
                    <a:pt x="8954" y="18098"/>
                  </a:cubicBezTo>
                  <a:cubicBezTo>
                    <a:pt x="13955" y="18146"/>
                    <a:pt x="18041" y="14145"/>
                    <a:pt x="18098" y="9144"/>
                  </a:cubicBezTo>
                  <a:cubicBezTo>
                    <a:pt x="18098" y="9078"/>
                    <a:pt x="18098" y="9021"/>
                    <a:pt x="18098" y="8954"/>
                  </a:cubicBezTo>
                  <a:cubicBezTo>
                    <a:pt x="18050" y="4030"/>
                    <a:pt x="14069" y="48"/>
                    <a:pt x="9144" y="0"/>
                  </a:cubicBezTo>
                  <a:close/>
                </a:path>
              </a:pathLst>
            </a:custGeom>
            <a:solidFill>
              <a:srgbClr val="265998"/>
            </a:solidFill>
            <a:ln w="9525" cap="flat">
              <a:noFill/>
              <a:prstDash val="solid"/>
              <a:miter/>
            </a:ln>
          </p:spPr>
          <p:txBody>
            <a:bodyPr rtlCol="0" anchor="ctr"/>
            <a:lstStyle/>
            <a:p>
              <a:endParaRPr lang="en-AU" sz="153"/>
            </a:p>
          </p:txBody>
        </p:sp>
        <p:sp>
          <p:nvSpPr>
            <p:cNvPr id="123" name="Graphic 2">
              <a:extLst>
                <a:ext uri="{FF2B5EF4-FFF2-40B4-BE49-F238E27FC236}">
                  <a16:creationId xmlns:a16="http://schemas.microsoft.com/office/drawing/2014/main" id="{733CF64C-10DC-F8B0-2885-F8C6AD9AD115}"/>
                </a:ext>
              </a:extLst>
            </p:cNvPr>
            <p:cNvSpPr/>
            <p:nvPr/>
          </p:nvSpPr>
          <p:spPr>
            <a:xfrm>
              <a:off x="3325462" y="2240311"/>
              <a:ext cx="18097" cy="18098"/>
            </a:xfrm>
            <a:custGeom>
              <a:avLst/>
              <a:gdLst>
                <a:gd name="connsiteX0" fmla="*/ 9144 w 18097"/>
                <a:gd name="connsiteY0" fmla="*/ 0 h 18098"/>
                <a:gd name="connsiteX1" fmla="*/ 0 w 18097"/>
                <a:gd name="connsiteY1" fmla="*/ 8954 h 18098"/>
                <a:gd name="connsiteX2" fmla="*/ 8954 w 18097"/>
                <a:gd name="connsiteY2" fmla="*/ 18098 h 18098"/>
                <a:gd name="connsiteX3" fmla="*/ 18098 w 18097"/>
                <a:gd name="connsiteY3" fmla="*/ 9144 h 18098"/>
                <a:gd name="connsiteX4" fmla="*/ 18098 w 18097"/>
                <a:gd name="connsiteY4" fmla="*/ 8954 h 18098"/>
                <a:gd name="connsiteX5" fmla="*/ 9144 w 18097"/>
                <a:gd name="connsiteY5" fmla="*/ 0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8097" h="18098">
                  <a:moveTo>
                    <a:pt x="9144" y="0"/>
                  </a:moveTo>
                  <a:cubicBezTo>
                    <a:pt x="4144" y="-47"/>
                    <a:pt x="57" y="3953"/>
                    <a:pt x="0" y="8954"/>
                  </a:cubicBezTo>
                  <a:cubicBezTo>
                    <a:pt x="-47" y="13955"/>
                    <a:pt x="3953" y="18041"/>
                    <a:pt x="8954" y="18098"/>
                  </a:cubicBezTo>
                  <a:cubicBezTo>
                    <a:pt x="13955" y="18146"/>
                    <a:pt x="18050" y="14145"/>
                    <a:pt x="18098" y="9144"/>
                  </a:cubicBezTo>
                  <a:cubicBezTo>
                    <a:pt x="18098" y="9078"/>
                    <a:pt x="18098" y="9021"/>
                    <a:pt x="18098" y="8954"/>
                  </a:cubicBezTo>
                  <a:cubicBezTo>
                    <a:pt x="18050" y="4030"/>
                    <a:pt x="14069" y="48"/>
                    <a:pt x="9144" y="0"/>
                  </a:cubicBezTo>
                  <a:close/>
                </a:path>
              </a:pathLst>
            </a:custGeom>
            <a:solidFill>
              <a:srgbClr val="265998"/>
            </a:solidFill>
            <a:ln w="9525" cap="flat">
              <a:noFill/>
              <a:prstDash val="solid"/>
              <a:miter/>
            </a:ln>
          </p:spPr>
          <p:txBody>
            <a:bodyPr rtlCol="0" anchor="ctr"/>
            <a:lstStyle/>
            <a:p>
              <a:endParaRPr lang="en-AU" sz="153"/>
            </a:p>
          </p:txBody>
        </p:sp>
        <p:sp>
          <p:nvSpPr>
            <p:cNvPr id="124" name="Graphic 2">
              <a:extLst>
                <a:ext uri="{FF2B5EF4-FFF2-40B4-BE49-F238E27FC236}">
                  <a16:creationId xmlns:a16="http://schemas.microsoft.com/office/drawing/2014/main" id="{36673B26-4AA0-16F4-6E80-2DD8A51C15DC}"/>
                </a:ext>
              </a:extLst>
            </p:cNvPr>
            <p:cNvSpPr/>
            <p:nvPr/>
          </p:nvSpPr>
          <p:spPr>
            <a:xfrm>
              <a:off x="3329844" y="2333942"/>
              <a:ext cx="231838" cy="231838"/>
            </a:xfrm>
            <a:custGeom>
              <a:avLst/>
              <a:gdLst>
                <a:gd name="connsiteX0" fmla="*/ 115919 w 231838"/>
                <a:gd name="connsiteY0" fmla="*/ 0 h 231838"/>
                <a:gd name="connsiteX1" fmla="*/ 0 w 231838"/>
                <a:gd name="connsiteY1" fmla="*/ 115919 h 231838"/>
                <a:gd name="connsiteX2" fmla="*/ 115919 w 231838"/>
                <a:gd name="connsiteY2" fmla="*/ 231838 h 231838"/>
                <a:gd name="connsiteX3" fmla="*/ 231838 w 231838"/>
                <a:gd name="connsiteY3" fmla="*/ 115919 h 231838"/>
                <a:gd name="connsiteX4" fmla="*/ 115919 w 231838"/>
                <a:gd name="connsiteY4" fmla="*/ 0 h 231838"/>
                <a:gd name="connsiteX5" fmla="*/ 115919 w 231838"/>
                <a:gd name="connsiteY5" fmla="*/ 213932 h 231838"/>
                <a:gd name="connsiteX6" fmla="*/ 17431 w 231838"/>
                <a:gd name="connsiteY6" fmla="*/ 116396 h 231838"/>
                <a:gd name="connsiteX7" fmla="*/ 114967 w 231838"/>
                <a:gd name="connsiteY7" fmla="*/ 17907 h 231838"/>
                <a:gd name="connsiteX8" fmla="*/ 213455 w 231838"/>
                <a:gd name="connsiteY8" fmla="*/ 115443 h 231838"/>
                <a:gd name="connsiteX9" fmla="*/ 213455 w 231838"/>
                <a:gd name="connsiteY9" fmla="*/ 115919 h 231838"/>
                <a:gd name="connsiteX10" fmla="*/ 115919 w 231838"/>
                <a:gd name="connsiteY10" fmla="*/ 213932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31838" h="231838">
                  <a:moveTo>
                    <a:pt x="115919" y="0"/>
                  </a:moveTo>
                  <a:cubicBezTo>
                    <a:pt x="51902" y="0"/>
                    <a:pt x="0" y="51902"/>
                    <a:pt x="0" y="115919"/>
                  </a:cubicBezTo>
                  <a:cubicBezTo>
                    <a:pt x="0" y="179937"/>
                    <a:pt x="51902" y="231838"/>
                    <a:pt x="115919" y="231838"/>
                  </a:cubicBezTo>
                  <a:cubicBezTo>
                    <a:pt x="179937" y="231838"/>
                    <a:pt x="231838" y="179937"/>
                    <a:pt x="231838" y="115919"/>
                  </a:cubicBezTo>
                  <a:cubicBezTo>
                    <a:pt x="231734" y="51940"/>
                    <a:pt x="179899" y="105"/>
                    <a:pt x="115919" y="0"/>
                  </a:cubicBezTo>
                  <a:close/>
                  <a:moveTo>
                    <a:pt x="115919" y="213932"/>
                  </a:moveTo>
                  <a:cubicBezTo>
                    <a:pt x="61789" y="214198"/>
                    <a:pt x="17697" y="170526"/>
                    <a:pt x="17431" y="116396"/>
                  </a:cubicBezTo>
                  <a:cubicBezTo>
                    <a:pt x="17174" y="62265"/>
                    <a:pt x="60836" y="18174"/>
                    <a:pt x="114967" y="17907"/>
                  </a:cubicBezTo>
                  <a:cubicBezTo>
                    <a:pt x="169097" y="17650"/>
                    <a:pt x="213188" y="61312"/>
                    <a:pt x="213455" y="115443"/>
                  </a:cubicBezTo>
                  <a:cubicBezTo>
                    <a:pt x="213455" y="115605"/>
                    <a:pt x="213455" y="115757"/>
                    <a:pt x="213455" y="115919"/>
                  </a:cubicBezTo>
                  <a:cubicBezTo>
                    <a:pt x="213408" y="169840"/>
                    <a:pt x="169840" y="213617"/>
                    <a:pt x="115919" y="213932"/>
                  </a:cubicBezTo>
                  <a:close/>
                </a:path>
              </a:pathLst>
            </a:custGeom>
            <a:solidFill>
              <a:srgbClr val="265998"/>
            </a:solidFill>
            <a:ln w="9525" cap="flat">
              <a:noFill/>
              <a:prstDash val="solid"/>
              <a:miter/>
            </a:ln>
          </p:spPr>
          <p:txBody>
            <a:bodyPr rtlCol="0" anchor="ctr"/>
            <a:lstStyle/>
            <a:p>
              <a:endParaRPr lang="en-AU" sz="153"/>
            </a:p>
          </p:txBody>
        </p:sp>
        <p:sp>
          <p:nvSpPr>
            <p:cNvPr id="125" name="Graphic 2">
              <a:extLst>
                <a:ext uri="{FF2B5EF4-FFF2-40B4-BE49-F238E27FC236}">
                  <a16:creationId xmlns:a16="http://schemas.microsoft.com/office/drawing/2014/main" id="{5A694B44-FC7F-5312-F168-8F31BFE3728A}"/>
                </a:ext>
              </a:extLst>
            </p:cNvPr>
            <p:cNvSpPr/>
            <p:nvPr/>
          </p:nvSpPr>
          <p:spPr>
            <a:xfrm>
              <a:off x="3436715" y="2374871"/>
              <a:ext cx="84677" cy="83752"/>
            </a:xfrm>
            <a:custGeom>
              <a:avLst/>
              <a:gdLst>
                <a:gd name="connsiteX0" fmla="*/ 22384 w 84677"/>
                <a:gd name="connsiteY0" fmla="*/ 66036 h 83752"/>
                <a:gd name="connsiteX1" fmla="*/ 18002 w 84677"/>
                <a:gd name="connsiteY1" fmla="*/ 61655 h 83752"/>
                <a:gd name="connsiteX2" fmla="*/ 18002 w 84677"/>
                <a:gd name="connsiteY2" fmla="*/ 8124 h 83752"/>
                <a:gd name="connsiteX3" fmla="*/ 8077 w 84677"/>
                <a:gd name="connsiteY3" fmla="*/ 47 h 83752"/>
                <a:gd name="connsiteX4" fmla="*/ 0 w 84677"/>
                <a:gd name="connsiteY4" fmla="*/ 8124 h 83752"/>
                <a:gd name="connsiteX5" fmla="*/ 0 w 84677"/>
                <a:gd name="connsiteY5" fmla="*/ 74799 h 83752"/>
                <a:gd name="connsiteX6" fmla="*/ 9049 w 84677"/>
                <a:gd name="connsiteY6" fmla="*/ 83753 h 83752"/>
                <a:gd name="connsiteX7" fmla="*/ 75724 w 84677"/>
                <a:gd name="connsiteY7" fmla="*/ 83753 h 83752"/>
                <a:gd name="connsiteX8" fmla="*/ 84677 w 84677"/>
                <a:gd name="connsiteY8" fmla="*/ 74799 h 83752"/>
                <a:gd name="connsiteX9" fmla="*/ 75724 w 84677"/>
                <a:gd name="connsiteY9" fmla="*/ 65846 h 837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4677" h="83752">
                  <a:moveTo>
                    <a:pt x="22384" y="66036"/>
                  </a:moveTo>
                  <a:cubicBezTo>
                    <a:pt x="19964" y="66036"/>
                    <a:pt x="18002" y="64074"/>
                    <a:pt x="18002" y="61655"/>
                  </a:cubicBezTo>
                  <a:lnTo>
                    <a:pt x="18002" y="8124"/>
                  </a:lnTo>
                  <a:cubicBezTo>
                    <a:pt x="17488" y="3152"/>
                    <a:pt x="13049" y="-458"/>
                    <a:pt x="8077" y="47"/>
                  </a:cubicBezTo>
                  <a:cubicBezTo>
                    <a:pt x="3810" y="485"/>
                    <a:pt x="438" y="3857"/>
                    <a:pt x="0" y="8124"/>
                  </a:cubicBezTo>
                  <a:lnTo>
                    <a:pt x="0" y="74799"/>
                  </a:lnTo>
                  <a:cubicBezTo>
                    <a:pt x="286" y="79657"/>
                    <a:pt x="4191" y="83515"/>
                    <a:pt x="9049" y="83753"/>
                  </a:cubicBezTo>
                  <a:lnTo>
                    <a:pt x="75724" y="83753"/>
                  </a:lnTo>
                  <a:cubicBezTo>
                    <a:pt x="80667" y="83753"/>
                    <a:pt x="84677" y="79743"/>
                    <a:pt x="84677" y="74799"/>
                  </a:cubicBezTo>
                  <a:cubicBezTo>
                    <a:pt x="84677" y="69856"/>
                    <a:pt x="80667" y="65846"/>
                    <a:pt x="75724" y="65846"/>
                  </a:cubicBezTo>
                  <a:close/>
                </a:path>
              </a:pathLst>
            </a:custGeom>
            <a:solidFill>
              <a:srgbClr val="265998"/>
            </a:solidFill>
            <a:ln w="9525" cap="flat">
              <a:noFill/>
              <a:prstDash val="solid"/>
              <a:miter/>
            </a:ln>
          </p:spPr>
          <p:txBody>
            <a:bodyPr rtlCol="0" anchor="ctr"/>
            <a:lstStyle/>
            <a:p>
              <a:endParaRPr lang="en-AU" sz="153"/>
            </a:p>
          </p:txBody>
        </p:sp>
      </p:grpSp>
      <p:grpSp>
        <p:nvGrpSpPr>
          <p:cNvPr id="133" name="Group 132">
            <a:extLst>
              <a:ext uri="{FF2B5EF4-FFF2-40B4-BE49-F238E27FC236}">
                <a16:creationId xmlns:a16="http://schemas.microsoft.com/office/drawing/2014/main" id="{7448BBCF-FA23-2033-5AD9-9705CABC7DC7}"/>
              </a:ext>
            </a:extLst>
          </p:cNvPr>
          <p:cNvGrpSpPr>
            <a:grpSpLocks noChangeAspect="1"/>
          </p:cNvGrpSpPr>
          <p:nvPr/>
        </p:nvGrpSpPr>
        <p:grpSpPr>
          <a:xfrm>
            <a:off x="5732881" y="2042345"/>
            <a:ext cx="483245" cy="484115"/>
            <a:chOff x="332767" y="199172"/>
            <a:chExt cx="85118" cy="85271"/>
          </a:xfrm>
        </p:grpSpPr>
        <p:sp>
          <p:nvSpPr>
            <p:cNvPr id="134" name="Freeform 2">
              <a:extLst>
                <a:ext uri="{FF2B5EF4-FFF2-40B4-BE49-F238E27FC236}">
                  <a16:creationId xmlns:a16="http://schemas.microsoft.com/office/drawing/2014/main" id="{462B88F1-255C-A11D-1F7F-A1AA21AD9FAB}"/>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rtlCol="0" anchor="ctr"/>
            <a:lstStyle/>
            <a:p>
              <a:endParaRPr lang="en-AU"/>
            </a:p>
          </p:txBody>
        </p:sp>
        <p:grpSp>
          <p:nvGrpSpPr>
            <p:cNvPr id="135" name="Graphic 63">
              <a:extLst>
                <a:ext uri="{FF2B5EF4-FFF2-40B4-BE49-F238E27FC236}">
                  <a16:creationId xmlns:a16="http://schemas.microsoft.com/office/drawing/2014/main" id="{36CF8E2A-CDEC-E2B2-AC5D-92ABA2DF1CD7}"/>
                </a:ext>
              </a:extLst>
            </p:cNvPr>
            <p:cNvGrpSpPr/>
            <p:nvPr/>
          </p:nvGrpSpPr>
          <p:grpSpPr>
            <a:xfrm>
              <a:off x="332767" y="199172"/>
              <a:ext cx="85118" cy="85271"/>
              <a:chOff x="332767" y="199172"/>
              <a:chExt cx="85118" cy="85271"/>
            </a:xfrm>
            <a:solidFill>
              <a:srgbClr val="265A9A"/>
            </a:solidFill>
          </p:grpSpPr>
          <p:sp>
            <p:nvSpPr>
              <p:cNvPr id="136" name="Freeform 4">
                <a:extLst>
                  <a:ext uri="{FF2B5EF4-FFF2-40B4-BE49-F238E27FC236}">
                    <a16:creationId xmlns:a16="http://schemas.microsoft.com/office/drawing/2014/main" id="{B267986F-E3BF-2430-5FDB-FC509E5853FD}"/>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rtlCol="0" anchor="ctr"/>
              <a:lstStyle/>
              <a:p>
                <a:endParaRPr lang="en-AU"/>
              </a:p>
            </p:txBody>
          </p:sp>
          <p:grpSp>
            <p:nvGrpSpPr>
              <p:cNvPr id="137" name="Graphic 63">
                <a:extLst>
                  <a:ext uri="{FF2B5EF4-FFF2-40B4-BE49-F238E27FC236}">
                    <a16:creationId xmlns:a16="http://schemas.microsoft.com/office/drawing/2014/main" id="{5676A645-31DC-56C4-47CA-8E1B602D4682}"/>
                  </a:ext>
                </a:extLst>
              </p:cNvPr>
              <p:cNvGrpSpPr/>
              <p:nvPr/>
            </p:nvGrpSpPr>
            <p:grpSpPr>
              <a:xfrm>
                <a:off x="358556" y="225007"/>
                <a:ext cx="33576" cy="33636"/>
                <a:chOff x="358556" y="225007"/>
                <a:chExt cx="33576" cy="33636"/>
              </a:xfrm>
              <a:solidFill>
                <a:srgbClr val="265A9A"/>
              </a:solidFill>
            </p:grpSpPr>
            <p:sp>
              <p:nvSpPr>
                <p:cNvPr id="138" name="Freeform 6">
                  <a:extLst>
                    <a:ext uri="{FF2B5EF4-FFF2-40B4-BE49-F238E27FC236}">
                      <a16:creationId xmlns:a16="http://schemas.microsoft.com/office/drawing/2014/main" id="{1E749B8D-7782-383B-1C2B-0616A6E10B40}"/>
                    </a:ext>
                  </a:extLst>
                </p:cNvPr>
                <p:cNvSpPr/>
                <p:nvPr/>
              </p:nvSpPr>
              <p:spPr>
                <a:xfrm>
                  <a:off x="358556"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rgbClr val="265A9A"/>
                </a:solidFill>
                <a:ln w="1793" cap="flat">
                  <a:noFill/>
                  <a:prstDash val="solid"/>
                  <a:miter/>
                </a:ln>
              </p:spPr>
              <p:txBody>
                <a:bodyPr rtlCol="0" anchor="ctr"/>
                <a:lstStyle/>
                <a:p>
                  <a:endParaRPr lang="en-AU"/>
                </a:p>
              </p:txBody>
            </p:sp>
            <p:sp>
              <p:nvSpPr>
                <p:cNvPr id="139" name="Freeform 7">
                  <a:extLst>
                    <a:ext uri="{FF2B5EF4-FFF2-40B4-BE49-F238E27FC236}">
                      <a16:creationId xmlns:a16="http://schemas.microsoft.com/office/drawing/2014/main" id="{EA26822F-57BD-9669-7790-53E3022757BE}"/>
                    </a:ext>
                  </a:extLst>
                </p:cNvPr>
                <p:cNvSpPr/>
                <p:nvPr/>
              </p:nvSpPr>
              <p:spPr>
                <a:xfrm>
                  <a:off x="359552"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rgbClr val="265A9A"/>
                </a:solidFill>
                <a:ln w="1793" cap="flat">
                  <a:noFill/>
                  <a:prstDash val="solid"/>
                  <a:miter/>
                </a:ln>
              </p:spPr>
              <p:txBody>
                <a:bodyPr rtlCol="0" anchor="ctr"/>
                <a:lstStyle/>
                <a:p>
                  <a:endParaRPr lang="en-AU"/>
                </a:p>
              </p:txBody>
            </p:sp>
          </p:grpSp>
        </p:grpSp>
      </p:grpSp>
      <p:grpSp>
        <p:nvGrpSpPr>
          <p:cNvPr id="140" name="Group 139">
            <a:extLst>
              <a:ext uri="{FF2B5EF4-FFF2-40B4-BE49-F238E27FC236}">
                <a16:creationId xmlns:a16="http://schemas.microsoft.com/office/drawing/2014/main" id="{113C9765-F433-4F47-77AB-74CC082E1CDC}"/>
              </a:ext>
            </a:extLst>
          </p:cNvPr>
          <p:cNvGrpSpPr/>
          <p:nvPr/>
        </p:nvGrpSpPr>
        <p:grpSpPr>
          <a:xfrm>
            <a:off x="7375808" y="5456553"/>
            <a:ext cx="577737" cy="599394"/>
            <a:chOff x="1796235" y="2188591"/>
            <a:chExt cx="418848" cy="419239"/>
          </a:xfrm>
        </p:grpSpPr>
        <p:sp>
          <p:nvSpPr>
            <p:cNvPr id="141" name="Graphic 2">
              <a:extLst>
                <a:ext uri="{FF2B5EF4-FFF2-40B4-BE49-F238E27FC236}">
                  <a16:creationId xmlns:a16="http://schemas.microsoft.com/office/drawing/2014/main" id="{1721DA04-1048-D74F-89FA-9496ECFE0D30}"/>
                </a:ext>
              </a:extLst>
            </p:cNvPr>
            <p:cNvSpPr/>
            <p:nvPr/>
          </p:nvSpPr>
          <p:spPr>
            <a:xfrm>
              <a:off x="1800320" y="2199544"/>
              <a:ext cx="266795" cy="261556"/>
            </a:xfrm>
            <a:custGeom>
              <a:avLst/>
              <a:gdLst>
                <a:gd name="connsiteX0" fmla="*/ 148685 w 266795"/>
                <a:gd name="connsiteY0" fmla="*/ 0 h 261556"/>
                <a:gd name="connsiteX1" fmla="*/ 157734 w 266795"/>
                <a:gd name="connsiteY1" fmla="*/ 21336 h 261556"/>
                <a:gd name="connsiteX2" fmla="*/ 176689 w 266795"/>
                <a:gd name="connsiteY2" fmla="*/ 28766 h 261556"/>
                <a:gd name="connsiteX3" fmla="*/ 197358 w 266795"/>
                <a:gd name="connsiteY3" fmla="*/ 14383 h 261556"/>
                <a:gd name="connsiteX4" fmla="*/ 223837 w 266795"/>
                <a:gd name="connsiteY4" fmla="*/ 31909 h 261556"/>
                <a:gd name="connsiteX5" fmla="*/ 217456 w 266795"/>
                <a:gd name="connsiteY5" fmla="*/ 56769 h 261556"/>
                <a:gd name="connsiteX6" fmla="*/ 230219 w 266795"/>
                <a:gd name="connsiteY6" fmla="*/ 75819 h 261556"/>
                <a:gd name="connsiteX7" fmla="*/ 258223 w 266795"/>
                <a:gd name="connsiteY7" fmla="*/ 75819 h 261556"/>
                <a:gd name="connsiteX8" fmla="*/ 263557 w 266795"/>
                <a:gd name="connsiteY8" fmla="*/ 101727 h 261556"/>
                <a:gd name="connsiteX9" fmla="*/ 246602 w 266795"/>
                <a:gd name="connsiteY9" fmla="*/ 118682 h 261556"/>
                <a:gd name="connsiteX10" fmla="*/ 247650 w 266795"/>
                <a:gd name="connsiteY10" fmla="*/ 144590 h 261556"/>
                <a:gd name="connsiteX11" fmla="*/ 266795 w 266795"/>
                <a:gd name="connsiteY11" fmla="*/ 153638 h 261556"/>
                <a:gd name="connsiteX12" fmla="*/ 258794 w 266795"/>
                <a:gd name="connsiteY12" fmla="*/ 184309 h 261556"/>
                <a:gd name="connsiteX13" fmla="*/ 229172 w 266795"/>
                <a:gd name="connsiteY13" fmla="*/ 189071 h 261556"/>
                <a:gd name="connsiteX14" fmla="*/ 219647 w 266795"/>
                <a:gd name="connsiteY14" fmla="*/ 205454 h 261556"/>
                <a:gd name="connsiteX15" fmla="*/ 222790 w 266795"/>
                <a:gd name="connsiteY15" fmla="*/ 227171 h 261556"/>
                <a:gd name="connsiteX16" fmla="*/ 201644 w 266795"/>
                <a:gd name="connsiteY16" fmla="*/ 246221 h 261556"/>
                <a:gd name="connsiteX17" fmla="*/ 172022 w 266795"/>
                <a:gd name="connsiteY17" fmla="*/ 234029 h 261556"/>
                <a:gd name="connsiteX18" fmla="*/ 154495 w 266795"/>
                <a:gd name="connsiteY18" fmla="*/ 239363 h 261556"/>
                <a:gd name="connsiteX19" fmla="*/ 148685 w 266795"/>
                <a:gd name="connsiteY19" fmla="*/ 261557 h 261556"/>
                <a:gd name="connsiteX20" fmla="*/ 115919 w 266795"/>
                <a:gd name="connsiteY20" fmla="*/ 261557 h 261556"/>
                <a:gd name="connsiteX21" fmla="*/ 107918 w 266795"/>
                <a:gd name="connsiteY21" fmla="*/ 240411 h 261556"/>
                <a:gd name="connsiteX22" fmla="*/ 87725 w 266795"/>
                <a:gd name="connsiteY22" fmla="*/ 232982 h 261556"/>
                <a:gd name="connsiteX23" fmla="*/ 69723 w 266795"/>
                <a:gd name="connsiteY23" fmla="*/ 244602 h 261556"/>
                <a:gd name="connsiteX24" fmla="*/ 41243 w 266795"/>
                <a:gd name="connsiteY24" fmla="*/ 227743 h 261556"/>
                <a:gd name="connsiteX25" fmla="*/ 48673 w 266795"/>
                <a:gd name="connsiteY25" fmla="*/ 206026 h 261556"/>
                <a:gd name="connsiteX26" fmla="*/ 34957 w 266795"/>
                <a:gd name="connsiteY26" fmla="*/ 186976 h 261556"/>
                <a:gd name="connsiteX27" fmla="*/ 9239 w 266795"/>
                <a:gd name="connsiteY27" fmla="*/ 185357 h 261556"/>
                <a:gd name="connsiteX28" fmla="*/ 0 w 266795"/>
                <a:gd name="connsiteY28" fmla="*/ 150971 h 261556"/>
                <a:gd name="connsiteX29" fmla="*/ 24384 w 266795"/>
                <a:gd name="connsiteY29" fmla="*/ 134493 h 261556"/>
                <a:gd name="connsiteX30" fmla="*/ 21717 w 266795"/>
                <a:gd name="connsiteY30" fmla="*/ 116015 h 261556"/>
                <a:gd name="connsiteX31" fmla="*/ 0 w 266795"/>
                <a:gd name="connsiteY31" fmla="*/ 108680 h 261556"/>
                <a:gd name="connsiteX32" fmla="*/ 9239 w 266795"/>
                <a:gd name="connsiteY32" fmla="*/ 78962 h 261556"/>
                <a:gd name="connsiteX33" fmla="*/ 39148 w 266795"/>
                <a:gd name="connsiteY33" fmla="*/ 75343 h 261556"/>
                <a:gd name="connsiteX34" fmla="*/ 50292 w 266795"/>
                <a:gd name="connsiteY34" fmla="*/ 55150 h 261556"/>
                <a:gd name="connsiteX35" fmla="*/ 40767 w 266795"/>
                <a:gd name="connsiteY35" fmla="*/ 30861 h 261556"/>
                <a:gd name="connsiteX36" fmla="*/ 73057 w 266795"/>
                <a:gd name="connsiteY36" fmla="*/ 14478 h 261556"/>
                <a:gd name="connsiteX37" fmla="*/ 97345 w 266795"/>
                <a:gd name="connsiteY37" fmla="*/ 32480 h 261556"/>
                <a:gd name="connsiteX38" fmla="*/ 112681 w 266795"/>
                <a:gd name="connsiteY38" fmla="*/ 22955 h 261556"/>
                <a:gd name="connsiteX39" fmla="*/ 116967 w 266795"/>
                <a:gd name="connsiteY39" fmla="*/ 0 h 261556"/>
                <a:gd name="connsiteX40" fmla="*/ 148685 w 266795"/>
                <a:gd name="connsiteY40" fmla="*/ 0 h 261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66795" h="261556">
                  <a:moveTo>
                    <a:pt x="148685" y="0"/>
                  </a:moveTo>
                  <a:lnTo>
                    <a:pt x="157734" y="21336"/>
                  </a:lnTo>
                  <a:lnTo>
                    <a:pt x="176689" y="28766"/>
                  </a:lnTo>
                  <a:lnTo>
                    <a:pt x="197358" y="14383"/>
                  </a:lnTo>
                  <a:lnTo>
                    <a:pt x="223837" y="31909"/>
                  </a:lnTo>
                  <a:lnTo>
                    <a:pt x="217456" y="56769"/>
                  </a:lnTo>
                  <a:lnTo>
                    <a:pt x="230219" y="75819"/>
                  </a:lnTo>
                  <a:lnTo>
                    <a:pt x="258223" y="75819"/>
                  </a:lnTo>
                  <a:lnTo>
                    <a:pt x="263557" y="101727"/>
                  </a:lnTo>
                  <a:lnTo>
                    <a:pt x="246602" y="118682"/>
                  </a:lnTo>
                  <a:lnTo>
                    <a:pt x="247650" y="144590"/>
                  </a:lnTo>
                  <a:lnTo>
                    <a:pt x="266795" y="153638"/>
                  </a:lnTo>
                  <a:lnTo>
                    <a:pt x="258794" y="184309"/>
                  </a:lnTo>
                  <a:lnTo>
                    <a:pt x="229172" y="189071"/>
                  </a:lnTo>
                  <a:lnTo>
                    <a:pt x="219647" y="205454"/>
                  </a:lnTo>
                  <a:lnTo>
                    <a:pt x="222790" y="227171"/>
                  </a:lnTo>
                  <a:lnTo>
                    <a:pt x="201644" y="246221"/>
                  </a:lnTo>
                  <a:lnTo>
                    <a:pt x="172022" y="234029"/>
                  </a:lnTo>
                  <a:lnTo>
                    <a:pt x="154495" y="239363"/>
                  </a:lnTo>
                  <a:lnTo>
                    <a:pt x="148685" y="261557"/>
                  </a:lnTo>
                  <a:lnTo>
                    <a:pt x="115919" y="261557"/>
                  </a:lnTo>
                  <a:lnTo>
                    <a:pt x="107918" y="240411"/>
                  </a:lnTo>
                  <a:lnTo>
                    <a:pt x="87725" y="232982"/>
                  </a:lnTo>
                  <a:lnTo>
                    <a:pt x="69723" y="244602"/>
                  </a:lnTo>
                  <a:lnTo>
                    <a:pt x="41243" y="227743"/>
                  </a:lnTo>
                  <a:lnTo>
                    <a:pt x="48673" y="206026"/>
                  </a:lnTo>
                  <a:lnTo>
                    <a:pt x="34957" y="186976"/>
                  </a:lnTo>
                  <a:lnTo>
                    <a:pt x="9239" y="185357"/>
                  </a:lnTo>
                  <a:lnTo>
                    <a:pt x="0" y="150971"/>
                  </a:lnTo>
                  <a:lnTo>
                    <a:pt x="24384" y="134493"/>
                  </a:lnTo>
                  <a:lnTo>
                    <a:pt x="21717" y="116015"/>
                  </a:lnTo>
                  <a:lnTo>
                    <a:pt x="0" y="108680"/>
                  </a:lnTo>
                  <a:lnTo>
                    <a:pt x="9239" y="78962"/>
                  </a:lnTo>
                  <a:lnTo>
                    <a:pt x="39148" y="75343"/>
                  </a:lnTo>
                  <a:lnTo>
                    <a:pt x="50292" y="55150"/>
                  </a:lnTo>
                  <a:lnTo>
                    <a:pt x="40767" y="30861"/>
                  </a:lnTo>
                  <a:lnTo>
                    <a:pt x="73057" y="14478"/>
                  </a:lnTo>
                  <a:lnTo>
                    <a:pt x="97345" y="32480"/>
                  </a:lnTo>
                  <a:lnTo>
                    <a:pt x="112681" y="22955"/>
                  </a:lnTo>
                  <a:lnTo>
                    <a:pt x="116967" y="0"/>
                  </a:lnTo>
                  <a:lnTo>
                    <a:pt x="148685" y="0"/>
                  </a:lnTo>
                  <a:close/>
                </a:path>
              </a:pathLst>
            </a:custGeom>
            <a:solidFill>
              <a:srgbClr val="C7E4F1"/>
            </a:solidFill>
            <a:ln w="9525" cap="flat">
              <a:noFill/>
              <a:prstDash val="solid"/>
              <a:miter/>
            </a:ln>
          </p:spPr>
          <p:txBody>
            <a:bodyPr rtlCol="0" anchor="ctr"/>
            <a:lstStyle/>
            <a:p>
              <a:endParaRPr lang="en-AU" sz="153"/>
            </a:p>
          </p:txBody>
        </p:sp>
        <p:sp>
          <p:nvSpPr>
            <p:cNvPr id="142" name="Graphic 2">
              <a:extLst>
                <a:ext uri="{FF2B5EF4-FFF2-40B4-BE49-F238E27FC236}">
                  <a16:creationId xmlns:a16="http://schemas.microsoft.com/office/drawing/2014/main" id="{CA490C4B-755A-F5D8-6351-6DA71CE0F20C}"/>
                </a:ext>
              </a:extLst>
            </p:cNvPr>
            <p:cNvSpPr/>
            <p:nvPr/>
          </p:nvSpPr>
          <p:spPr>
            <a:xfrm>
              <a:off x="1877568" y="2270315"/>
              <a:ext cx="121729" cy="121729"/>
            </a:xfrm>
            <a:custGeom>
              <a:avLst/>
              <a:gdLst>
                <a:gd name="connsiteX0" fmla="*/ 121729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29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29" y="60865"/>
                  </a:moveTo>
                  <a:cubicBezTo>
                    <a:pt x="121729" y="94479"/>
                    <a:pt x="94479" y="121730"/>
                    <a:pt x="60865" y="121730"/>
                  </a:cubicBezTo>
                  <a:cubicBezTo>
                    <a:pt x="27250" y="121730"/>
                    <a:pt x="0" y="94479"/>
                    <a:pt x="0" y="60865"/>
                  </a:cubicBezTo>
                  <a:cubicBezTo>
                    <a:pt x="0" y="27250"/>
                    <a:pt x="27250" y="0"/>
                    <a:pt x="60865" y="0"/>
                  </a:cubicBezTo>
                  <a:cubicBezTo>
                    <a:pt x="94479" y="0"/>
                    <a:pt x="121729" y="27250"/>
                    <a:pt x="121729" y="60865"/>
                  </a:cubicBezTo>
                  <a:close/>
                </a:path>
              </a:pathLst>
            </a:custGeom>
            <a:solidFill>
              <a:srgbClr val="66B9DA"/>
            </a:solidFill>
            <a:ln w="9525" cap="flat">
              <a:noFill/>
              <a:prstDash val="solid"/>
              <a:miter/>
            </a:ln>
          </p:spPr>
          <p:txBody>
            <a:bodyPr rtlCol="0" anchor="ctr"/>
            <a:lstStyle/>
            <a:p>
              <a:endParaRPr lang="en-AU" sz="153"/>
            </a:p>
          </p:txBody>
        </p:sp>
        <p:sp>
          <p:nvSpPr>
            <p:cNvPr id="143" name="Graphic 2">
              <a:extLst>
                <a:ext uri="{FF2B5EF4-FFF2-40B4-BE49-F238E27FC236}">
                  <a16:creationId xmlns:a16="http://schemas.microsoft.com/office/drawing/2014/main" id="{42F0B88B-EDCA-EFC3-B711-07CD61244608}"/>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144" name="Graphic 2">
              <a:extLst>
                <a:ext uri="{FF2B5EF4-FFF2-40B4-BE49-F238E27FC236}">
                  <a16:creationId xmlns:a16="http://schemas.microsoft.com/office/drawing/2014/main" id="{0FBB0A76-4DCF-FB30-AED4-C65FB247D4BC}"/>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145" name="Graphic 2">
              <a:extLst>
                <a:ext uri="{FF2B5EF4-FFF2-40B4-BE49-F238E27FC236}">
                  <a16:creationId xmlns:a16="http://schemas.microsoft.com/office/drawing/2014/main" id="{8EFC6922-7B78-85A0-DF0E-137427A173A5}"/>
                </a:ext>
              </a:extLst>
            </p:cNvPr>
            <p:cNvSpPr/>
            <p:nvPr/>
          </p:nvSpPr>
          <p:spPr>
            <a:xfrm>
              <a:off x="1875948" y="2268982"/>
              <a:ext cx="124968" cy="124967"/>
            </a:xfrm>
            <a:custGeom>
              <a:avLst/>
              <a:gdLst>
                <a:gd name="connsiteX0" fmla="*/ 62484 w 124968"/>
                <a:gd name="connsiteY0" fmla="*/ 124968 h 124967"/>
                <a:gd name="connsiteX1" fmla="*/ 0 w 124968"/>
                <a:gd name="connsiteY1" fmla="*/ 62484 h 124967"/>
                <a:gd name="connsiteX2" fmla="*/ 62484 w 124968"/>
                <a:gd name="connsiteY2" fmla="*/ 0 h 124967"/>
                <a:gd name="connsiteX3" fmla="*/ 124968 w 124968"/>
                <a:gd name="connsiteY3" fmla="*/ 62484 h 124967"/>
                <a:gd name="connsiteX4" fmla="*/ 124968 w 124968"/>
                <a:gd name="connsiteY4" fmla="*/ 62579 h 124967"/>
                <a:gd name="connsiteX5" fmla="*/ 62484 w 124968"/>
                <a:gd name="connsiteY5" fmla="*/ 124968 h 124967"/>
                <a:gd name="connsiteX6" fmla="*/ 62484 w 124968"/>
                <a:gd name="connsiteY6" fmla="*/ 18002 h 124967"/>
                <a:gd name="connsiteX7" fmla="*/ 17907 w 124968"/>
                <a:gd name="connsiteY7" fmla="*/ 62579 h 124967"/>
                <a:gd name="connsiteX8" fmla="*/ 62484 w 124968"/>
                <a:gd name="connsiteY8" fmla="*/ 107156 h 124967"/>
                <a:gd name="connsiteX9" fmla="*/ 107061 w 124968"/>
                <a:gd name="connsiteY9" fmla="*/ 62579 h 124967"/>
                <a:gd name="connsiteX10" fmla="*/ 62865 w 124968"/>
                <a:gd name="connsiteY10" fmla="*/ 17621 h 124967"/>
                <a:gd name="connsiteX11" fmla="*/ 62484 w 124968"/>
                <a:gd name="connsiteY11" fmla="*/ 17621 h 1249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4968" h="124967">
                  <a:moveTo>
                    <a:pt x="62484" y="124968"/>
                  </a:moveTo>
                  <a:cubicBezTo>
                    <a:pt x="27975" y="124968"/>
                    <a:pt x="0" y="96993"/>
                    <a:pt x="0" y="62484"/>
                  </a:cubicBezTo>
                  <a:cubicBezTo>
                    <a:pt x="0" y="27975"/>
                    <a:pt x="27975" y="0"/>
                    <a:pt x="62484" y="0"/>
                  </a:cubicBezTo>
                  <a:cubicBezTo>
                    <a:pt x="96993" y="0"/>
                    <a:pt x="124968" y="27975"/>
                    <a:pt x="124968" y="62484"/>
                  </a:cubicBezTo>
                  <a:cubicBezTo>
                    <a:pt x="124968" y="62512"/>
                    <a:pt x="124968" y="62551"/>
                    <a:pt x="124968" y="62579"/>
                  </a:cubicBezTo>
                  <a:cubicBezTo>
                    <a:pt x="124911" y="97050"/>
                    <a:pt x="96955" y="124968"/>
                    <a:pt x="62484" y="124968"/>
                  </a:cubicBezTo>
                  <a:close/>
                  <a:moveTo>
                    <a:pt x="62484" y="18002"/>
                  </a:moveTo>
                  <a:cubicBezTo>
                    <a:pt x="37862" y="18002"/>
                    <a:pt x="17907" y="37957"/>
                    <a:pt x="17907" y="62579"/>
                  </a:cubicBezTo>
                  <a:cubicBezTo>
                    <a:pt x="17907" y="87201"/>
                    <a:pt x="37862" y="107156"/>
                    <a:pt x="62484" y="107156"/>
                  </a:cubicBezTo>
                  <a:cubicBezTo>
                    <a:pt x="87106" y="107156"/>
                    <a:pt x="107061" y="87201"/>
                    <a:pt x="107061" y="62579"/>
                  </a:cubicBezTo>
                  <a:cubicBezTo>
                    <a:pt x="107271" y="37957"/>
                    <a:pt x="87487" y="17831"/>
                    <a:pt x="62865" y="17621"/>
                  </a:cubicBezTo>
                  <a:cubicBezTo>
                    <a:pt x="62741" y="17621"/>
                    <a:pt x="62608" y="17621"/>
                    <a:pt x="62484" y="17621"/>
                  </a:cubicBezTo>
                  <a:close/>
                </a:path>
              </a:pathLst>
            </a:custGeom>
            <a:solidFill>
              <a:srgbClr val="265998"/>
            </a:solidFill>
            <a:ln w="9525" cap="flat">
              <a:noFill/>
              <a:prstDash val="solid"/>
              <a:miter/>
            </a:ln>
          </p:spPr>
          <p:txBody>
            <a:bodyPr rtlCol="0" anchor="ctr"/>
            <a:lstStyle/>
            <a:p>
              <a:endParaRPr lang="en-AU" sz="153"/>
            </a:p>
          </p:txBody>
        </p:sp>
        <p:sp>
          <p:nvSpPr>
            <p:cNvPr id="146" name="Graphic 2">
              <a:extLst>
                <a:ext uri="{FF2B5EF4-FFF2-40B4-BE49-F238E27FC236}">
                  <a16:creationId xmlns:a16="http://schemas.microsoft.com/office/drawing/2014/main" id="{D3C926C6-0BEA-BFF9-8EBC-81DADCFE0E85}"/>
                </a:ext>
              </a:extLst>
            </p:cNvPr>
            <p:cNvSpPr/>
            <p:nvPr/>
          </p:nvSpPr>
          <p:spPr>
            <a:xfrm>
              <a:off x="1933636" y="2340038"/>
              <a:ext cx="281447" cy="267792"/>
            </a:xfrm>
            <a:custGeom>
              <a:avLst/>
              <a:gdLst>
                <a:gd name="connsiteX0" fmla="*/ 138527 w 281447"/>
                <a:gd name="connsiteY0" fmla="*/ 267462 h 267792"/>
                <a:gd name="connsiteX1" fmla="*/ 121573 w 281447"/>
                <a:gd name="connsiteY1" fmla="*/ 266510 h 267792"/>
                <a:gd name="connsiteX2" fmla="*/ 114048 w 281447"/>
                <a:gd name="connsiteY2" fmla="*/ 260128 h 267792"/>
                <a:gd name="connsiteX3" fmla="*/ 108523 w 281447"/>
                <a:gd name="connsiteY3" fmla="*/ 242030 h 267792"/>
                <a:gd name="connsiteX4" fmla="*/ 105476 w 281447"/>
                <a:gd name="connsiteY4" fmla="*/ 239078 h 267792"/>
                <a:gd name="connsiteX5" fmla="*/ 97570 w 281447"/>
                <a:gd name="connsiteY5" fmla="*/ 236506 h 267792"/>
                <a:gd name="connsiteX6" fmla="*/ 96141 w 281447"/>
                <a:gd name="connsiteY6" fmla="*/ 236506 h 267792"/>
                <a:gd name="connsiteX7" fmla="*/ 93474 w 281447"/>
                <a:gd name="connsiteY7" fmla="*/ 237363 h 267792"/>
                <a:gd name="connsiteX8" fmla="*/ 77948 w 281447"/>
                <a:gd name="connsiteY8" fmla="*/ 249079 h 267792"/>
                <a:gd name="connsiteX9" fmla="*/ 72519 w 281447"/>
                <a:gd name="connsiteY9" fmla="*/ 250889 h 267792"/>
                <a:gd name="connsiteX10" fmla="*/ 68233 w 281447"/>
                <a:gd name="connsiteY10" fmla="*/ 249841 h 267792"/>
                <a:gd name="connsiteX11" fmla="*/ 40134 w 281447"/>
                <a:gd name="connsiteY11" fmla="*/ 229838 h 267792"/>
                <a:gd name="connsiteX12" fmla="*/ 37753 w 281447"/>
                <a:gd name="connsiteY12" fmla="*/ 220313 h 267792"/>
                <a:gd name="connsiteX13" fmla="*/ 44135 w 281447"/>
                <a:gd name="connsiteY13" fmla="*/ 202502 h 267792"/>
                <a:gd name="connsiteX14" fmla="*/ 43468 w 281447"/>
                <a:gd name="connsiteY14" fmla="*/ 198215 h 267792"/>
                <a:gd name="connsiteX15" fmla="*/ 38705 w 281447"/>
                <a:gd name="connsiteY15" fmla="*/ 191929 h 267792"/>
                <a:gd name="connsiteX16" fmla="*/ 35086 w 281447"/>
                <a:gd name="connsiteY16" fmla="*/ 190024 h 267792"/>
                <a:gd name="connsiteX17" fmla="*/ 15369 w 281447"/>
                <a:gd name="connsiteY17" fmla="*/ 190596 h 267792"/>
                <a:gd name="connsiteX18" fmla="*/ 15369 w 281447"/>
                <a:gd name="connsiteY18" fmla="*/ 190596 h 267792"/>
                <a:gd name="connsiteX19" fmla="*/ 7273 w 281447"/>
                <a:gd name="connsiteY19" fmla="*/ 185452 h 267792"/>
                <a:gd name="connsiteX20" fmla="*/ 319 w 281447"/>
                <a:gd name="connsiteY20" fmla="*/ 167926 h 267792"/>
                <a:gd name="connsiteX21" fmla="*/ 6130 w 281447"/>
                <a:gd name="connsiteY21" fmla="*/ 156591 h 267792"/>
                <a:gd name="connsiteX22" fmla="*/ 8892 w 281447"/>
                <a:gd name="connsiteY22" fmla="*/ 156591 h 267792"/>
                <a:gd name="connsiteX23" fmla="*/ 17464 w 281447"/>
                <a:gd name="connsiteY23" fmla="*/ 162782 h 267792"/>
                <a:gd name="connsiteX24" fmla="*/ 19941 w 281447"/>
                <a:gd name="connsiteY24" fmla="*/ 170021 h 267792"/>
                <a:gd name="connsiteX25" fmla="*/ 24037 w 281447"/>
                <a:gd name="connsiteY25" fmla="*/ 172784 h 267792"/>
                <a:gd name="connsiteX26" fmla="*/ 42230 w 281447"/>
                <a:gd name="connsiteY26" fmla="*/ 172212 h 267792"/>
                <a:gd name="connsiteX27" fmla="*/ 50231 w 281447"/>
                <a:gd name="connsiteY27" fmla="*/ 176594 h 267792"/>
                <a:gd name="connsiteX28" fmla="*/ 62137 w 281447"/>
                <a:gd name="connsiteY28" fmla="*/ 192500 h 267792"/>
                <a:gd name="connsiteX29" fmla="*/ 63947 w 281447"/>
                <a:gd name="connsiteY29" fmla="*/ 202025 h 267792"/>
                <a:gd name="connsiteX30" fmla="*/ 58041 w 281447"/>
                <a:gd name="connsiteY30" fmla="*/ 218408 h 267792"/>
                <a:gd name="connsiteX31" fmla="*/ 59470 w 281447"/>
                <a:gd name="connsiteY31" fmla="*/ 223361 h 267792"/>
                <a:gd name="connsiteX32" fmla="*/ 69566 w 281447"/>
                <a:gd name="connsiteY32" fmla="*/ 230410 h 267792"/>
                <a:gd name="connsiteX33" fmla="*/ 71852 w 281447"/>
                <a:gd name="connsiteY33" fmla="*/ 231077 h 267792"/>
                <a:gd name="connsiteX34" fmla="*/ 74519 w 281447"/>
                <a:gd name="connsiteY34" fmla="*/ 230219 h 267792"/>
                <a:gd name="connsiteX35" fmla="*/ 88807 w 281447"/>
                <a:gd name="connsiteY35" fmla="*/ 219361 h 267792"/>
                <a:gd name="connsiteX36" fmla="*/ 94236 w 281447"/>
                <a:gd name="connsiteY36" fmla="*/ 217551 h 267792"/>
                <a:gd name="connsiteX37" fmla="*/ 97760 w 281447"/>
                <a:gd name="connsiteY37" fmla="*/ 218218 h 267792"/>
                <a:gd name="connsiteX38" fmla="*/ 116810 w 281447"/>
                <a:gd name="connsiteY38" fmla="*/ 224314 h 267792"/>
                <a:gd name="connsiteX39" fmla="*/ 123478 w 281447"/>
                <a:gd name="connsiteY39" fmla="*/ 230505 h 267792"/>
                <a:gd name="connsiteX40" fmla="*/ 128621 w 281447"/>
                <a:gd name="connsiteY40" fmla="*/ 247269 h 267792"/>
                <a:gd name="connsiteX41" fmla="*/ 132527 w 281447"/>
                <a:gd name="connsiteY41" fmla="*/ 250413 h 267792"/>
                <a:gd name="connsiteX42" fmla="*/ 138908 w 281447"/>
                <a:gd name="connsiteY42" fmla="*/ 250413 h 267792"/>
                <a:gd name="connsiteX43" fmla="*/ 145195 w 281447"/>
                <a:gd name="connsiteY43" fmla="*/ 250413 h 267792"/>
                <a:gd name="connsiteX44" fmla="*/ 149195 w 281447"/>
                <a:gd name="connsiteY44" fmla="*/ 247269 h 267792"/>
                <a:gd name="connsiteX45" fmla="*/ 154148 w 281447"/>
                <a:gd name="connsiteY45" fmla="*/ 230410 h 267792"/>
                <a:gd name="connsiteX46" fmla="*/ 160911 w 281447"/>
                <a:gd name="connsiteY46" fmla="*/ 224219 h 267792"/>
                <a:gd name="connsiteX47" fmla="*/ 179961 w 281447"/>
                <a:gd name="connsiteY47" fmla="*/ 218027 h 267792"/>
                <a:gd name="connsiteX48" fmla="*/ 183485 w 281447"/>
                <a:gd name="connsiteY48" fmla="*/ 217361 h 267792"/>
                <a:gd name="connsiteX49" fmla="*/ 188914 w 281447"/>
                <a:gd name="connsiteY49" fmla="*/ 219075 h 267792"/>
                <a:gd name="connsiteX50" fmla="*/ 203202 w 281447"/>
                <a:gd name="connsiteY50" fmla="*/ 229838 h 267792"/>
                <a:gd name="connsiteX51" fmla="*/ 205869 w 281447"/>
                <a:gd name="connsiteY51" fmla="*/ 230791 h 267792"/>
                <a:gd name="connsiteX52" fmla="*/ 208250 w 281447"/>
                <a:gd name="connsiteY52" fmla="*/ 230029 h 267792"/>
                <a:gd name="connsiteX53" fmla="*/ 218252 w 281447"/>
                <a:gd name="connsiteY53" fmla="*/ 222885 h 267792"/>
                <a:gd name="connsiteX54" fmla="*/ 219680 w 281447"/>
                <a:gd name="connsiteY54" fmla="*/ 217932 h 267792"/>
                <a:gd name="connsiteX55" fmla="*/ 213680 w 281447"/>
                <a:gd name="connsiteY55" fmla="*/ 201644 h 267792"/>
                <a:gd name="connsiteX56" fmla="*/ 215489 w 281447"/>
                <a:gd name="connsiteY56" fmla="*/ 192119 h 267792"/>
                <a:gd name="connsiteX57" fmla="*/ 227300 w 281447"/>
                <a:gd name="connsiteY57" fmla="*/ 176117 h 267792"/>
                <a:gd name="connsiteX58" fmla="*/ 235206 w 281447"/>
                <a:gd name="connsiteY58" fmla="*/ 171736 h 267792"/>
                <a:gd name="connsiteX59" fmla="*/ 253399 w 281447"/>
                <a:gd name="connsiteY59" fmla="*/ 171736 h 267792"/>
                <a:gd name="connsiteX60" fmla="*/ 257494 w 281447"/>
                <a:gd name="connsiteY60" fmla="*/ 168974 h 267792"/>
                <a:gd name="connsiteX61" fmla="*/ 261114 w 281447"/>
                <a:gd name="connsiteY61" fmla="*/ 157734 h 267792"/>
                <a:gd name="connsiteX62" fmla="*/ 259400 w 281447"/>
                <a:gd name="connsiteY62" fmla="*/ 152876 h 267792"/>
                <a:gd name="connsiteX63" fmla="*/ 244636 w 281447"/>
                <a:gd name="connsiteY63" fmla="*/ 143351 h 267792"/>
                <a:gd name="connsiteX64" fmla="*/ 240731 w 281447"/>
                <a:gd name="connsiteY64" fmla="*/ 135065 h 267792"/>
                <a:gd name="connsiteX65" fmla="*/ 240731 w 281447"/>
                <a:gd name="connsiteY65" fmla="*/ 125063 h 267792"/>
                <a:gd name="connsiteX66" fmla="*/ 240159 w 281447"/>
                <a:gd name="connsiteY66" fmla="*/ 115538 h 267792"/>
                <a:gd name="connsiteX67" fmla="*/ 244064 w 281447"/>
                <a:gd name="connsiteY67" fmla="*/ 107252 h 267792"/>
                <a:gd name="connsiteX68" fmla="*/ 258733 w 281447"/>
                <a:gd name="connsiteY68" fmla="*/ 97727 h 267792"/>
                <a:gd name="connsiteX69" fmla="*/ 260447 w 281447"/>
                <a:gd name="connsiteY69" fmla="*/ 92869 h 267792"/>
                <a:gd name="connsiteX70" fmla="*/ 256733 w 281447"/>
                <a:gd name="connsiteY70" fmla="*/ 81629 h 267792"/>
                <a:gd name="connsiteX71" fmla="*/ 252637 w 281447"/>
                <a:gd name="connsiteY71" fmla="*/ 78867 h 267792"/>
                <a:gd name="connsiteX72" fmla="*/ 234444 w 281447"/>
                <a:gd name="connsiteY72" fmla="*/ 79343 h 267792"/>
                <a:gd name="connsiteX73" fmla="*/ 226538 w 281447"/>
                <a:gd name="connsiteY73" fmla="*/ 75057 h 267792"/>
                <a:gd name="connsiteX74" fmla="*/ 214537 w 281447"/>
                <a:gd name="connsiteY74" fmla="*/ 58960 h 267792"/>
                <a:gd name="connsiteX75" fmla="*/ 212822 w 281447"/>
                <a:gd name="connsiteY75" fmla="*/ 49911 h 267792"/>
                <a:gd name="connsiteX76" fmla="*/ 218633 w 281447"/>
                <a:gd name="connsiteY76" fmla="*/ 33623 h 267792"/>
                <a:gd name="connsiteX77" fmla="*/ 217204 w 281447"/>
                <a:gd name="connsiteY77" fmla="*/ 28671 h 267792"/>
                <a:gd name="connsiteX78" fmla="*/ 207679 w 281447"/>
                <a:gd name="connsiteY78" fmla="*/ 21527 h 267792"/>
                <a:gd name="connsiteX79" fmla="*/ 205298 w 281447"/>
                <a:gd name="connsiteY79" fmla="*/ 20860 h 267792"/>
                <a:gd name="connsiteX80" fmla="*/ 202631 w 281447"/>
                <a:gd name="connsiteY80" fmla="*/ 21717 h 267792"/>
                <a:gd name="connsiteX81" fmla="*/ 188343 w 281447"/>
                <a:gd name="connsiteY81" fmla="*/ 32576 h 267792"/>
                <a:gd name="connsiteX82" fmla="*/ 182914 w 281447"/>
                <a:gd name="connsiteY82" fmla="*/ 34481 h 267792"/>
                <a:gd name="connsiteX83" fmla="*/ 179389 w 281447"/>
                <a:gd name="connsiteY83" fmla="*/ 33719 h 267792"/>
                <a:gd name="connsiteX84" fmla="*/ 175389 w 281447"/>
                <a:gd name="connsiteY84" fmla="*/ 32100 h 267792"/>
                <a:gd name="connsiteX85" fmla="*/ 170341 w 281447"/>
                <a:gd name="connsiteY85" fmla="*/ 27337 h 267792"/>
                <a:gd name="connsiteX86" fmla="*/ 170341 w 281447"/>
                <a:gd name="connsiteY86" fmla="*/ 20479 h 267792"/>
                <a:gd name="connsiteX87" fmla="*/ 178627 w 281447"/>
                <a:gd name="connsiteY87" fmla="*/ 14669 h 267792"/>
                <a:gd name="connsiteX88" fmla="*/ 180914 w 281447"/>
                <a:gd name="connsiteY88" fmla="*/ 14669 h 267792"/>
                <a:gd name="connsiteX89" fmla="*/ 183581 w 281447"/>
                <a:gd name="connsiteY89" fmla="*/ 13811 h 267792"/>
                <a:gd name="connsiteX90" fmla="*/ 199297 w 281447"/>
                <a:gd name="connsiteY90" fmla="*/ 1810 h 267792"/>
                <a:gd name="connsiteX91" fmla="*/ 204726 w 281447"/>
                <a:gd name="connsiteY91" fmla="*/ 0 h 267792"/>
                <a:gd name="connsiteX92" fmla="*/ 209012 w 281447"/>
                <a:gd name="connsiteY92" fmla="*/ 1143 h 267792"/>
                <a:gd name="connsiteX93" fmla="*/ 237111 w 281447"/>
                <a:gd name="connsiteY93" fmla="*/ 21050 h 267792"/>
                <a:gd name="connsiteX94" fmla="*/ 239588 w 281447"/>
                <a:gd name="connsiteY94" fmla="*/ 30575 h 267792"/>
                <a:gd name="connsiteX95" fmla="*/ 233206 w 281447"/>
                <a:gd name="connsiteY95" fmla="*/ 48387 h 267792"/>
                <a:gd name="connsiteX96" fmla="*/ 233873 w 281447"/>
                <a:gd name="connsiteY96" fmla="*/ 52578 h 267792"/>
                <a:gd name="connsiteX97" fmla="*/ 238635 w 281447"/>
                <a:gd name="connsiteY97" fmla="*/ 58960 h 267792"/>
                <a:gd name="connsiteX98" fmla="*/ 242159 w 281447"/>
                <a:gd name="connsiteY98" fmla="*/ 60865 h 267792"/>
                <a:gd name="connsiteX99" fmla="*/ 261781 w 281447"/>
                <a:gd name="connsiteY99" fmla="*/ 60198 h 267792"/>
                <a:gd name="connsiteX100" fmla="*/ 270258 w 281447"/>
                <a:gd name="connsiteY100" fmla="*/ 65342 h 267792"/>
                <a:gd name="connsiteX101" fmla="*/ 281117 w 281447"/>
                <a:gd name="connsiteY101" fmla="*/ 97822 h 267792"/>
                <a:gd name="connsiteX102" fmla="*/ 277306 w 281447"/>
                <a:gd name="connsiteY102" fmla="*/ 107347 h 267792"/>
                <a:gd name="connsiteX103" fmla="*/ 261400 w 281447"/>
                <a:gd name="connsiteY103" fmla="*/ 118205 h 267792"/>
                <a:gd name="connsiteX104" fmla="*/ 259495 w 281447"/>
                <a:gd name="connsiteY104" fmla="*/ 121920 h 267792"/>
                <a:gd name="connsiteX105" fmla="*/ 259495 w 281447"/>
                <a:gd name="connsiteY105" fmla="*/ 125825 h 267792"/>
                <a:gd name="connsiteX106" fmla="*/ 259495 w 281447"/>
                <a:gd name="connsiteY106" fmla="*/ 129635 h 267792"/>
                <a:gd name="connsiteX107" fmla="*/ 261400 w 281447"/>
                <a:gd name="connsiteY107" fmla="*/ 133446 h 267792"/>
                <a:gd name="connsiteX108" fmla="*/ 277402 w 281447"/>
                <a:gd name="connsiteY108" fmla="*/ 144113 h 267792"/>
                <a:gd name="connsiteX109" fmla="*/ 281212 w 281447"/>
                <a:gd name="connsiteY109" fmla="*/ 153638 h 267792"/>
                <a:gd name="connsiteX110" fmla="*/ 270639 w 281447"/>
                <a:gd name="connsiteY110" fmla="*/ 186119 h 267792"/>
                <a:gd name="connsiteX111" fmla="*/ 263305 w 281447"/>
                <a:gd name="connsiteY111" fmla="*/ 191357 h 267792"/>
                <a:gd name="connsiteX112" fmla="*/ 262257 w 281447"/>
                <a:gd name="connsiteY112" fmla="*/ 191357 h 267792"/>
                <a:gd name="connsiteX113" fmla="*/ 242540 w 281447"/>
                <a:gd name="connsiteY113" fmla="*/ 190881 h 267792"/>
                <a:gd name="connsiteX114" fmla="*/ 238921 w 281447"/>
                <a:gd name="connsiteY114" fmla="*/ 192786 h 267792"/>
                <a:gd name="connsiteX115" fmla="*/ 234254 w 281447"/>
                <a:gd name="connsiteY115" fmla="*/ 199168 h 267792"/>
                <a:gd name="connsiteX116" fmla="*/ 233587 w 281447"/>
                <a:gd name="connsiteY116" fmla="*/ 203359 h 267792"/>
                <a:gd name="connsiteX117" fmla="*/ 240064 w 281447"/>
                <a:gd name="connsiteY117" fmla="*/ 221171 h 267792"/>
                <a:gd name="connsiteX118" fmla="*/ 237683 w 281447"/>
                <a:gd name="connsiteY118" fmla="*/ 230696 h 267792"/>
                <a:gd name="connsiteX119" fmla="*/ 209679 w 281447"/>
                <a:gd name="connsiteY119" fmla="*/ 250793 h 267792"/>
                <a:gd name="connsiteX120" fmla="*/ 205393 w 281447"/>
                <a:gd name="connsiteY120" fmla="*/ 251936 h 267792"/>
                <a:gd name="connsiteX121" fmla="*/ 199964 w 281447"/>
                <a:gd name="connsiteY121" fmla="*/ 250127 h 267792"/>
                <a:gd name="connsiteX122" fmla="*/ 184438 w 281447"/>
                <a:gd name="connsiteY122" fmla="*/ 238411 h 267792"/>
                <a:gd name="connsiteX123" fmla="*/ 181866 w 281447"/>
                <a:gd name="connsiteY123" fmla="*/ 237554 h 267792"/>
                <a:gd name="connsiteX124" fmla="*/ 180342 w 281447"/>
                <a:gd name="connsiteY124" fmla="*/ 237554 h 267792"/>
                <a:gd name="connsiteX125" fmla="*/ 172436 w 281447"/>
                <a:gd name="connsiteY125" fmla="*/ 240125 h 267792"/>
                <a:gd name="connsiteX126" fmla="*/ 169388 w 281447"/>
                <a:gd name="connsiteY126" fmla="*/ 243078 h 267792"/>
                <a:gd name="connsiteX127" fmla="*/ 163959 w 281447"/>
                <a:gd name="connsiteY127" fmla="*/ 261271 h 267792"/>
                <a:gd name="connsiteX128" fmla="*/ 156434 w 281447"/>
                <a:gd name="connsiteY128" fmla="*/ 267653 h 267792"/>
                <a:gd name="connsiteX129" fmla="*/ 138527 w 281447"/>
                <a:gd name="connsiteY129" fmla="*/ 267462 h 2677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81447" h="267792">
                  <a:moveTo>
                    <a:pt x="138527" y="267462"/>
                  </a:moveTo>
                  <a:cubicBezTo>
                    <a:pt x="132860" y="267472"/>
                    <a:pt x="127202" y="267157"/>
                    <a:pt x="121573" y="266510"/>
                  </a:cubicBezTo>
                  <a:cubicBezTo>
                    <a:pt x="118077" y="265948"/>
                    <a:pt x="115172" y="263490"/>
                    <a:pt x="114048" y="260128"/>
                  </a:cubicBezTo>
                  <a:lnTo>
                    <a:pt x="108523" y="242030"/>
                  </a:lnTo>
                  <a:cubicBezTo>
                    <a:pt x="108104" y="240573"/>
                    <a:pt x="106942" y="239459"/>
                    <a:pt x="105476" y="239078"/>
                  </a:cubicBezTo>
                  <a:lnTo>
                    <a:pt x="97570" y="236506"/>
                  </a:lnTo>
                  <a:cubicBezTo>
                    <a:pt x="97093" y="236411"/>
                    <a:pt x="96617" y="236411"/>
                    <a:pt x="96141" y="236506"/>
                  </a:cubicBezTo>
                  <a:cubicBezTo>
                    <a:pt x="95179" y="236496"/>
                    <a:pt x="94246" y="236801"/>
                    <a:pt x="93474" y="237363"/>
                  </a:cubicBezTo>
                  <a:lnTo>
                    <a:pt x="77948" y="249079"/>
                  </a:lnTo>
                  <a:cubicBezTo>
                    <a:pt x="76405" y="250289"/>
                    <a:pt x="74481" y="250936"/>
                    <a:pt x="72519" y="250889"/>
                  </a:cubicBezTo>
                  <a:cubicBezTo>
                    <a:pt x="71024" y="250879"/>
                    <a:pt x="69557" y="250517"/>
                    <a:pt x="68233" y="249841"/>
                  </a:cubicBezTo>
                  <a:cubicBezTo>
                    <a:pt x="58108" y="244317"/>
                    <a:pt x="48668" y="237601"/>
                    <a:pt x="40134" y="229838"/>
                  </a:cubicBezTo>
                  <a:cubicBezTo>
                    <a:pt x="37496" y="227438"/>
                    <a:pt x="36553" y="223676"/>
                    <a:pt x="37753" y="220313"/>
                  </a:cubicBezTo>
                  <a:lnTo>
                    <a:pt x="44135" y="202502"/>
                  </a:lnTo>
                  <a:cubicBezTo>
                    <a:pt x="44582" y="201044"/>
                    <a:pt x="44335" y="199463"/>
                    <a:pt x="43468" y="198215"/>
                  </a:cubicBezTo>
                  <a:cubicBezTo>
                    <a:pt x="41848" y="196215"/>
                    <a:pt x="40229" y="194120"/>
                    <a:pt x="38705" y="191929"/>
                  </a:cubicBezTo>
                  <a:cubicBezTo>
                    <a:pt x="37886" y="190738"/>
                    <a:pt x="36534" y="190024"/>
                    <a:pt x="35086" y="190024"/>
                  </a:cubicBezTo>
                  <a:lnTo>
                    <a:pt x="15369" y="190596"/>
                  </a:lnTo>
                  <a:lnTo>
                    <a:pt x="15369" y="190596"/>
                  </a:lnTo>
                  <a:cubicBezTo>
                    <a:pt x="11940" y="190462"/>
                    <a:pt x="8844" y="188500"/>
                    <a:pt x="7273" y="185452"/>
                  </a:cubicBezTo>
                  <a:cubicBezTo>
                    <a:pt x="4606" y="179756"/>
                    <a:pt x="2282" y="173908"/>
                    <a:pt x="319" y="167926"/>
                  </a:cubicBezTo>
                  <a:cubicBezTo>
                    <a:pt x="-928" y="163221"/>
                    <a:pt x="1577" y="158325"/>
                    <a:pt x="6130" y="156591"/>
                  </a:cubicBezTo>
                  <a:cubicBezTo>
                    <a:pt x="7044" y="156496"/>
                    <a:pt x="7978" y="156496"/>
                    <a:pt x="8892" y="156591"/>
                  </a:cubicBezTo>
                  <a:cubicBezTo>
                    <a:pt x="12740" y="156734"/>
                    <a:pt x="16122" y="159172"/>
                    <a:pt x="17464" y="162782"/>
                  </a:cubicBezTo>
                  <a:cubicBezTo>
                    <a:pt x="18226" y="165164"/>
                    <a:pt x="19084" y="167545"/>
                    <a:pt x="19941" y="170021"/>
                  </a:cubicBezTo>
                  <a:cubicBezTo>
                    <a:pt x="20627" y="171679"/>
                    <a:pt x="22237" y="172765"/>
                    <a:pt x="24037" y="172784"/>
                  </a:cubicBezTo>
                  <a:lnTo>
                    <a:pt x="42230" y="172212"/>
                  </a:lnTo>
                  <a:cubicBezTo>
                    <a:pt x="45468" y="172222"/>
                    <a:pt x="48478" y="173870"/>
                    <a:pt x="50231" y="176594"/>
                  </a:cubicBezTo>
                  <a:cubicBezTo>
                    <a:pt x="53621" y="182299"/>
                    <a:pt x="57612" y="187633"/>
                    <a:pt x="62137" y="192500"/>
                  </a:cubicBezTo>
                  <a:cubicBezTo>
                    <a:pt x="64432" y="195110"/>
                    <a:pt x="65128" y="198758"/>
                    <a:pt x="63947" y="202025"/>
                  </a:cubicBezTo>
                  <a:lnTo>
                    <a:pt x="58041" y="218408"/>
                  </a:lnTo>
                  <a:cubicBezTo>
                    <a:pt x="57450" y="220199"/>
                    <a:pt x="58022" y="222161"/>
                    <a:pt x="59470" y="223361"/>
                  </a:cubicBezTo>
                  <a:cubicBezTo>
                    <a:pt x="62708" y="225838"/>
                    <a:pt x="66137" y="228219"/>
                    <a:pt x="69566" y="230410"/>
                  </a:cubicBezTo>
                  <a:cubicBezTo>
                    <a:pt x="70243" y="230858"/>
                    <a:pt x="71043" y="231096"/>
                    <a:pt x="71852" y="231077"/>
                  </a:cubicBezTo>
                  <a:cubicBezTo>
                    <a:pt x="72814" y="231086"/>
                    <a:pt x="73748" y="230781"/>
                    <a:pt x="74519" y="230219"/>
                  </a:cubicBezTo>
                  <a:lnTo>
                    <a:pt x="88807" y="219361"/>
                  </a:lnTo>
                  <a:cubicBezTo>
                    <a:pt x="90388" y="218218"/>
                    <a:pt x="92283" y="217580"/>
                    <a:pt x="94236" y="217551"/>
                  </a:cubicBezTo>
                  <a:cubicBezTo>
                    <a:pt x="95446" y="217532"/>
                    <a:pt x="96646" y="217761"/>
                    <a:pt x="97760" y="218218"/>
                  </a:cubicBezTo>
                  <a:cubicBezTo>
                    <a:pt x="103875" y="220914"/>
                    <a:pt x="110267" y="222952"/>
                    <a:pt x="116810" y="224314"/>
                  </a:cubicBezTo>
                  <a:cubicBezTo>
                    <a:pt x="119992" y="225009"/>
                    <a:pt x="122544" y="227381"/>
                    <a:pt x="123478" y="230505"/>
                  </a:cubicBezTo>
                  <a:lnTo>
                    <a:pt x="128621" y="247269"/>
                  </a:lnTo>
                  <a:cubicBezTo>
                    <a:pt x="129107" y="249050"/>
                    <a:pt x="130688" y="250317"/>
                    <a:pt x="132527" y="250413"/>
                  </a:cubicBezTo>
                  <a:lnTo>
                    <a:pt x="138908" y="250413"/>
                  </a:lnTo>
                  <a:lnTo>
                    <a:pt x="145195" y="250413"/>
                  </a:lnTo>
                  <a:cubicBezTo>
                    <a:pt x="147052" y="250298"/>
                    <a:pt x="148643" y="249050"/>
                    <a:pt x="149195" y="247269"/>
                  </a:cubicBezTo>
                  <a:lnTo>
                    <a:pt x="154148" y="230410"/>
                  </a:lnTo>
                  <a:cubicBezTo>
                    <a:pt x="155196" y="227324"/>
                    <a:pt x="157749" y="224990"/>
                    <a:pt x="160911" y="224219"/>
                  </a:cubicBezTo>
                  <a:cubicBezTo>
                    <a:pt x="167455" y="222800"/>
                    <a:pt x="173836" y="220723"/>
                    <a:pt x="179961" y="218027"/>
                  </a:cubicBezTo>
                  <a:cubicBezTo>
                    <a:pt x="181075" y="217561"/>
                    <a:pt x="182276" y="217332"/>
                    <a:pt x="183485" y="217361"/>
                  </a:cubicBezTo>
                  <a:cubicBezTo>
                    <a:pt x="185428" y="217361"/>
                    <a:pt x="187324" y="217961"/>
                    <a:pt x="188914" y="219075"/>
                  </a:cubicBezTo>
                  <a:lnTo>
                    <a:pt x="203202" y="229838"/>
                  </a:lnTo>
                  <a:cubicBezTo>
                    <a:pt x="203964" y="230429"/>
                    <a:pt x="204898" y="230762"/>
                    <a:pt x="205869" y="230791"/>
                  </a:cubicBezTo>
                  <a:cubicBezTo>
                    <a:pt x="206717" y="230772"/>
                    <a:pt x="207545" y="230505"/>
                    <a:pt x="208250" y="230029"/>
                  </a:cubicBezTo>
                  <a:cubicBezTo>
                    <a:pt x="211708" y="227819"/>
                    <a:pt x="215042" y="225438"/>
                    <a:pt x="218252" y="222885"/>
                  </a:cubicBezTo>
                  <a:cubicBezTo>
                    <a:pt x="219699" y="221685"/>
                    <a:pt x="220271" y="219723"/>
                    <a:pt x="219680" y="217932"/>
                  </a:cubicBezTo>
                  <a:lnTo>
                    <a:pt x="213680" y="201644"/>
                  </a:lnTo>
                  <a:cubicBezTo>
                    <a:pt x="212365" y="198387"/>
                    <a:pt x="213070" y="194663"/>
                    <a:pt x="215489" y="192119"/>
                  </a:cubicBezTo>
                  <a:cubicBezTo>
                    <a:pt x="219937" y="187186"/>
                    <a:pt x="223890" y="181823"/>
                    <a:pt x="227300" y="176117"/>
                  </a:cubicBezTo>
                  <a:cubicBezTo>
                    <a:pt x="229034" y="173422"/>
                    <a:pt x="232006" y="171774"/>
                    <a:pt x="235206" y="171736"/>
                  </a:cubicBezTo>
                  <a:lnTo>
                    <a:pt x="253399" y="171736"/>
                  </a:lnTo>
                  <a:cubicBezTo>
                    <a:pt x="255199" y="171746"/>
                    <a:pt x="256828" y="170650"/>
                    <a:pt x="257494" y="168974"/>
                  </a:cubicBezTo>
                  <a:cubicBezTo>
                    <a:pt x="258828" y="165259"/>
                    <a:pt x="260066" y="161544"/>
                    <a:pt x="261114" y="157734"/>
                  </a:cubicBezTo>
                  <a:cubicBezTo>
                    <a:pt x="261657" y="155915"/>
                    <a:pt x="260962" y="153953"/>
                    <a:pt x="259400" y="152876"/>
                  </a:cubicBezTo>
                  <a:lnTo>
                    <a:pt x="244636" y="143351"/>
                  </a:lnTo>
                  <a:cubicBezTo>
                    <a:pt x="242007" y="141437"/>
                    <a:pt x="240531" y="138313"/>
                    <a:pt x="240731" y="135065"/>
                  </a:cubicBezTo>
                  <a:cubicBezTo>
                    <a:pt x="240911" y="131731"/>
                    <a:pt x="240911" y="128397"/>
                    <a:pt x="240731" y="125063"/>
                  </a:cubicBezTo>
                  <a:cubicBezTo>
                    <a:pt x="240711" y="121882"/>
                    <a:pt x="240521" y="118701"/>
                    <a:pt x="240159" y="115538"/>
                  </a:cubicBezTo>
                  <a:cubicBezTo>
                    <a:pt x="239959" y="112290"/>
                    <a:pt x="241435" y="109166"/>
                    <a:pt x="244064" y="107252"/>
                  </a:cubicBezTo>
                  <a:lnTo>
                    <a:pt x="258733" y="97727"/>
                  </a:lnTo>
                  <a:cubicBezTo>
                    <a:pt x="260295" y="96650"/>
                    <a:pt x="260990" y="94688"/>
                    <a:pt x="260447" y="92869"/>
                  </a:cubicBezTo>
                  <a:cubicBezTo>
                    <a:pt x="259400" y="89154"/>
                    <a:pt x="258161" y="85344"/>
                    <a:pt x="256733" y="81629"/>
                  </a:cubicBezTo>
                  <a:cubicBezTo>
                    <a:pt x="256066" y="79953"/>
                    <a:pt x="254437" y="78858"/>
                    <a:pt x="252637" y="78867"/>
                  </a:cubicBezTo>
                  <a:lnTo>
                    <a:pt x="234444" y="79343"/>
                  </a:lnTo>
                  <a:cubicBezTo>
                    <a:pt x="231196" y="79572"/>
                    <a:pt x="228119" y="77896"/>
                    <a:pt x="226538" y="75057"/>
                  </a:cubicBezTo>
                  <a:cubicBezTo>
                    <a:pt x="223090" y="69304"/>
                    <a:pt x="219071" y="63903"/>
                    <a:pt x="214537" y="58960"/>
                  </a:cubicBezTo>
                  <a:cubicBezTo>
                    <a:pt x="212336" y="56493"/>
                    <a:pt x="211679" y="53016"/>
                    <a:pt x="212822" y="49911"/>
                  </a:cubicBezTo>
                  <a:lnTo>
                    <a:pt x="218633" y="33623"/>
                  </a:lnTo>
                  <a:cubicBezTo>
                    <a:pt x="219309" y="31842"/>
                    <a:pt x="218728" y="29823"/>
                    <a:pt x="217204" y="28671"/>
                  </a:cubicBezTo>
                  <a:cubicBezTo>
                    <a:pt x="214089" y="26194"/>
                    <a:pt x="210917" y="23813"/>
                    <a:pt x="207679" y="21527"/>
                  </a:cubicBezTo>
                  <a:cubicBezTo>
                    <a:pt x="206964" y="21079"/>
                    <a:pt x="206136" y="20841"/>
                    <a:pt x="205298" y="20860"/>
                  </a:cubicBezTo>
                  <a:cubicBezTo>
                    <a:pt x="204335" y="20850"/>
                    <a:pt x="203402" y="21155"/>
                    <a:pt x="202631" y="21717"/>
                  </a:cubicBezTo>
                  <a:lnTo>
                    <a:pt x="188343" y="32576"/>
                  </a:lnTo>
                  <a:cubicBezTo>
                    <a:pt x="186800" y="33804"/>
                    <a:pt x="184886" y="34471"/>
                    <a:pt x="182914" y="34481"/>
                  </a:cubicBezTo>
                  <a:cubicBezTo>
                    <a:pt x="181704" y="34452"/>
                    <a:pt x="180504" y="34195"/>
                    <a:pt x="179389" y="33719"/>
                  </a:cubicBezTo>
                  <a:lnTo>
                    <a:pt x="175389" y="32100"/>
                  </a:lnTo>
                  <a:cubicBezTo>
                    <a:pt x="173132" y="31261"/>
                    <a:pt x="171303" y="29547"/>
                    <a:pt x="170341" y="27337"/>
                  </a:cubicBezTo>
                  <a:cubicBezTo>
                    <a:pt x="169388" y="25146"/>
                    <a:pt x="169388" y="22670"/>
                    <a:pt x="170341" y="20479"/>
                  </a:cubicBezTo>
                  <a:cubicBezTo>
                    <a:pt x="171617" y="17002"/>
                    <a:pt x="174922" y="14678"/>
                    <a:pt x="178627" y="14669"/>
                  </a:cubicBezTo>
                  <a:lnTo>
                    <a:pt x="180914" y="14669"/>
                  </a:lnTo>
                  <a:cubicBezTo>
                    <a:pt x="181876" y="14678"/>
                    <a:pt x="182809" y="14373"/>
                    <a:pt x="183581" y="13811"/>
                  </a:cubicBezTo>
                  <a:lnTo>
                    <a:pt x="199297" y="1810"/>
                  </a:lnTo>
                  <a:cubicBezTo>
                    <a:pt x="200878" y="667"/>
                    <a:pt x="202773" y="29"/>
                    <a:pt x="204726" y="0"/>
                  </a:cubicBezTo>
                  <a:cubicBezTo>
                    <a:pt x="206231" y="-9"/>
                    <a:pt x="207707" y="391"/>
                    <a:pt x="209012" y="1143"/>
                  </a:cubicBezTo>
                  <a:cubicBezTo>
                    <a:pt x="219147" y="6620"/>
                    <a:pt x="228586" y="13307"/>
                    <a:pt x="237111" y="21050"/>
                  </a:cubicBezTo>
                  <a:cubicBezTo>
                    <a:pt x="239769" y="23451"/>
                    <a:pt x="240740" y="27194"/>
                    <a:pt x="239588" y="30575"/>
                  </a:cubicBezTo>
                  <a:lnTo>
                    <a:pt x="233206" y="48387"/>
                  </a:lnTo>
                  <a:cubicBezTo>
                    <a:pt x="232653" y="49806"/>
                    <a:pt x="232910" y="51407"/>
                    <a:pt x="233873" y="52578"/>
                  </a:cubicBezTo>
                  <a:lnTo>
                    <a:pt x="238635" y="58960"/>
                  </a:lnTo>
                  <a:cubicBezTo>
                    <a:pt x="239426" y="60141"/>
                    <a:pt x="240740" y="60855"/>
                    <a:pt x="242159" y="60865"/>
                  </a:cubicBezTo>
                  <a:lnTo>
                    <a:pt x="261781" y="60198"/>
                  </a:lnTo>
                  <a:cubicBezTo>
                    <a:pt x="265343" y="60189"/>
                    <a:pt x="268620" y="62179"/>
                    <a:pt x="270258" y="65342"/>
                  </a:cubicBezTo>
                  <a:cubicBezTo>
                    <a:pt x="275192" y="75686"/>
                    <a:pt x="278840" y="86592"/>
                    <a:pt x="281117" y="97822"/>
                  </a:cubicBezTo>
                  <a:cubicBezTo>
                    <a:pt x="282002" y="101480"/>
                    <a:pt x="280469" y="105309"/>
                    <a:pt x="277306" y="107347"/>
                  </a:cubicBezTo>
                  <a:lnTo>
                    <a:pt x="261400" y="118205"/>
                  </a:lnTo>
                  <a:cubicBezTo>
                    <a:pt x="260133" y="119006"/>
                    <a:pt x="259400" y="120425"/>
                    <a:pt x="259495" y="121920"/>
                  </a:cubicBezTo>
                  <a:cubicBezTo>
                    <a:pt x="259495" y="123349"/>
                    <a:pt x="259495" y="124587"/>
                    <a:pt x="259495" y="125825"/>
                  </a:cubicBezTo>
                  <a:cubicBezTo>
                    <a:pt x="259495" y="127064"/>
                    <a:pt x="259495" y="128397"/>
                    <a:pt x="259495" y="129635"/>
                  </a:cubicBezTo>
                  <a:cubicBezTo>
                    <a:pt x="259466" y="131140"/>
                    <a:pt x="260181" y="132569"/>
                    <a:pt x="261400" y="133446"/>
                  </a:cubicBezTo>
                  <a:lnTo>
                    <a:pt x="277402" y="144113"/>
                  </a:lnTo>
                  <a:cubicBezTo>
                    <a:pt x="280545" y="146171"/>
                    <a:pt x="282069" y="149981"/>
                    <a:pt x="281212" y="153638"/>
                  </a:cubicBezTo>
                  <a:cubicBezTo>
                    <a:pt x="279021" y="164859"/>
                    <a:pt x="275468" y="175765"/>
                    <a:pt x="270639" y="186119"/>
                  </a:cubicBezTo>
                  <a:cubicBezTo>
                    <a:pt x="269439" y="189157"/>
                    <a:pt x="266572" y="191205"/>
                    <a:pt x="263305" y="191357"/>
                  </a:cubicBezTo>
                  <a:lnTo>
                    <a:pt x="262257" y="191357"/>
                  </a:lnTo>
                  <a:lnTo>
                    <a:pt x="242540" y="190881"/>
                  </a:lnTo>
                  <a:cubicBezTo>
                    <a:pt x="241102" y="190910"/>
                    <a:pt x="239759" y="191615"/>
                    <a:pt x="238921" y="192786"/>
                  </a:cubicBezTo>
                  <a:cubicBezTo>
                    <a:pt x="237482" y="194996"/>
                    <a:pt x="235920" y="197130"/>
                    <a:pt x="234254" y="199168"/>
                  </a:cubicBezTo>
                  <a:cubicBezTo>
                    <a:pt x="233339" y="200368"/>
                    <a:pt x="233091" y="201940"/>
                    <a:pt x="233587" y="203359"/>
                  </a:cubicBezTo>
                  <a:lnTo>
                    <a:pt x="240064" y="221171"/>
                  </a:lnTo>
                  <a:cubicBezTo>
                    <a:pt x="241264" y="224533"/>
                    <a:pt x="240321" y="228295"/>
                    <a:pt x="237683" y="230696"/>
                  </a:cubicBezTo>
                  <a:cubicBezTo>
                    <a:pt x="229148" y="238449"/>
                    <a:pt x="219757" y="245193"/>
                    <a:pt x="209679" y="250793"/>
                  </a:cubicBezTo>
                  <a:cubicBezTo>
                    <a:pt x="208374" y="251546"/>
                    <a:pt x="206898" y="251946"/>
                    <a:pt x="205393" y="251936"/>
                  </a:cubicBezTo>
                  <a:cubicBezTo>
                    <a:pt x="203440" y="251908"/>
                    <a:pt x="201545" y="251270"/>
                    <a:pt x="199964" y="250127"/>
                  </a:cubicBezTo>
                  <a:lnTo>
                    <a:pt x="184438" y="238411"/>
                  </a:lnTo>
                  <a:cubicBezTo>
                    <a:pt x="183695" y="237858"/>
                    <a:pt x="182790" y="237563"/>
                    <a:pt x="181866" y="237554"/>
                  </a:cubicBezTo>
                  <a:cubicBezTo>
                    <a:pt x="181361" y="237449"/>
                    <a:pt x="180847" y="237449"/>
                    <a:pt x="180342" y="237554"/>
                  </a:cubicBezTo>
                  <a:lnTo>
                    <a:pt x="172436" y="240125"/>
                  </a:lnTo>
                  <a:cubicBezTo>
                    <a:pt x="170969" y="240506"/>
                    <a:pt x="169807" y="241621"/>
                    <a:pt x="169388" y="243078"/>
                  </a:cubicBezTo>
                  <a:lnTo>
                    <a:pt x="163959" y="261271"/>
                  </a:lnTo>
                  <a:cubicBezTo>
                    <a:pt x="162978" y="264728"/>
                    <a:pt x="160006" y="267253"/>
                    <a:pt x="156434" y="267653"/>
                  </a:cubicBezTo>
                  <a:cubicBezTo>
                    <a:pt x="150462" y="267891"/>
                    <a:pt x="144490" y="267824"/>
                    <a:pt x="138527" y="267462"/>
                  </a:cubicBezTo>
                  <a:close/>
                </a:path>
              </a:pathLst>
            </a:custGeom>
            <a:solidFill>
              <a:srgbClr val="265998"/>
            </a:solidFill>
            <a:ln w="9525" cap="flat">
              <a:noFill/>
              <a:prstDash val="solid"/>
              <a:miter/>
            </a:ln>
          </p:spPr>
          <p:txBody>
            <a:bodyPr rtlCol="0" anchor="ctr"/>
            <a:lstStyle/>
            <a:p>
              <a:endParaRPr lang="en-AU" sz="153"/>
            </a:p>
          </p:txBody>
        </p:sp>
        <p:sp>
          <p:nvSpPr>
            <p:cNvPr id="147" name="Graphic 2">
              <a:extLst>
                <a:ext uri="{FF2B5EF4-FFF2-40B4-BE49-F238E27FC236}">
                  <a16:creationId xmlns:a16="http://schemas.microsoft.com/office/drawing/2014/main" id="{2A981A34-D981-C957-00F1-4B1026CEF36B}"/>
                </a:ext>
              </a:extLst>
            </p:cNvPr>
            <p:cNvSpPr/>
            <p:nvPr/>
          </p:nvSpPr>
          <p:spPr>
            <a:xfrm>
              <a:off x="2011434" y="2404260"/>
              <a:ext cx="123259" cy="123039"/>
            </a:xfrm>
            <a:custGeom>
              <a:avLst/>
              <a:gdLst>
                <a:gd name="connsiteX0" fmla="*/ 60730 w 123259"/>
                <a:gd name="connsiteY0" fmla="*/ 123039 h 123039"/>
                <a:gd name="connsiteX1" fmla="*/ 246 w 123259"/>
                <a:gd name="connsiteY1" fmla="*/ 76271 h 123039"/>
                <a:gd name="connsiteX2" fmla="*/ 1198 w 123259"/>
                <a:gd name="connsiteY2" fmla="*/ 69509 h 123039"/>
                <a:gd name="connsiteX3" fmla="*/ 6723 w 123259"/>
                <a:gd name="connsiteY3" fmla="*/ 65318 h 123039"/>
                <a:gd name="connsiteX4" fmla="*/ 9009 w 123259"/>
                <a:gd name="connsiteY4" fmla="*/ 65318 h 123039"/>
                <a:gd name="connsiteX5" fmla="*/ 17676 w 123259"/>
                <a:gd name="connsiteY5" fmla="*/ 72080 h 123039"/>
                <a:gd name="connsiteX6" fmla="*/ 71969 w 123259"/>
                <a:gd name="connsiteY6" fmla="*/ 103856 h 123039"/>
                <a:gd name="connsiteX7" fmla="*/ 103744 w 123259"/>
                <a:gd name="connsiteY7" fmla="*/ 49563 h 123039"/>
                <a:gd name="connsiteX8" fmla="*/ 71969 w 123259"/>
                <a:gd name="connsiteY8" fmla="*/ 17788 h 123039"/>
                <a:gd name="connsiteX9" fmla="*/ 64997 w 123259"/>
                <a:gd name="connsiteY9" fmla="*/ 7225 h 123039"/>
                <a:gd name="connsiteX10" fmla="*/ 74160 w 123259"/>
                <a:gd name="connsiteY10" fmla="*/ 71 h 123039"/>
                <a:gd name="connsiteX11" fmla="*/ 76446 w 123259"/>
                <a:gd name="connsiteY11" fmla="*/ 71 h 123039"/>
                <a:gd name="connsiteX12" fmla="*/ 121242 w 123259"/>
                <a:gd name="connsiteY12" fmla="*/ 76243 h 123039"/>
                <a:gd name="connsiteX13" fmla="*/ 60730 w 123259"/>
                <a:gd name="connsiteY13" fmla="*/ 123039 h 123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3259" h="123039">
                  <a:moveTo>
                    <a:pt x="60730" y="123039"/>
                  </a:moveTo>
                  <a:cubicBezTo>
                    <a:pt x="32269" y="123039"/>
                    <a:pt x="7408" y="103818"/>
                    <a:pt x="246" y="76271"/>
                  </a:cubicBezTo>
                  <a:cubicBezTo>
                    <a:pt x="-288" y="73976"/>
                    <a:pt x="55" y="71566"/>
                    <a:pt x="1198" y="69509"/>
                  </a:cubicBezTo>
                  <a:cubicBezTo>
                    <a:pt x="2446" y="67470"/>
                    <a:pt x="4418" y="65975"/>
                    <a:pt x="6723" y="65318"/>
                  </a:cubicBezTo>
                  <a:cubicBezTo>
                    <a:pt x="7485" y="65222"/>
                    <a:pt x="8247" y="65222"/>
                    <a:pt x="9009" y="65318"/>
                  </a:cubicBezTo>
                  <a:cubicBezTo>
                    <a:pt x="13105" y="65327"/>
                    <a:pt x="16676" y="68109"/>
                    <a:pt x="17676" y="72080"/>
                  </a:cubicBezTo>
                  <a:cubicBezTo>
                    <a:pt x="23896" y="95845"/>
                    <a:pt x="48204" y="110076"/>
                    <a:pt x="71969" y="103856"/>
                  </a:cubicBezTo>
                  <a:cubicBezTo>
                    <a:pt x="95734" y="97636"/>
                    <a:pt x="109964" y="73328"/>
                    <a:pt x="103744" y="49563"/>
                  </a:cubicBezTo>
                  <a:cubicBezTo>
                    <a:pt x="99677" y="34009"/>
                    <a:pt x="87523" y="21855"/>
                    <a:pt x="71969" y="17788"/>
                  </a:cubicBezTo>
                  <a:cubicBezTo>
                    <a:pt x="67121" y="16797"/>
                    <a:pt x="63997" y="12063"/>
                    <a:pt x="64997" y="7225"/>
                  </a:cubicBezTo>
                  <a:cubicBezTo>
                    <a:pt x="65873" y="2910"/>
                    <a:pt x="69759" y="-119"/>
                    <a:pt x="74160" y="71"/>
                  </a:cubicBezTo>
                  <a:cubicBezTo>
                    <a:pt x="74922" y="-24"/>
                    <a:pt x="75684" y="-24"/>
                    <a:pt x="76446" y="71"/>
                  </a:cubicBezTo>
                  <a:cubicBezTo>
                    <a:pt x="109850" y="8730"/>
                    <a:pt x="129910" y="42839"/>
                    <a:pt x="121242" y="76243"/>
                  </a:cubicBezTo>
                  <a:cubicBezTo>
                    <a:pt x="114098" y="103808"/>
                    <a:pt x="89209" y="123058"/>
                    <a:pt x="60730" y="123039"/>
                  </a:cubicBezTo>
                  <a:close/>
                </a:path>
              </a:pathLst>
            </a:custGeom>
            <a:solidFill>
              <a:srgbClr val="265998"/>
            </a:solidFill>
            <a:ln w="9525" cap="flat">
              <a:noFill/>
              <a:prstDash val="solid"/>
              <a:miter/>
            </a:ln>
          </p:spPr>
          <p:txBody>
            <a:bodyPr rtlCol="0" anchor="ctr"/>
            <a:lstStyle/>
            <a:p>
              <a:endParaRPr lang="en-AU" sz="153"/>
            </a:p>
          </p:txBody>
        </p:sp>
      </p:grpSp>
      <p:grpSp>
        <p:nvGrpSpPr>
          <p:cNvPr id="148" name="Group 147">
            <a:extLst>
              <a:ext uri="{FF2B5EF4-FFF2-40B4-BE49-F238E27FC236}">
                <a16:creationId xmlns:a16="http://schemas.microsoft.com/office/drawing/2014/main" id="{53996551-8D2D-CAB1-D4D6-70EC96194E2A}"/>
              </a:ext>
            </a:extLst>
          </p:cNvPr>
          <p:cNvGrpSpPr/>
          <p:nvPr/>
        </p:nvGrpSpPr>
        <p:grpSpPr>
          <a:xfrm>
            <a:off x="4178006" y="5525456"/>
            <a:ext cx="476511" cy="490801"/>
            <a:chOff x="904806" y="-62369"/>
            <a:chExt cx="265725" cy="266325"/>
          </a:xfrm>
        </p:grpSpPr>
        <p:sp>
          <p:nvSpPr>
            <p:cNvPr id="149" name="Freeform 2">
              <a:extLst>
                <a:ext uri="{FF2B5EF4-FFF2-40B4-BE49-F238E27FC236}">
                  <a16:creationId xmlns:a16="http://schemas.microsoft.com/office/drawing/2014/main" id="{EA31E327-750C-599F-F3EC-811688FF7D47}"/>
                </a:ext>
              </a:extLst>
            </p:cNvPr>
            <p:cNvSpPr/>
            <p:nvPr/>
          </p:nvSpPr>
          <p:spPr>
            <a:xfrm>
              <a:off x="917014" y="76877"/>
              <a:ext cx="149924" cy="114724"/>
            </a:xfrm>
            <a:custGeom>
              <a:avLst/>
              <a:gdLst>
                <a:gd name="connsiteX0" fmla="*/ 84180 w 149924"/>
                <a:gd name="connsiteY0" fmla="*/ 8439 h 114724"/>
                <a:gd name="connsiteX1" fmla="*/ 57259 w 149924"/>
                <a:gd name="connsiteY1" fmla="*/ 35408 h 114724"/>
                <a:gd name="connsiteX2" fmla="*/ 30339 w 149924"/>
                <a:gd name="connsiteY2" fmla="*/ 8439 h 114724"/>
                <a:gd name="connsiteX3" fmla="*/ 31682 w 149924"/>
                <a:gd name="connsiteY3" fmla="*/ 0 h 114724"/>
                <a:gd name="connsiteX4" fmla="*/ 0 w 149924"/>
                <a:gd name="connsiteY4" fmla="*/ 0 h 114724"/>
                <a:gd name="connsiteX5" fmla="*/ 0 w 149924"/>
                <a:gd name="connsiteY5" fmla="*/ 114725 h 114724"/>
                <a:gd name="connsiteX6" fmla="*/ 114519 w 149924"/>
                <a:gd name="connsiteY6" fmla="*/ 114725 h 114724"/>
                <a:gd name="connsiteX7" fmla="*/ 114519 w 149924"/>
                <a:gd name="connsiteY7" fmla="*/ 72284 h 114724"/>
                <a:gd name="connsiteX8" fmla="*/ 118242 w 149924"/>
                <a:gd name="connsiteY8" fmla="*/ 66658 h 114724"/>
                <a:gd name="connsiteX9" fmla="*/ 124896 w 149924"/>
                <a:gd name="connsiteY9" fmla="*/ 67942 h 114724"/>
                <a:gd name="connsiteX10" fmla="*/ 135213 w 149924"/>
                <a:gd name="connsiteY10" fmla="*/ 72162 h 114724"/>
                <a:gd name="connsiteX11" fmla="*/ 149924 w 149924"/>
                <a:gd name="connsiteY11" fmla="*/ 57423 h 114724"/>
                <a:gd name="connsiteX12" fmla="*/ 135213 w 149924"/>
                <a:gd name="connsiteY12" fmla="*/ 42685 h 114724"/>
                <a:gd name="connsiteX13" fmla="*/ 124896 w 149924"/>
                <a:gd name="connsiteY13" fmla="*/ 46905 h 114724"/>
                <a:gd name="connsiteX14" fmla="*/ 118242 w 149924"/>
                <a:gd name="connsiteY14" fmla="*/ 48189 h 114724"/>
                <a:gd name="connsiteX15" fmla="*/ 114519 w 149924"/>
                <a:gd name="connsiteY15" fmla="*/ 42563 h 114724"/>
                <a:gd name="connsiteX16" fmla="*/ 114519 w 149924"/>
                <a:gd name="connsiteY16" fmla="*/ 122 h 114724"/>
                <a:gd name="connsiteX17" fmla="*/ 82837 w 149924"/>
                <a:gd name="connsiteY17" fmla="*/ 122 h 114724"/>
                <a:gd name="connsiteX18" fmla="*/ 84180 w 149924"/>
                <a:gd name="connsiteY18" fmla="*/ 8562 h 1147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49924" h="114724">
                  <a:moveTo>
                    <a:pt x="84180" y="8439"/>
                  </a:moveTo>
                  <a:cubicBezTo>
                    <a:pt x="84180" y="23300"/>
                    <a:pt x="72093" y="35408"/>
                    <a:pt x="57259" y="35408"/>
                  </a:cubicBezTo>
                  <a:cubicBezTo>
                    <a:pt x="42426" y="35408"/>
                    <a:pt x="30339" y="23300"/>
                    <a:pt x="30339" y="8439"/>
                  </a:cubicBezTo>
                  <a:cubicBezTo>
                    <a:pt x="30339" y="5504"/>
                    <a:pt x="30827" y="2691"/>
                    <a:pt x="31682" y="0"/>
                  </a:cubicBezTo>
                  <a:lnTo>
                    <a:pt x="0" y="0"/>
                  </a:lnTo>
                  <a:lnTo>
                    <a:pt x="0" y="114725"/>
                  </a:lnTo>
                  <a:lnTo>
                    <a:pt x="114519" y="114725"/>
                  </a:lnTo>
                  <a:lnTo>
                    <a:pt x="114519" y="72284"/>
                  </a:lnTo>
                  <a:cubicBezTo>
                    <a:pt x="114519" y="69838"/>
                    <a:pt x="115984" y="67575"/>
                    <a:pt x="118242" y="66658"/>
                  </a:cubicBezTo>
                  <a:cubicBezTo>
                    <a:pt x="120501" y="65740"/>
                    <a:pt x="123126" y="66169"/>
                    <a:pt x="124896" y="67942"/>
                  </a:cubicBezTo>
                  <a:cubicBezTo>
                    <a:pt x="127643" y="70633"/>
                    <a:pt x="131306" y="72162"/>
                    <a:pt x="135213" y="72162"/>
                  </a:cubicBezTo>
                  <a:cubicBezTo>
                    <a:pt x="143332" y="72162"/>
                    <a:pt x="149924" y="65557"/>
                    <a:pt x="149924" y="57423"/>
                  </a:cubicBezTo>
                  <a:cubicBezTo>
                    <a:pt x="149924" y="49290"/>
                    <a:pt x="143332" y="42685"/>
                    <a:pt x="135213" y="42685"/>
                  </a:cubicBezTo>
                  <a:cubicBezTo>
                    <a:pt x="131367" y="42685"/>
                    <a:pt x="127704" y="44153"/>
                    <a:pt x="124896" y="46905"/>
                  </a:cubicBezTo>
                  <a:cubicBezTo>
                    <a:pt x="123126" y="48617"/>
                    <a:pt x="120501" y="49107"/>
                    <a:pt x="118242" y="48189"/>
                  </a:cubicBezTo>
                  <a:cubicBezTo>
                    <a:pt x="115984" y="47211"/>
                    <a:pt x="114519" y="45009"/>
                    <a:pt x="114519" y="42563"/>
                  </a:cubicBezTo>
                  <a:lnTo>
                    <a:pt x="114519" y="122"/>
                  </a:lnTo>
                  <a:lnTo>
                    <a:pt x="82837" y="122"/>
                  </a:lnTo>
                  <a:cubicBezTo>
                    <a:pt x="83753" y="2813"/>
                    <a:pt x="84180" y="5687"/>
                    <a:pt x="84180" y="8562"/>
                  </a:cubicBezTo>
                  <a:close/>
                </a:path>
              </a:pathLst>
            </a:custGeom>
            <a:solidFill>
              <a:srgbClr val="C7E4F1"/>
            </a:solidFill>
            <a:ln w="6096" cap="flat">
              <a:noFill/>
              <a:prstDash val="solid"/>
              <a:miter/>
            </a:ln>
          </p:spPr>
          <p:txBody>
            <a:bodyPr rtlCol="0" anchor="ctr"/>
            <a:lstStyle/>
            <a:p>
              <a:endParaRPr lang="en-AU"/>
            </a:p>
          </p:txBody>
        </p:sp>
        <p:sp>
          <p:nvSpPr>
            <p:cNvPr id="150" name="Freeform 3">
              <a:extLst>
                <a:ext uri="{FF2B5EF4-FFF2-40B4-BE49-F238E27FC236}">
                  <a16:creationId xmlns:a16="http://schemas.microsoft.com/office/drawing/2014/main" id="{0B467289-7557-090A-217B-A9A4FA681190}"/>
                </a:ext>
              </a:extLst>
            </p:cNvPr>
            <p:cNvSpPr/>
            <p:nvPr/>
          </p:nvSpPr>
          <p:spPr>
            <a:xfrm>
              <a:off x="916892" y="-50138"/>
              <a:ext cx="114518" cy="150193"/>
            </a:xfrm>
            <a:custGeom>
              <a:avLst/>
              <a:gdLst>
                <a:gd name="connsiteX0" fmla="*/ 48103 w 114518"/>
                <a:gd name="connsiteY0" fmla="*/ 118455 h 150193"/>
                <a:gd name="connsiteX1" fmla="*/ 46821 w 114518"/>
                <a:gd name="connsiteY1" fmla="*/ 125121 h 150193"/>
                <a:gd name="connsiteX2" fmla="*/ 42609 w 114518"/>
                <a:gd name="connsiteY2" fmla="*/ 135456 h 150193"/>
                <a:gd name="connsiteX3" fmla="*/ 57320 w 114518"/>
                <a:gd name="connsiteY3" fmla="*/ 150194 h 150193"/>
                <a:gd name="connsiteX4" fmla="*/ 72032 w 114518"/>
                <a:gd name="connsiteY4" fmla="*/ 135456 h 150193"/>
                <a:gd name="connsiteX5" fmla="*/ 67820 w 114518"/>
                <a:gd name="connsiteY5" fmla="*/ 125121 h 150193"/>
                <a:gd name="connsiteX6" fmla="*/ 66538 w 114518"/>
                <a:gd name="connsiteY6" fmla="*/ 118455 h 150193"/>
                <a:gd name="connsiteX7" fmla="*/ 72154 w 114518"/>
                <a:gd name="connsiteY7" fmla="*/ 114725 h 150193"/>
                <a:gd name="connsiteX8" fmla="*/ 114519 w 114518"/>
                <a:gd name="connsiteY8" fmla="*/ 114725 h 150193"/>
                <a:gd name="connsiteX9" fmla="*/ 114519 w 114518"/>
                <a:gd name="connsiteY9" fmla="*/ 82986 h 150193"/>
                <a:gd name="connsiteX10" fmla="*/ 106095 w 114518"/>
                <a:gd name="connsiteY10" fmla="*/ 84331 h 150193"/>
                <a:gd name="connsiteX11" fmla="*/ 79174 w 114518"/>
                <a:gd name="connsiteY11" fmla="*/ 57362 h 150193"/>
                <a:gd name="connsiteX12" fmla="*/ 106095 w 114518"/>
                <a:gd name="connsiteY12" fmla="*/ 30393 h 150193"/>
                <a:gd name="connsiteX13" fmla="*/ 114519 w 114518"/>
                <a:gd name="connsiteY13" fmla="*/ 31739 h 150193"/>
                <a:gd name="connsiteX14" fmla="*/ 114519 w 114518"/>
                <a:gd name="connsiteY14" fmla="*/ 0 h 150193"/>
                <a:gd name="connsiteX15" fmla="*/ 0 w 114518"/>
                <a:gd name="connsiteY15" fmla="*/ 0 h 150193"/>
                <a:gd name="connsiteX16" fmla="*/ 0 w 114518"/>
                <a:gd name="connsiteY16" fmla="*/ 114725 h 150193"/>
                <a:gd name="connsiteX17" fmla="*/ 42364 w 114518"/>
                <a:gd name="connsiteY17" fmla="*/ 114725 h 150193"/>
                <a:gd name="connsiteX18" fmla="*/ 47981 w 114518"/>
                <a:gd name="connsiteY18" fmla="*/ 118455 h 1501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14518" h="150193">
                  <a:moveTo>
                    <a:pt x="48103" y="118455"/>
                  </a:moveTo>
                  <a:cubicBezTo>
                    <a:pt x="49079" y="120718"/>
                    <a:pt x="48530" y="123347"/>
                    <a:pt x="46821" y="125121"/>
                  </a:cubicBezTo>
                  <a:cubicBezTo>
                    <a:pt x="44135" y="127873"/>
                    <a:pt x="42609" y="131542"/>
                    <a:pt x="42609" y="135456"/>
                  </a:cubicBezTo>
                  <a:cubicBezTo>
                    <a:pt x="42609" y="143589"/>
                    <a:pt x="49202" y="150194"/>
                    <a:pt x="57320" y="150194"/>
                  </a:cubicBezTo>
                  <a:cubicBezTo>
                    <a:pt x="65439" y="150194"/>
                    <a:pt x="72032" y="143589"/>
                    <a:pt x="72032" y="135456"/>
                  </a:cubicBezTo>
                  <a:cubicBezTo>
                    <a:pt x="72032" y="131603"/>
                    <a:pt x="70567" y="127934"/>
                    <a:pt x="67820" y="125121"/>
                  </a:cubicBezTo>
                  <a:cubicBezTo>
                    <a:pt x="66111" y="123347"/>
                    <a:pt x="65622" y="120718"/>
                    <a:pt x="66538" y="118455"/>
                  </a:cubicBezTo>
                  <a:cubicBezTo>
                    <a:pt x="67515" y="116192"/>
                    <a:pt x="69712" y="114725"/>
                    <a:pt x="72154" y="114725"/>
                  </a:cubicBezTo>
                  <a:lnTo>
                    <a:pt x="114519" y="114725"/>
                  </a:lnTo>
                  <a:lnTo>
                    <a:pt x="114519" y="82986"/>
                  </a:lnTo>
                  <a:cubicBezTo>
                    <a:pt x="111833" y="83903"/>
                    <a:pt x="108964" y="84331"/>
                    <a:pt x="106095" y="84331"/>
                  </a:cubicBezTo>
                  <a:cubicBezTo>
                    <a:pt x="91261" y="84331"/>
                    <a:pt x="79174" y="72223"/>
                    <a:pt x="79174" y="57362"/>
                  </a:cubicBezTo>
                  <a:cubicBezTo>
                    <a:pt x="79174" y="42502"/>
                    <a:pt x="91261" y="30393"/>
                    <a:pt x="106095" y="30393"/>
                  </a:cubicBezTo>
                  <a:cubicBezTo>
                    <a:pt x="109025" y="30393"/>
                    <a:pt x="111833" y="30883"/>
                    <a:pt x="114519" y="31739"/>
                  </a:cubicBezTo>
                  <a:lnTo>
                    <a:pt x="114519" y="0"/>
                  </a:lnTo>
                  <a:lnTo>
                    <a:pt x="0" y="0"/>
                  </a:lnTo>
                  <a:lnTo>
                    <a:pt x="0" y="114725"/>
                  </a:lnTo>
                  <a:lnTo>
                    <a:pt x="42364" y="114725"/>
                  </a:lnTo>
                  <a:cubicBezTo>
                    <a:pt x="44806" y="114725"/>
                    <a:pt x="47065" y="116192"/>
                    <a:pt x="47981" y="118455"/>
                  </a:cubicBezTo>
                  <a:close/>
                </a:path>
              </a:pathLst>
            </a:custGeom>
            <a:solidFill>
              <a:srgbClr val="C7E4F1"/>
            </a:solidFill>
            <a:ln w="6096" cap="flat">
              <a:noFill/>
              <a:prstDash val="solid"/>
              <a:miter/>
            </a:ln>
          </p:spPr>
          <p:txBody>
            <a:bodyPr rtlCol="0" anchor="ctr"/>
            <a:lstStyle/>
            <a:p>
              <a:endParaRPr lang="en-AU"/>
            </a:p>
          </p:txBody>
        </p:sp>
        <p:sp>
          <p:nvSpPr>
            <p:cNvPr id="151" name="Freeform 4">
              <a:extLst>
                <a:ext uri="{FF2B5EF4-FFF2-40B4-BE49-F238E27FC236}">
                  <a16:creationId xmlns:a16="http://schemas.microsoft.com/office/drawing/2014/main" id="{33E6FD88-BEDB-E12B-D470-32DBFF8ACD21}"/>
                </a:ext>
              </a:extLst>
            </p:cNvPr>
            <p:cNvSpPr/>
            <p:nvPr/>
          </p:nvSpPr>
          <p:spPr>
            <a:xfrm>
              <a:off x="1008214" y="-56254"/>
              <a:ext cx="154624" cy="253788"/>
            </a:xfrm>
            <a:custGeom>
              <a:avLst/>
              <a:gdLst>
                <a:gd name="connsiteX0" fmla="*/ 149986 w 154624"/>
                <a:gd name="connsiteY0" fmla="*/ 14922 h 253788"/>
                <a:gd name="connsiteX1" fmla="*/ 149986 w 154624"/>
                <a:gd name="connsiteY1" fmla="*/ 6115 h 253788"/>
                <a:gd name="connsiteX2" fmla="*/ 141195 w 154624"/>
                <a:gd name="connsiteY2" fmla="*/ 6115 h 253788"/>
                <a:gd name="connsiteX3" fmla="*/ 135091 w 154624"/>
                <a:gd name="connsiteY3" fmla="*/ 0 h 253788"/>
                <a:gd name="connsiteX4" fmla="*/ 122393 w 154624"/>
                <a:gd name="connsiteY4" fmla="*/ 0 h 253788"/>
                <a:gd name="connsiteX5" fmla="*/ 116289 w 154624"/>
                <a:gd name="connsiteY5" fmla="*/ 6115 h 253788"/>
                <a:gd name="connsiteX6" fmla="*/ 94924 w 154624"/>
                <a:gd name="connsiteY6" fmla="*/ 6115 h 253788"/>
                <a:gd name="connsiteX7" fmla="*/ 88819 w 154624"/>
                <a:gd name="connsiteY7" fmla="*/ 0 h 253788"/>
                <a:gd name="connsiteX8" fmla="*/ 78930 w 154624"/>
                <a:gd name="connsiteY8" fmla="*/ 0 h 253788"/>
                <a:gd name="connsiteX9" fmla="*/ 72826 w 154624"/>
                <a:gd name="connsiteY9" fmla="*/ 6115 h 253788"/>
                <a:gd name="connsiteX10" fmla="*/ 51460 w 154624"/>
                <a:gd name="connsiteY10" fmla="*/ 6115 h 253788"/>
                <a:gd name="connsiteX11" fmla="*/ 45356 w 154624"/>
                <a:gd name="connsiteY11" fmla="*/ 0 h 253788"/>
                <a:gd name="connsiteX12" fmla="*/ 35406 w 154624"/>
                <a:gd name="connsiteY12" fmla="*/ 0 h 253788"/>
                <a:gd name="connsiteX13" fmla="*/ 35406 w 154624"/>
                <a:gd name="connsiteY13" fmla="*/ 48556 h 253788"/>
                <a:gd name="connsiteX14" fmla="*/ 31682 w 154624"/>
                <a:gd name="connsiteY14" fmla="*/ 54182 h 253788"/>
                <a:gd name="connsiteX15" fmla="*/ 25028 w 154624"/>
                <a:gd name="connsiteY15" fmla="*/ 52898 h 253788"/>
                <a:gd name="connsiteX16" fmla="*/ 14712 w 154624"/>
                <a:gd name="connsiteY16" fmla="*/ 48678 h 253788"/>
                <a:gd name="connsiteX17" fmla="*/ 0 w 154624"/>
                <a:gd name="connsiteY17" fmla="*/ 63417 h 253788"/>
                <a:gd name="connsiteX18" fmla="*/ 14712 w 154624"/>
                <a:gd name="connsiteY18" fmla="*/ 78155 h 253788"/>
                <a:gd name="connsiteX19" fmla="*/ 25028 w 154624"/>
                <a:gd name="connsiteY19" fmla="*/ 73935 h 253788"/>
                <a:gd name="connsiteX20" fmla="*/ 31682 w 154624"/>
                <a:gd name="connsiteY20" fmla="*/ 72651 h 253788"/>
                <a:gd name="connsiteX21" fmla="*/ 35406 w 154624"/>
                <a:gd name="connsiteY21" fmla="*/ 78277 h 253788"/>
                <a:gd name="connsiteX22" fmla="*/ 35406 w 154624"/>
                <a:gd name="connsiteY22" fmla="*/ 164687 h 253788"/>
                <a:gd name="connsiteX23" fmla="*/ 43830 w 154624"/>
                <a:gd name="connsiteY23" fmla="*/ 163342 h 253788"/>
                <a:gd name="connsiteX24" fmla="*/ 58114 w 154624"/>
                <a:gd name="connsiteY24" fmla="*/ 167500 h 253788"/>
                <a:gd name="connsiteX25" fmla="*/ 70811 w 154624"/>
                <a:gd name="connsiteY25" fmla="*/ 190311 h 253788"/>
                <a:gd name="connsiteX26" fmla="*/ 53475 w 154624"/>
                <a:gd name="connsiteY26" fmla="*/ 215445 h 253788"/>
                <a:gd name="connsiteX27" fmla="*/ 43830 w 154624"/>
                <a:gd name="connsiteY27" fmla="*/ 217280 h 253788"/>
                <a:gd name="connsiteX28" fmla="*/ 35406 w 154624"/>
                <a:gd name="connsiteY28" fmla="*/ 215934 h 253788"/>
                <a:gd name="connsiteX29" fmla="*/ 35406 w 154624"/>
                <a:gd name="connsiteY29" fmla="*/ 253789 h 253788"/>
                <a:gd name="connsiteX30" fmla="*/ 45356 w 154624"/>
                <a:gd name="connsiteY30" fmla="*/ 253789 h 253788"/>
                <a:gd name="connsiteX31" fmla="*/ 51460 w 154624"/>
                <a:gd name="connsiteY31" fmla="*/ 247673 h 253788"/>
                <a:gd name="connsiteX32" fmla="*/ 72826 w 154624"/>
                <a:gd name="connsiteY32" fmla="*/ 247673 h 253788"/>
                <a:gd name="connsiteX33" fmla="*/ 78930 w 154624"/>
                <a:gd name="connsiteY33" fmla="*/ 253789 h 253788"/>
                <a:gd name="connsiteX34" fmla="*/ 88819 w 154624"/>
                <a:gd name="connsiteY34" fmla="*/ 253789 h 253788"/>
                <a:gd name="connsiteX35" fmla="*/ 94924 w 154624"/>
                <a:gd name="connsiteY35" fmla="*/ 247673 h 253788"/>
                <a:gd name="connsiteX36" fmla="*/ 116289 w 154624"/>
                <a:gd name="connsiteY36" fmla="*/ 247673 h 253788"/>
                <a:gd name="connsiteX37" fmla="*/ 122393 w 154624"/>
                <a:gd name="connsiteY37" fmla="*/ 253789 h 253788"/>
                <a:gd name="connsiteX38" fmla="*/ 135091 w 154624"/>
                <a:gd name="connsiteY38" fmla="*/ 253789 h 253788"/>
                <a:gd name="connsiteX39" fmla="*/ 141195 w 154624"/>
                <a:gd name="connsiteY39" fmla="*/ 247673 h 253788"/>
                <a:gd name="connsiteX40" fmla="*/ 149986 w 154624"/>
                <a:gd name="connsiteY40" fmla="*/ 247673 h 253788"/>
                <a:gd name="connsiteX41" fmla="*/ 149986 w 154624"/>
                <a:gd name="connsiteY41" fmla="*/ 238867 h 253788"/>
                <a:gd name="connsiteX42" fmla="*/ 154625 w 154624"/>
                <a:gd name="connsiteY42" fmla="*/ 233057 h 253788"/>
                <a:gd name="connsiteX43" fmla="*/ 154625 w 154624"/>
                <a:gd name="connsiteY43" fmla="*/ 220582 h 253788"/>
                <a:gd name="connsiteX44" fmla="*/ 149986 w 154624"/>
                <a:gd name="connsiteY44" fmla="*/ 214772 h 253788"/>
                <a:gd name="connsiteX45" fmla="*/ 149986 w 154624"/>
                <a:gd name="connsiteY45" fmla="*/ 189883 h 253788"/>
                <a:gd name="connsiteX46" fmla="*/ 154625 w 154624"/>
                <a:gd name="connsiteY46" fmla="*/ 184073 h 253788"/>
                <a:gd name="connsiteX47" fmla="*/ 154625 w 154624"/>
                <a:gd name="connsiteY47" fmla="*/ 170008 h 253788"/>
                <a:gd name="connsiteX48" fmla="*/ 149986 w 154624"/>
                <a:gd name="connsiteY48" fmla="*/ 164198 h 253788"/>
                <a:gd name="connsiteX49" fmla="*/ 149986 w 154624"/>
                <a:gd name="connsiteY49" fmla="*/ 139308 h 253788"/>
                <a:gd name="connsiteX50" fmla="*/ 154625 w 154624"/>
                <a:gd name="connsiteY50" fmla="*/ 133499 h 253788"/>
                <a:gd name="connsiteX51" fmla="*/ 154625 w 154624"/>
                <a:gd name="connsiteY51" fmla="*/ 119433 h 253788"/>
                <a:gd name="connsiteX52" fmla="*/ 149986 w 154624"/>
                <a:gd name="connsiteY52" fmla="*/ 113624 h 253788"/>
                <a:gd name="connsiteX53" fmla="*/ 149986 w 154624"/>
                <a:gd name="connsiteY53" fmla="*/ 88734 h 253788"/>
                <a:gd name="connsiteX54" fmla="*/ 154625 w 154624"/>
                <a:gd name="connsiteY54" fmla="*/ 82925 h 253788"/>
                <a:gd name="connsiteX55" fmla="*/ 154625 w 154624"/>
                <a:gd name="connsiteY55" fmla="*/ 68859 h 253788"/>
                <a:gd name="connsiteX56" fmla="*/ 149986 w 154624"/>
                <a:gd name="connsiteY56" fmla="*/ 63050 h 253788"/>
                <a:gd name="connsiteX57" fmla="*/ 149986 w 154624"/>
                <a:gd name="connsiteY57" fmla="*/ 38160 h 253788"/>
                <a:gd name="connsiteX58" fmla="*/ 154625 w 154624"/>
                <a:gd name="connsiteY58" fmla="*/ 32350 h 253788"/>
                <a:gd name="connsiteX59" fmla="*/ 154625 w 154624"/>
                <a:gd name="connsiteY59" fmla="*/ 20731 h 253788"/>
                <a:gd name="connsiteX60" fmla="*/ 149986 w 154624"/>
                <a:gd name="connsiteY60" fmla="*/ 14922 h 2537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Lst>
              <a:rect l="l" t="t" r="r" b="b"/>
              <a:pathLst>
                <a:path w="154624" h="253788">
                  <a:moveTo>
                    <a:pt x="149986" y="14922"/>
                  </a:moveTo>
                  <a:lnTo>
                    <a:pt x="149986" y="6115"/>
                  </a:lnTo>
                  <a:lnTo>
                    <a:pt x="141195" y="6115"/>
                  </a:lnTo>
                  <a:cubicBezTo>
                    <a:pt x="137838" y="6115"/>
                    <a:pt x="135091" y="3363"/>
                    <a:pt x="135091" y="0"/>
                  </a:cubicBezTo>
                  <a:lnTo>
                    <a:pt x="122393" y="0"/>
                  </a:lnTo>
                  <a:cubicBezTo>
                    <a:pt x="122393" y="3363"/>
                    <a:pt x="119647" y="6115"/>
                    <a:pt x="116289" y="6115"/>
                  </a:cubicBezTo>
                  <a:lnTo>
                    <a:pt x="94924" y="6115"/>
                  </a:lnTo>
                  <a:cubicBezTo>
                    <a:pt x="91566" y="6115"/>
                    <a:pt x="88819" y="3363"/>
                    <a:pt x="88819" y="0"/>
                  </a:cubicBezTo>
                  <a:lnTo>
                    <a:pt x="78930" y="0"/>
                  </a:lnTo>
                  <a:cubicBezTo>
                    <a:pt x="78930" y="3363"/>
                    <a:pt x="76183" y="6115"/>
                    <a:pt x="72826" y="6115"/>
                  </a:cubicBezTo>
                  <a:lnTo>
                    <a:pt x="51460" y="6115"/>
                  </a:lnTo>
                  <a:cubicBezTo>
                    <a:pt x="48103" y="6115"/>
                    <a:pt x="45356" y="3363"/>
                    <a:pt x="45356" y="0"/>
                  </a:cubicBezTo>
                  <a:lnTo>
                    <a:pt x="35406" y="0"/>
                  </a:lnTo>
                  <a:lnTo>
                    <a:pt x="35406" y="48556"/>
                  </a:lnTo>
                  <a:cubicBezTo>
                    <a:pt x="35406" y="51002"/>
                    <a:pt x="33941" y="53265"/>
                    <a:pt x="31682" y="54182"/>
                  </a:cubicBezTo>
                  <a:cubicBezTo>
                    <a:pt x="29423" y="55161"/>
                    <a:pt x="26798" y="54610"/>
                    <a:pt x="25028" y="52898"/>
                  </a:cubicBezTo>
                  <a:cubicBezTo>
                    <a:pt x="22220" y="50207"/>
                    <a:pt x="18618" y="48678"/>
                    <a:pt x="14712" y="48678"/>
                  </a:cubicBezTo>
                  <a:cubicBezTo>
                    <a:pt x="6593" y="48678"/>
                    <a:pt x="0" y="55283"/>
                    <a:pt x="0" y="63417"/>
                  </a:cubicBezTo>
                  <a:cubicBezTo>
                    <a:pt x="0" y="71550"/>
                    <a:pt x="6593" y="78155"/>
                    <a:pt x="14712" y="78155"/>
                  </a:cubicBezTo>
                  <a:cubicBezTo>
                    <a:pt x="18557" y="78155"/>
                    <a:pt x="22220" y="76687"/>
                    <a:pt x="25028" y="73935"/>
                  </a:cubicBezTo>
                  <a:cubicBezTo>
                    <a:pt x="26798" y="72223"/>
                    <a:pt x="29362" y="71734"/>
                    <a:pt x="31682" y="72651"/>
                  </a:cubicBezTo>
                  <a:cubicBezTo>
                    <a:pt x="33941" y="73629"/>
                    <a:pt x="35406" y="75831"/>
                    <a:pt x="35406" y="78277"/>
                  </a:cubicBezTo>
                  <a:lnTo>
                    <a:pt x="35406" y="164687"/>
                  </a:lnTo>
                  <a:cubicBezTo>
                    <a:pt x="38091" y="163770"/>
                    <a:pt x="40961" y="163342"/>
                    <a:pt x="43830" y="163342"/>
                  </a:cubicBezTo>
                  <a:cubicBezTo>
                    <a:pt x="49080" y="163342"/>
                    <a:pt x="53963" y="164932"/>
                    <a:pt x="58114" y="167500"/>
                  </a:cubicBezTo>
                  <a:cubicBezTo>
                    <a:pt x="65684" y="172270"/>
                    <a:pt x="70811" y="180710"/>
                    <a:pt x="70811" y="190311"/>
                  </a:cubicBezTo>
                  <a:cubicBezTo>
                    <a:pt x="70811" y="201808"/>
                    <a:pt x="63608" y="211531"/>
                    <a:pt x="53475" y="215445"/>
                  </a:cubicBezTo>
                  <a:cubicBezTo>
                    <a:pt x="50483" y="216607"/>
                    <a:pt x="47248" y="217280"/>
                    <a:pt x="43830" y="217280"/>
                  </a:cubicBezTo>
                  <a:cubicBezTo>
                    <a:pt x="40899" y="217280"/>
                    <a:pt x="38091" y="216790"/>
                    <a:pt x="35406" y="215934"/>
                  </a:cubicBezTo>
                  <a:lnTo>
                    <a:pt x="35406" y="253789"/>
                  </a:lnTo>
                  <a:lnTo>
                    <a:pt x="45356" y="253789"/>
                  </a:lnTo>
                  <a:cubicBezTo>
                    <a:pt x="45356" y="250425"/>
                    <a:pt x="48103" y="247673"/>
                    <a:pt x="51460" y="247673"/>
                  </a:cubicBezTo>
                  <a:lnTo>
                    <a:pt x="72826" y="247673"/>
                  </a:lnTo>
                  <a:cubicBezTo>
                    <a:pt x="76183" y="247673"/>
                    <a:pt x="78930" y="250425"/>
                    <a:pt x="78930" y="253789"/>
                  </a:cubicBezTo>
                  <a:lnTo>
                    <a:pt x="88819" y="253789"/>
                  </a:lnTo>
                  <a:cubicBezTo>
                    <a:pt x="88819" y="250425"/>
                    <a:pt x="91566" y="247673"/>
                    <a:pt x="94924" y="247673"/>
                  </a:cubicBezTo>
                  <a:lnTo>
                    <a:pt x="116289" y="247673"/>
                  </a:lnTo>
                  <a:cubicBezTo>
                    <a:pt x="119647" y="247673"/>
                    <a:pt x="122393" y="250425"/>
                    <a:pt x="122393" y="253789"/>
                  </a:cubicBezTo>
                  <a:lnTo>
                    <a:pt x="135091" y="253789"/>
                  </a:lnTo>
                  <a:cubicBezTo>
                    <a:pt x="135091" y="250425"/>
                    <a:pt x="137838" y="247673"/>
                    <a:pt x="141195" y="247673"/>
                  </a:cubicBezTo>
                  <a:lnTo>
                    <a:pt x="149986" y="247673"/>
                  </a:lnTo>
                  <a:lnTo>
                    <a:pt x="149986" y="238867"/>
                  </a:lnTo>
                  <a:cubicBezTo>
                    <a:pt x="149986" y="235993"/>
                    <a:pt x="152000" y="233730"/>
                    <a:pt x="154625" y="233057"/>
                  </a:cubicBezTo>
                  <a:lnTo>
                    <a:pt x="154625" y="220582"/>
                  </a:lnTo>
                  <a:cubicBezTo>
                    <a:pt x="152000" y="219909"/>
                    <a:pt x="149986" y="217647"/>
                    <a:pt x="149986" y="214772"/>
                  </a:cubicBezTo>
                  <a:lnTo>
                    <a:pt x="149986" y="189883"/>
                  </a:lnTo>
                  <a:cubicBezTo>
                    <a:pt x="149986" y="187008"/>
                    <a:pt x="152000" y="184746"/>
                    <a:pt x="154625" y="184073"/>
                  </a:cubicBezTo>
                  <a:lnTo>
                    <a:pt x="154625" y="170008"/>
                  </a:lnTo>
                  <a:cubicBezTo>
                    <a:pt x="152000" y="169335"/>
                    <a:pt x="149986" y="167072"/>
                    <a:pt x="149986" y="164198"/>
                  </a:cubicBezTo>
                  <a:lnTo>
                    <a:pt x="149986" y="139308"/>
                  </a:lnTo>
                  <a:cubicBezTo>
                    <a:pt x="149986" y="136434"/>
                    <a:pt x="152000" y="134172"/>
                    <a:pt x="154625" y="133499"/>
                  </a:cubicBezTo>
                  <a:lnTo>
                    <a:pt x="154625" y="119433"/>
                  </a:lnTo>
                  <a:cubicBezTo>
                    <a:pt x="152000" y="118761"/>
                    <a:pt x="149986" y="116498"/>
                    <a:pt x="149986" y="113624"/>
                  </a:cubicBezTo>
                  <a:lnTo>
                    <a:pt x="149986" y="88734"/>
                  </a:lnTo>
                  <a:cubicBezTo>
                    <a:pt x="149986" y="85860"/>
                    <a:pt x="152000" y="83597"/>
                    <a:pt x="154625" y="82925"/>
                  </a:cubicBezTo>
                  <a:lnTo>
                    <a:pt x="154625" y="68859"/>
                  </a:lnTo>
                  <a:cubicBezTo>
                    <a:pt x="152000" y="68187"/>
                    <a:pt x="149986" y="65924"/>
                    <a:pt x="149986" y="63050"/>
                  </a:cubicBezTo>
                  <a:lnTo>
                    <a:pt x="149986" y="38160"/>
                  </a:lnTo>
                  <a:cubicBezTo>
                    <a:pt x="149986" y="35286"/>
                    <a:pt x="152000" y="33023"/>
                    <a:pt x="154625" y="32350"/>
                  </a:cubicBezTo>
                  <a:lnTo>
                    <a:pt x="154625" y="20731"/>
                  </a:lnTo>
                  <a:cubicBezTo>
                    <a:pt x="152000" y="20058"/>
                    <a:pt x="149986" y="17796"/>
                    <a:pt x="149986" y="14922"/>
                  </a:cubicBezTo>
                  <a:close/>
                </a:path>
              </a:pathLst>
            </a:custGeom>
            <a:solidFill>
              <a:srgbClr val="66BCDB"/>
            </a:solidFill>
            <a:ln w="6096" cap="flat">
              <a:noFill/>
              <a:prstDash val="solid"/>
              <a:miter/>
            </a:ln>
          </p:spPr>
          <p:txBody>
            <a:bodyPr rtlCol="0" anchor="ctr"/>
            <a:lstStyle/>
            <a:p>
              <a:endParaRPr lang="en-AU"/>
            </a:p>
          </p:txBody>
        </p:sp>
        <p:grpSp>
          <p:nvGrpSpPr>
            <p:cNvPr id="152" name="Graphic 2">
              <a:extLst>
                <a:ext uri="{FF2B5EF4-FFF2-40B4-BE49-F238E27FC236}">
                  <a16:creationId xmlns:a16="http://schemas.microsoft.com/office/drawing/2014/main" id="{D7F367CD-3A1F-6F37-E961-1BC056891943}"/>
                </a:ext>
              </a:extLst>
            </p:cNvPr>
            <p:cNvGrpSpPr/>
            <p:nvPr/>
          </p:nvGrpSpPr>
          <p:grpSpPr>
            <a:xfrm>
              <a:off x="904806" y="-62369"/>
              <a:ext cx="265725" cy="266325"/>
              <a:chOff x="904806" y="-62369"/>
              <a:chExt cx="265725" cy="266325"/>
            </a:xfrm>
            <a:solidFill>
              <a:srgbClr val="265A9A"/>
            </a:solidFill>
          </p:grpSpPr>
          <p:sp>
            <p:nvSpPr>
              <p:cNvPr id="153" name="Freeform 6">
                <a:extLst>
                  <a:ext uri="{FF2B5EF4-FFF2-40B4-BE49-F238E27FC236}">
                    <a16:creationId xmlns:a16="http://schemas.microsoft.com/office/drawing/2014/main" id="{35068134-F0E1-C9BC-8EEE-FE5A8965AD6B}"/>
                  </a:ext>
                </a:extLst>
              </p:cNvPr>
              <p:cNvSpPr/>
              <p:nvPr/>
            </p:nvSpPr>
            <p:spPr>
              <a:xfrm>
                <a:off x="904806" y="-62247"/>
                <a:ext cx="174342" cy="266202"/>
              </a:xfrm>
              <a:custGeom>
                <a:avLst/>
                <a:gdLst>
                  <a:gd name="connsiteX0" fmla="*/ 174342 w 174342"/>
                  <a:gd name="connsiteY0" fmla="*/ 196426 h 266202"/>
                  <a:gd name="connsiteX1" fmla="*/ 161645 w 174342"/>
                  <a:gd name="connsiteY1" fmla="*/ 173616 h 266202"/>
                  <a:gd name="connsiteX2" fmla="*/ 147360 w 174342"/>
                  <a:gd name="connsiteY2" fmla="*/ 169457 h 266202"/>
                  <a:gd name="connsiteX3" fmla="*/ 138937 w 174342"/>
                  <a:gd name="connsiteY3" fmla="*/ 170803 h 266202"/>
                  <a:gd name="connsiteX4" fmla="*/ 138937 w 174342"/>
                  <a:gd name="connsiteY4" fmla="*/ 84392 h 266202"/>
                  <a:gd name="connsiteX5" fmla="*/ 135213 w 174342"/>
                  <a:gd name="connsiteY5" fmla="*/ 78766 h 266202"/>
                  <a:gd name="connsiteX6" fmla="*/ 128559 w 174342"/>
                  <a:gd name="connsiteY6" fmla="*/ 80050 h 266202"/>
                  <a:gd name="connsiteX7" fmla="*/ 118242 w 174342"/>
                  <a:gd name="connsiteY7" fmla="*/ 84270 h 266202"/>
                  <a:gd name="connsiteX8" fmla="*/ 103531 w 174342"/>
                  <a:gd name="connsiteY8" fmla="*/ 69532 h 266202"/>
                  <a:gd name="connsiteX9" fmla="*/ 118242 w 174342"/>
                  <a:gd name="connsiteY9" fmla="*/ 54794 h 266202"/>
                  <a:gd name="connsiteX10" fmla="*/ 128559 w 174342"/>
                  <a:gd name="connsiteY10" fmla="*/ 59013 h 266202"/>
                  <a:gd name="connsiteX11" fmla="*/ 135213 w 174342"/>
                  <a:gd name="connsiteY11" fmla="*/ 60298 h 266202"/>
                  <a:gd name="connsiteX12" fmla="*/ 138937 w 174342"/>
                  <a:gd name="connsiteY12" fmla="*/ 54672 h 266202"/>
                  <a:gd name="connsiteX13" fmla="*/ 138937 w 174342"/>
                  <a:gd name="connsiteY13" fmla="*/ 6115 h 266202"/>
                  <a:gd name="connsiteX14" fmla="*/ 132832 w 174342"/>
                  <a:gd name="connsiteY14" fmla="*/ 0 h 266202"/>
                  <a:gd name="connsiteX15" fmla="*/ 6104 w 174342"/>
                  <a:gd name="connsiteY15" fmla="*/ 0 h 266202"/>
                  <a:gd name="connsiteX16" fmla="*/ 0 w 174342"/>
                  <a:gd name="connsiteY16" fmla="*/ 6115 h 266202"/>
                  <a:gd name="connsiteX17" fmla="*/ 0 w 174342"/>
                  <a:gd name="connsiteY17" fmla="*/ 260087 h 266202"/>
                  <a:gd name="connsiteX18" fmla="*/ 6104 w 174342"/>
                  <a:gd name="connsiteY18" fmla="*/ 266203 h 266202"/>
                  <a:gd name="connsiteX19" fmla="*/ 132832 w 174342"/>
                  <a:gd name="connsiteY19" fmla="*/ 266203 h 266202"/>
                  <a:gd name="connsiteX20" fmla="*/ 138937 w 174342"/>
                  <a:gd name="connsiteY20" fmla="*/ 260087 h 266202"/>
                  <a:gd name="connsiteX21" fmla="*/ 138937 w 174342"/>
                  <a:gd name="connsiteY21" fmla="*/ 222233 h 266202"/>
                  <a:gd name="connsiteX22" fmla="*/ 147360 w 174342"/>
                  <a:gd name="connsiteY22" fmla="*/ 223579 h 266202"/>
                  <a:gd name="connsiteX23" fmla="*/ 157006 w 174342"/>
                  <a:gd name="connsiteY23" fmla="*/ 221744 h 266202"/>
                  <a:gd name="connsiteX24" fmla="*/ 174342 w 174342"/>
                  <a:gd name="connsiteY24" fmla="*/ 196610 h 266202"/>
                  <a:gd name="connsiteX25" fmla="*/ 12209 w 174342"/>
                  <a:gd name="connsiteY25" fmla="*/ 12047 h 266202"/>
                  <a:gd name="connsiteX26" fmla="*/ 126728 w 174342"/>
                  <a:gd name="connsiteY26" fmla="*/ 12047 h 266202"/>
                  <a:gd name="connsiteX27" fmla="*/ 126728 w 174342"/>
                  <a:gd name="connsiteY27" fmla="*/ 43786 h 266202"/>
                  <a:gd name="connsiteX28" fmla="*/ 118304 w 174342"/>
                  <a:gd name="connsiteY28" fmla="*/ 42441 h 266202"/>
                  <a:gd name="connsiteX29" fmla="*/ 91383 w 174342"/>
                  <a:gd name="connsiteY29" fmla="*/ 69410 h 266202"/>
                  <a:gd name="connsiteX30" fmla="*/ 118304 w 174342"/>
                  <a:gd name="connsiteY30" fmla="*/ 96378 h 266202"/>
                  <a:gd name="connsiteX31" fmla="*/ 126728 w 174342"/>
                  <a:gd name="connsiteY31" fmla="*/ 95033 h 266202"/>
                  <a:gd name="connsiteX32" fmla="*/ 126728 w 174342"/>
                  <a:gd name="connsiteY32" fmla="*/ 126772 h 266202"/>
                  <a:gd name="connsiteX33" fmla="*/ 84363 w 174342"/>
                  <a:gd name="connsiteY33" fmla="*/ 126772 h 266202"/>
                  <a:gd name="connsiteX34" fmla="*/ 78747 w 174342"/>
                  <a:gd name="connsiteY34" fmla="*/ 130502 h 266202"/>
                  <a:gd name="connsiteX35" fmla="*/ 80029 w 174342"/>
                  <a:gd name="connsiteY35" fmla="*/ 137168 h 266202"/>
                  <a:gd name="connsiteX36" fmla="*/ 84241 w 174342"/>
                  <a:gd name="connsiteY36" fmla="*/ 147503 h 266202"/>
                  <a:gd name="connsiteX37" fmla="*/ 69529 w 174342"/>
                  <a:gd name="connsiteY37" fmla="*/ 162241 h 266202"/>
                  <a:gd name="connsiteX38" fmla="*/ 54818 w 174342"/>
                  <a:gd name="connsiteY38" fmla="*/ 147503 h 266202"/>
                  <a:gd name="connsiteX39" fmla="*/ 59030 w 174342"/>
                  <a:gd name="connsiteY39" fmla="*/ 137168 h 266202"/>
                  <a:gd name="connsiteX40" fmla="*/ 60312 w 174342"/>
                  <a:gd name="connsiteY40" fmla="*/ 130502 h 266202"/>
                  <a:gd name="connsiteX41" fmla="*/ 54696 w 174342"/>
                  <a:gd name="connsiteY41" fmla="*/ 126772 h 266202"/>
                  <a:gd name="connsiteX42" fmla="*/ 12331 w 174342"/>
                  <a:gd name="connsiteY42" fmla="*/ 126772 h 266202"/>
                  <a:gd name="connsiteX43" fmla="*/ 12331 w 174342"/>
                  <a:gd name="connsiteY43" fmla="*/ 12047 h 266202"/>
                  <a:gd name="connsiteX44" fmla="*/ 147422 w 174342"/>
                  <a:gd name="connsiteY44" fmla="*/ 211164 h 266202"/>
                  <a:gd name="connsiteX45" fmla="*/ 137105 w 174342"/>
                  <a:gd name="connsiteY45" fmla="*/ 206945 h 266202"/>
                  <a:gd name="connsiteX46" fmla="*/ 130451 w 174342"/>
                  <a:gd name="connsiteY46" fmla="*/ 205660 h 266202"/>
                  <a:gd name="connsiteX47" fmla="*/ 126728 w 174342"/>
                  <a:gd name="connsiteY47" fmla="*/ 211287 h 266202"/>
                  <a:gd name="connsiteX48" fmla="*/ 126728 w 174342"/>
                  <a:gd name="connsiteY48" fmla="*/ 253727 h 266202"/>
                  <a:gd name="connsiteX49" fmla="*/ 12209 w 174342"/>
                  <a:gd name="connsiteY49" fmla="*/ 253727 h 266202"/>
                  <a:gd name="connsiteX50" fmla="*/ 12209 w 174342"/>
                  <a:gd name="connsiteY50" fmla="*/ 139003 h 266202"/>
                  <a:gd name="connsiteX51" fmla="*/ 43891 w 174342"/>
                  <a:gd name="connsiteY51" fmla="*/ 139003 h 266202"/>
                  <a:gd name="connsiteX52" fmla="*/ 42548 w 174342"/>
                  <a:gd name="connsiteY52" fmla="*/ 147442 h 266202"/>
                  <a:gd name="connsiteX53" fmla="*/ 69468 w 174342"/>
                  <a:gd name="connsiteY53" fmla="*/ 174411 h 266202"/>
                  <a:gd name="connsiteX54" fmla="*/ 96389 w 174342"/>
                  <a:gd name="connsiteY54" fmla="*/ 147442 h 266202"/>
                  <a:gd name="connsiteX55" fmla="*/ 95046 w 174342"/>
                  <a:gd name="connsiteY55" fmla="*/ 139003 h 266202"/>
                  <a:gd name="connsiteX56" fmla="*/ 126728 w 174342"/>
                  <a:gd name="connsiteY56" fmla="*/ 139003 h 266202"/>
                  <a:gd name="connsiteX57" fmla="*/ 126728 w 174342"/>
                  <a:gd name="connsiteY57" fmla="*/ 181444 h 266202"/>
                  <a:gd name="connsiteX58" fmla="*/ 130451 w 174342"/>
                  <a:gd name="connsiteY58" fmla="*/ 187070 h 266202"/>
                  <a:gd name="connsiteX59" fmla="*/ 137105 w 174342"/>
                  <a:gd name="connsiteY59" fmla="*/ 185785 h 266202"/>
                  <a:gd name="connsiteX60" fmla="*/ 147422 w 174342"/>
                  <a:gd name="connsiteY60" fmla="*/ 181566 h 266202"/>
                  <a:gd name="connsiteX61" fmla="*/ 162133 w 174342"/>
                  <a:gd name="connsiteY61" fmla="*/ 196304 h 266202"/>
                  <a:gd name="connsiteX62" fmla="*/ 147422 w 174342"/>
                  <a:gd name="connsiteY62" fmla="*/ 211042 h 266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Lst>
                <a:rect l="l" t="t" r="r" b="b"/>
                <a:pathLst>
                  <a:path w="174342" h="266202">
                    <a:moveTo>
                      <a:pt x="174342" y="196426"/>
                    </a:moveTo>
                    <a:cubicBezTo>
                      <a:pt x="174342" y="186825"/>
                      <a:pt x="169275" y="178386"/>
                      <a:pt x="161645" y="173616"/>
                    </a:cubicBezTo>
                    <a:cubicBezTo>
                      <a:pt x="157494" y="170986"/>
                      <a:pt x="152610" y="169457"/>
                      <a:pt x="147360" y="169457"/>
                    </a:cubicBezTo>
                    <a:cubicBezTo>
                      <a:pt x="144430" y="169457"/>
                      <a:pt x="141622" y="169947"/>
                      <a:pt x="138937" y="170803"/>
                    </a:cubicBezTo>
                    <a:lnTo>
                      <a:pt x="138937" y="84392"/>
                    </a:lnTo>
                    <a:cubicBezTo>
                      <a:pt x="138937" y="81946"/>
                      <a:pt x="137471" y="79683"/>
                      <a:pt x="135213" y="78766"/>
                    </a:cubicBezTo>
                    <a:cubicBezTo>
                      <a:pt x="132954" y="77788"/>
                      <a:pt x="130329" y="78338"/>
                      <a:pt x="128559" y="80050"/>
                    </a:cubicBezTo>
                    <a:cubicBezTo>
                      <a:pt x="125751" y="82741"/>
                      <a:pt x="122149" y="84270"/>
                      <a:pt x="118242" y="84270"/>
                    </a:cubicBezTo>
                    <a:cubicBezTo>
                      <a:pt x="110124" y="84270"/>
                      <a:pt x="103531" y="77665"/>
                      <a:pt x="103531" y="69532"/>
                    </a:cubicBezTo>
                    <a:cubicBezTo>
                      <a:pt x="103531" y="61398"/>
                      <a:pt x="110124" y="54794"/>
                      <a:pt x="118242" y="54794"/>
                    </a:cubicBezTo>
                    <a:cubicBezTo>
                      <a:pt x="122088" y="54794"/>
                      <a:pt x="125751" y="56323"/>
                      <a:pt x="128559" y="59013"/>
                    </a:cubicBezTo>
                    <a:cubicBezTo>
                      <a:pt x="130329" y="60726"/>
                      <a:pt x="132954" y="61215"/>
                      <a:pt x="135213" y="60298"/>
                    </a:cubicBezTo>
                    <a:cubicBezTo>
                      <a:pt x="137471" y="59319"/>
                      <a:pt x="138937" y="57118"/>
                      <a:pt x="138937" y="54672"/>
                    </a:cubicBezTo>
                    <a:lnTo>
                      <a:pt x="138937" y="6115"/>
                    </a:lnTo>
                    <a:cubicBezTo>
                      <a:pt x="138937" y="2752"/>
                      <a:pt x="136189" y="0"/>
                      <a:pt x="132832" y="0"/>
                    </a:cubicBezTo>
                    <a:lnTo>
                      <a:pt x="6104" y="0"/>
                    </a:lnTo>
                    <a:cubicBezTo>
                      <a:pt x="2747" y="0"/>
                      <a:pt x="0" y="2752"/>
                      <a:pt x="0" y="6115"/>
                    </a:cubicBezTo>
                    <a:lnTo>
                      <a:pt x="0" y="260087"/>
                    </a:lnTo>
                    <a:cubicBezTo>
                      <a:pt x="0" y="263451"/>
                      <a:pt x="2747" y="266203"/>
                      <a:pt x="6104" y="266203"/>
                    </a:cubicBezTo>
                    <a:lnTo>
                      <a:pt x="132832" y="266203"/>
                    </a:lnTo>
                    <a:cubicBezTo>
                      <a:pt x="136189" y="266203"/>
                      <a:pt x="138937" y="263451"/>
                      <a:pt x="138937" y="260087"/>
                    </a:cubicBezTo>
                    <a:lnTo>
                      <a:pt x="138937" y="222233"/>
                    </a:lnTo>
                    <a:cubicBezTo>
                      <a:pt x="141622" y="223150"/>
                      <a:pt x="144491" y="223579"/>
                      <a:pt x="147360" y="223579"/>
                    </a:cubicBezTo>
                    <a:cubicBezTo>
                      <a:pt x="150779" y="223579"/>
                      <a:pt x="154014" y="222906"/>
                      <a:pt x="157006" y="221744"/>
                    </a:cubicBezTo>
                    <a:cubicBezTo>
                      <a:pt x="167078" y="217830"/>
                      <a:pt x="174342" y="208107"/>
                      <a:pt x="174342" y="196610"/>
                    </a:cubicBezTo>
                    <a:close/>
                    <a:moveTo>
                      <a:pt x="12209" y="12047"/>
                    </a:moveTo>
                    <a:lnTo>
                      <a:pt x="126728" y="12047"/>
                    </a:lnTo>
                    <a:lnTo>
                      <a:pt x="126728" y="43786"/>
                    </a:lnTo>
                    <a:cubicBezTo>
                      <a:pt x="124042" y="42869"/>
                      <a:pt x="121173" y="42441"/>
                      <a:pt x="118304" y="42441"/>
                    </a:cubicBezTo>
                    <a:cubicBezTo>
                      <a:pt x="103470" y="42441"/>
                      <a:pt x="91383" y="54549"/>
                      <a:pt x="91383" y="69410"/>
                    </a:cubicBezTo>
                    <a:cubicBezTo>
                      <a:pt x="91383" y="84270"/>
                      <a:pt x="103470" y="96378"/>
                      <a:pt x="118304" y="96378"/>
                    </a:cubicBezTo>
                    <a:cubicBezTo>
                      <a:pt x="121234" y="96378"/>
                      <a:pt x="124042" y="95889"/>
                      <a:pt x="126728" y="95033"/>
                    </a:cubicBezTo>
                    <a:lnTo>
                      <a:pt x="126728" y="126772"/>
                    </a:lnTo>
                    <a:lnTo>
                      <a:pt x="84363" y="126772"/>
                    </a:lnTo>
                    <a:cubicBezTo>
                      <a:pt x="81921" y="126772"/>
                      <a:pt x="79663" y="128240"/>
                      <a:pt x="78747" y="130502"/>
                    </a:cubicBezTo>
                    <a:cubicBezTo>
                      <a:pt x="77770" y="132765"/>
                      <a:pt x="78320" y="135395"/>
                      <a:pt x="80029" y="137168"/>
                    </a:cubicBezTo>
                    <a:cubicBezTo>
                      <a:pt x="82715" y="139981"/>
                      <a:pt x="84241" y="143589"/>
                      <a:pt x="84241" y="147503"/>
                    </a:cubicBezTo>
                    <a:cubicBezTo>
                      <a:pt x="84241" y="155637"/>
                      <a:pt x="77648" y="162241"/>
                      <a:pt x="69529" y="162241"/>
                    </a:cubicBezTo>
                    <a:cubicBezTo>
                      <a:pt x="61410" y="162241"/>
                      <a:pt x="54818" y="155637"/>
                      <a:pt x="54818" y="147503"/>
                    </a:cubicBezTo>
                    <a:cubicBezTo>
                      <a:pt x="54818" y="143650"/>
                      <a:pt x="56283" y="139981"/>
                      <a:pt x="59030" y="137168"/>
                    </a:cubicBezTo>
                    <a:cubicBezTo>
                      <a:pt x="60739" y="135395"/>
                      <a:pt x="61227" y="132765"/>
                      <a:pt x="60312" y="130502"/>
                    </a:cubicBezTo>
                    <a:cubicBezTo>
                      <a:pt x="59396" y="128240"/>
                      <a:pt x="57137" y="126772"/>
                      <a:pt x="54696" y="126772"/>
                    </a:cubicBezTo>
                    <a:lnTo>
                      <a:pt x="12331" y="126772"/>
                    </a:lnTo>
                    <a:lnTo>
                      <a:pt x="12331" y="12047"/>
                    </a:lnTo>
                    <a:close/>
                    <a:moveTo>
                      <a:pt x="147422" y="211164"/>
                    </a:moveTo>
                    <a:cubicBezTo>
                      <a:pt x="143576" y="211164"/>
                      <a:pt x="139913" y="209697"/>
                      <a:pt x="137105" y="206945"/>
                    </a:cubicBezTo>
                    <a:cubicBezTo>
                      <a:pt x="135335" y="205232"/>
                      <a:pt x="132710" y="204743"/>
                      <a:pt x="130451" y="205660"/>
                    </a:cubicBezTo>
                    <a:cubicBezTo>
                      <a:pt x="128193" y="206639"/>
                      <a:pt x="126728" y="208840"/>
                      <a:pt x="126728" y="211287"/>
                    </a:cubicBezTo>
                    <a:lnTo>
                      <a:pt x="126728" y="253727"/>
                    </a:lnTo>
                    <a:lnTo>
                      <a:pt x="12209" y="253727"/>
                    </a:lnTo>
                    <a:lnTo>
                      <a:pt x="12209" y="139003"/>
                    </a:lnTo>
                    <a:lnTo>
                      <a:pt x="43891" y="139003"/>
                    </a:lnTo>
                    <a:cubicBezTo>
                      <a:pt x="42975" y="141694"/>
                      <a:pt x="42548" y="144568"/>
                      <a:pt x="42548" y="147442"/>
                    </a:cubicBezTo>
                    <a:cubicBezTo>
                      <a:pt x="42548" y="162302"/>
                      <a:pt x="54635" y="174411"/>
                      <a:pt x="69468" y="174411"/>
                    </a:cubicBezTo>
                    <a:cubicBezTo>
                      <a:pt x="84302" y="174411"/>
                      <a:pt x="96389" y="162302"/>
                      <a:pt x="96389" y="147442"/>
                    </a:cubicBezTo>
                    <a:cubicBezTo>
                      <a:pt x="96389" y="144507"/>
                      <a:pt x="95900" y="141694"/>
                      <a:pt x="95046" y="139003"/>
                    </a:cubicBezTo>
                    <a:lnTo>
                      <a:pt x="126728" y="139003"/>
                    </a:lnTo>
                    <a:lnTo>
                      <a:pt x="126728" y="181444"/>
                    </a:lnTo>
                    <a:cubicBezTo>
                      <a:pt x="126728" y="183890"/>
                      <a:pt x="128193" y="186152"/>
                      <a:pt x="130451" y="187070"/>
                    </a:cubicBezTo>
                    <a:cubicBezTo>
                      <a:pt x="132710" y="188048"/>
                      <a:pt x="135335" y="187559"/>
                      <a:pt x="137105" y="185785"/>
                    </a:cubicBezTo>
                    <a:cubicBezTo>
                      <a:pt x="139852" y="183095"/>
                      <a:pt x="143515" y="181566"/>
                      <a:pt x="147422" y="181566"/>
                    </a:cubicBezTo>
                    <a:cubicBezTo>
                      <a:pt x="155541" y="181566"/>
                      <a:pt x="162133" y="188170"/>
                      <a:pt x="162133" y="196304"/>
                    </a:cubicBezTo>
                    <a:cubicBezTo>
                      <a:pt x="162133" y="204437"/>
                      <a:pt x="155541" y="211042"/>
                      <a:pt x="147422" y="211042"/>
                    </a:cubicBezTo>
                    <a:close/>
                  </a:path>
                </a:pathLst>
              </a:custGeom>
              <a:solidFill>
                <a:srgbClr val="265A9A"/>
              </a:solidFill>
              <a:ln w="6096" cap="flat">
                <a:noFill/>
                <a:prstDash val="solid"/>
                <a:miter/>
              </a:ln>
            </p:spPr>
            <p:txBody>
              <a:bodyPr rtlCol="0" anchor="ctr"/>
              <a:lstStyle/>
              <a:p>
                <a:endParaRPr lang="en-AU"/>
              </a:p>
            </p:txBody>
          </p:sp>
          <p:sp>
            <p:nvSpPr>
              <p:cNvPr id="154" name="Freeform 7">
                <a:extLst>
                  <a:ext uri="{FF2B5EF4-FFF2-40B4-BE49-F238E27FC236}">
                    <a16:creationId xmlns:a16="http://schemas.microsoft.com/office/drawing/2014/main" id="{4D3170CD-9876-00BE-CA7E-D93B26689A3A}"/>
                  </a:ext>
                </a:extLst>
              </p:cNvPr>
              <p:cNvSpPr/>
              <p:nvPr/>
            </p:nvSpPr>
            <p:spPr>
              <a:xfrm>
                <a:off x="1158322" y="-24209"/>
                <a:ext cx="12208" cy="37120"/>
              </a:xfrm>
              <a:custGeom>
                <a:avLst/>
                <a:gdLst>
                  <a:gd name="connsiteX0" fmla="*/ 6104 w 12208"/>
                  <a:gd name="connsiteY0" fmla="*/ 0 h 37120"/>
                  <a:gd name="connsiteX1" fmla="*/ 0 w 12208"/>
                  <a:gd name="connsiteY1" fmla="*/ 6115 h 37120"/>
                  <a:gd name="connsiteX2" fmla="*/ 0 w 12208"/>
                  <a:gd name="connsiteY2" fmla="*/ 31005 h 37120"/>
                  <a:gd name="connsiteX3" fmla="*/ 6104 w 12208"/>
                  <a:gd name="connsiteY3" fmla="*/ 37120 h 37120"/>
                  <a:gd name="connsiteX4" fmla="*/ 12209 w 12208"/>
                  <a:gd name="connsiteY4" fmla="*/ 31005 h 37120"/>
                  <a:gd name="connsiteX5" fmla="*/ 12209 w 12208"/>
                  <a:gd name="connsiteY5" fmla="*/ 6115 h 37120"/>
                  <a:gd name="connsiteX6" fmla="*/ 6104 w 12208"/>
                  <a:gd name="connsiteY6" fmla="*/ 0 h 37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208" h="37120">
                    <a:moveTo>
                      <a:pt x="6104" y="0"/>
                    </a:moveTo>
                    <a:cubicBezTo>
                      <a:pt x="2747" y="0"/>
                      <a:pt x="0" y="2752"/>
                      <a:pt x="0" y="6115"/>
                    </a:cubicBezTo>
                    <a:lnTo>
                      <a:pt x="0" y="31005"/>
                    </a:lnTo>
                    <a:cubicBezTo>
                      <a:pt x="0" y="34368"/>
                      <a:pt x="2747" y="37120"/>
                      <a:pt x="6104" y="37120"/>
                    </a:cubicBezTo>
                    <a:cubicBezTo>
                      <a:pt x="9462" y="37120"/>
                      <a:pt x="12209" y="34368"/>
                      <a:pt x="12209" y="31005"/>
                    </a:cubicBezTo>
                    <a:lnTo>
                      <a:pt x="12209" y="6115"/>
                    </a:lnTo>
                    <a:cubicBezTo>
                      <a:pt x="12209" y="2752"/>
                      <a:pt x="9462" y="0"/>
                      <a:pt x="6104" y="0"/>
                    </a:cubicBezTo>
                    <a:close/>
                  </a:path>
                </a:pathLst>
              </a:custGeom>
              <a:solidFill>
                <a:srgbClr val="265A9A"/>
              </a:solidFill>
              <a:ln w="6096" cap="flat">
                <a:noFill/>
                <a:prstDash val="solid"/>
                <a:miter/>
              </a:ln>
            </p:spPr>
            <p:txBody>
              <a:bodyPr rtlCol="0" anchor="ctr"/>
              <a:lstStyle/>
              <a:p>
                <a:endParaRPr lang="en-AU"/>
              </a:p>
            </p:txBody>
          </p:sp>
          <p:sp>
            <p:nvSpPr>
              <p:cNvPr id="155" name="Freeform 8">
                <a:extLst>
                  <a:ext uri="{FF2B5EF4-FFF2-40B4-BE49-F238E27FC236}">
                    <a16:creationId xmlns:a16="http://schemas.microsoft.com/office/drawing/2014/main" id="{06986AB7-7692-E75E-CB03-0CF9DF6C43B3}"/>
                  </a:ext>
                </a:extLst>
              </p:cNvPr>
              <p:cNvSpPr/>
              <p:nvPr/>
            </p:nvSpPr>
            <p:spPr>
              <a:xfrm>
                <a:off x="1158322" y="26425"/>
                <a:ext cx="12208" cy="37120"/>
              </a:xfrm>
              <a:custGeom>
                <a:avLst/>
                <a:gdLst>
                  <a:gd name="connsiteX0" fmla="*/ 6104 w 12208"/>
                  <a:gd name="connsiteY0" fmla="*/ 0 h 37120"/>
                  <a:gd name="connsiteX1" fmla="*/ 0 w 12208"/>
                  <a:gd name="connsiteY1" fmla="*/ 6115 h 37120"/>
                  <a:gd name="connsiteX2" fmla="*/ 0 w 12208"/>
                  <a:gd name="connsiteY2" fmla="*/ 31005 h 37120"/>
                  <a:gd name="connsiteX3" fmla="*/ 6104 w 12208"/>
                  <a:gd name="connsiteY3" fmla="*/ 37120 h 37120"/>
                  <a:gd name="connsiteX4" fmla="*/ 12209 w 12208"/>
                  <a:gd name="connsiteY4" fmla="*/ 31005 h 37120"/>
                  <a:gd name="connsiteX5" fmla="*/ 12209 w 12208"/>
                  <a:gd name="connsiteY5" fmla="*/ 6115 h 37120"/>
                  <a:gd name="connsiteX6" fmla="*/ 6104 w 12208"/>
                  <a:gd name="connsiteY6" fmla="*/ 0 h 37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208" h="37120">
                    <a:moveTo>
                      <a:pt x="6104" y="0"/>
                    </a:moveTo>
                    <a:cubicBezTo>
                      <a:pt x="2747" y="0"/>
                      <a:pt x="0" y="2752"/>
                      <a:pt x="0" y="6115"/>
                    </a:cubicBezTo>
                    <a:lnTo>
                      <a:pt x="0" y="31005"/>
                    </a:lnTo>
                    <a:cubicBezTo>
                      <a:pt x="0" y="34368"/>
                      <a:pt x="2747" y="37120"/>
                      <a:pt x="6104" y="37120"/>
                    </a:cubicBezTo>
                    <a:cubicBezTo>
                      <a:pt x="9462" y="37120"/>
                      <a:pt x="12209" y="34368"/>
                      <a:pt x="12209" y="31005"/>
                    </a:cubicBezTo>
                    <a:lnTo>
                      <a:pt x="12209" y="6115"/>
                    </a:lnTo>
                    <a:cubicBezTo>
                      <a:pt x="12209" y="2752"/>
                      <a:pt x="9462" y="0"/>
                      <a:pt x="6104" y="0"/>
                    </a:cubicBezTo>
                    <a:close/>
                  </a:path>
                </a:pathLst>
              </a:custGeom>
              <a:solidFill>
                <a:srgbClr val="265A9A"/>
              </a:solidFill>
              <a:ln w="6096" cap="flat">
                <a:noFill/>
                <a:prstDash val="solid"/>
                <a:miter/>
              </a:ln>
            </p:spPr>
            <p:txBody>
              <a:bodyPr rtlCol="0" anchor="ctr"/>
              <a:lstStyle/>
              <a:p>
                <a:endParaRPr lang="en-AU"/>
              </a:p>
            </p:txBody>
          </p:sp>
          <p:sp>
            <p:nvSpPr>
              <p:cNvPr id="156" name="Freeform 9">
                <a:extLst>
                  <a:ext uri="{FF2B5EF4-FFF2-40B4-BE49-F238E27FC236}">
                    <a16:creationId xmlns:a16="http://schemas.microsoft.com/office/drawing/2014/main" id="{F8431743-A81F-FB71-CF5D-7F9732B12EF5}"/>
                  </a:ext>
                </a:extLst>
              </p:cNvPr>
              <p:cNvSpPr/>
              <p:nvPr/>
            </p:nvSpPr>
            <p:spPr>
              <a:xfrm>
                <a:off x="1158322" y="76999"/>
                <a:ext cx="12208" cy="37120"/>
              </a:xfrm>
              <a:custGeom>
                <a:avLst/>
                <a:gdLst>
                  <a:gd name="connsiteX0" fmla="*/ 6104 w 12208"/>
                  <a:gd name="connsiteY0" fmla="*/ 0 h 37120"/>
                  <a:gd name="connsiteX1" fmla="*/ 0 w 12208"/>
                  <a:gd name="connsiteY1" fmla="*/ 6115 h 37120"/>
                  <a:gd name="connsiteX2" fmla="*/ 0 w 12208"/>
                  <a:gd name="connsiteY2" fmla="*/ 31005 h 37120"/>
                  <a:gd name="connsiteX3" fmla="*/ 6104 w 12208"/>
                  <a:gd name="connsiteY3" fmla="*/ 37120 h 37120"/>
                  <a:gd name="connsiteX4" fmla="*/ 12209 w 12208"/>
                  <a:gd name="connsiteY4" fmla="*/ 31005 h 37120"/>
                  <a:gd name="connsiteX5" fmla="*/ 12209 w 12208"/>
                  <a:gd name="connsiteY5" fmla="*/ 6115 h 37120"/>
                  <a:gd name="connsiteX6" fmla="*/ 6104 w 12208"/>
                  <a:gd name="connsiteY6" fmla="*/ 0 h 37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208" h="37120">
                    <a:moveTo>
                      <a:pt x="6104" y="0"/>
                    </a:moveTo>
                    <a:cubicBezTo>
                      <a:pt x="2747" y="0"/>
                      <a:pt x="0" y="2752"/>
                      <a:pt x="0" y="6115"/>
                    </a:cubicBezTo>
                    <a:lnTo>
                      <a:pt x="0" y="31005"/>
                    </a:lnTo>
                    <a:cubicBezTo>
                      <a:pt x="0" y="34368"/>
                      <a:pt x="2747" y="37120"/>
                      <a:pt x="6104" y="37120"/>
                    </a:cubicBezTo>
                    <a:cubicBezTo>
                      <a:pt x="9462" y="37120"/>
                      <a:pt x="12209" y="34368"/>
                      <a:pt x="12209" y="31005"/>
                    </a:cubicBezTo>
                    <a:lnTo>
                      <a:pt x="12209" y="6115"/>
                    </a:lnTo>
                    <a:cubicBezTo>
                      <a:pt x="12209" y="2752"/>
                      <a:pt x="9462" y="0"/>
                      <a:pt x="6104" y="0"/>
                    </a:cubicBezTo>
                    <a:close/>
                  </a:path>
                </a:pathLst>
              </a:custGeom>
              <a:solidFill>
                <a:srgbClr val="265A9A"/>
              </a:solidFill>
              <a:ln w="6096" cap="flat">
                <a:noFill/>
                <a:prstDash val="solid"/>
                <a:miter/>
              </a:ln>
            </p:spPr>
            <p:txBody>
              <a:bodyPr rtlCol="0" anchor="ctr"/>
              <a:lstStyle/>
              <a:p>
                <a:endParaRPr lang="en-AU"/>
              </a:p>
            </p:txBody>
          </p:sp>
          <p:sp>
            <p:nvSpPr>
              <p:cNvPr id="157" name="Freeform 10">
                <a:extLst>
                  <a:ext uri="{FF2B5EF4-FFF2-40B4-BE49-F238E27FC236}">
                    <a16:creationId xmlns:a16="http://schemas.microsoft.com/office/drawing/2014/main" id="{ED855248-0ADE-2161-1609-093E956B916C}"/>
                  </a:ext>
                </a:extLst>
              </p:cNvPr>
              <p:cNvSpPr/>
              <p:nvPr/>
            </p:nvSpPr>
            <p:spPr>
              <a:xfrm>
                <a:off x="1158322" y="127635"/>
                <a:ext cx="12208" cy="37120"/>
              </a:xfrm>
              <a:custGeom>
                <a:avLst/>
                <a:gdLst>
                  <a:gd name="connsiteX0" fmla="*/ 6104 w 12208"/>
                  <a:gd name="connsiteY0" fmla="*/ 0 h 37120"/>
                  <a:gd name="connsiteX1" fmla="*/ 0 w 12208"/>
                  <a:gd name="connsiteY1" fmla="*/ 6115 h 37120"/>
                  <a:gd name="connsiteX2" fmla="*/ 0 w 12208"/>
                  <a:gd name="connsiteY2" fmla="*/ 31005 h 37120"/>
                  <a:gd name="connsiteX3" fmla="*/ 6104 w 12208"/>
                  <a:gd name="connsiteY3" fmla="*/ 37120 h 37120"/>
                  <a:gd name="connsiteX4" fmla="*/ 12209 w 12208"/>
                  <a:gd name="connsiteY4" fmla="*/ 31005 h 37120"/>
                  <a:gd name="connsiteX5" fmla="*/ 12209 w 12208"/>
                  <a:gd name="connsiteY5" fmla="*/ 6115 h 37120"/>
                  <a:gd name="connsiteX6" fmla="*/ 6104 w 12208"/>
                  <a:gd name="connsiteY6" fmla="*/ 0 h 37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208" h="37120">
                    <a:moveTo>
                      <a:pt x="6104" y="0"/>
                    </a:moveTo>
                    <a:cubicBezTo>
                      <a:pt x="2747" y="0"/>
                      <a:pt x="0" y="2752"/>
                      <a:pt x="0" y="6115"/>
                    </a:cubicBezTo>
                    <a:lnTo>
                      <a:pt x="0" y="31005"/>
                    </a:lnTo>
                    <a:cubicBezTo>
                      <a:pt x="0" y="34368"/>
                      <a:pt x="2747" y="37120"/>
                      <a:pt x="6104" y="37120"/>
                    </a:cubicBezTo>
                    <a:cubicBezTo>
                      <a:pt x="9462" y="37120"/>
                      <a:pt x="12209" y="34368"/>
                      <a:pt x="12209" y="31005"/>
                    </a:cubicBezTo>
                    <a:lnTo>
                      <a:pt x="12209" y="6115"/>
                    </a:lnTo>
                    <a:cubicBezTo>
                      <a:pt x="12209" y="2752"/>
                      <a:pt x="9462" y="0"/>
                      <a:pt x="6104" y="0"/>
                    </a:cubicBezTo>
                    <a:close/>
                  </a:path>
                </a:pathLst>
              </a:custGeom>
              <a:solidFill>
                <a:srgbClr val="265A9A"/>
              </a:solidFill>
              <a:ln w="6096" cap="flat">
                <a:noFill/>
                <a:prstDash val="solid"/>
                <a:miter/>
              </a:ln>
            </p:spPr>
            <p:txBody>
              <a:bodyPr rtlCol="0" anchor="ctr"/>
              <a:lstStyle/>
              <a:p>
                <a:endParaRPr lang="en-AU"/>
              </a:p>
            </p:txBody>
          </p:sp>
          <p:sp>
            <p:nvSpPr>
              <p:cNvPr id="158" name="Freeform 11">
                <a:extLst>
                  <a:ext uri="{FF2B5EF4-FFF2-40B4-BE49-F238E27FC236}">
                    <a16:creationId xmlns:a16="http://schemas.microsoft.com/office/drawing/2014/main" id="{054F3D6B-C46E-AE8D-1543-A8D71D1AF8ED}"/>
                  </a:ext>
                </a:extLst>
              </p:cNvPr>
              <p:cNvSpPr/>
              <p:nvPr/>
            </p:nvSpPr>
            <p:spPr>
              <a:xfrm>
                <a:off x="1053692" y="-62369"/>
                <a:ext cx="33574" cy="12230"/>
              </a:xfrm>
              <a:custGeom>
                <a:avLst/>
                <a:gdLst>
                  <a:gd name="connsiteX0" fmla="*/ 27470 w 33574"/>
                  <a:gd name="connsiteY0" fmla="*/ 0 h 12230"/>
                  <a:gd name="connsiteX1" fmla="*/ 6104 w 33574"/>
                  <a:gd name="connsiteY1" fmla="*/ 0 h 12230"/>
                  <a:gd name="connsiteX2" fmla="*/ 0 w 33574"/>
                  <a:gd name="connsiteY2" fmla="*/ 6115 h 12230"/>
                  <a:gd name="connsiteX3" fmla="*/ 6104 w 33574"/>
                  <a:gd name="connsiteY3" fmla="*/ 12231 h 12230"/>
                  <a:gd name="connsiteX4" fmla="*/ 27470 w 33574"/>
                  <a:gd name="connsiteY4" fmla="*/ 12231 h 12230"/>
                  <a:gd name="connsiteX5" fmla="*/ 33574 w 33574"/>
                  <a:gd name="connsiteY5" fmla="*/ 6115 h 12230"/>
                  <a:gd name="connsiteX6" fmla="*/ 27470 w 33574"/>
                  <a:gd name="connsiteY6" fmla="*/ 0 h 12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574" h="12230">
                    <a:moveTo>
                      <a:pt x="27470" y="0"/>
                    </a:moveTo>
                    <a:lnTo>
                      <a:pt x="6104" y="0"/>
                    </a:lnTo>
                    <a:cubicBezTo>
                      <a:pt x="2747" y="0"/>
                      <a:pt x="0" y="2752"/>
                      <a:pt x="0" y="6115"/>
                    </a:cubicBezTo>
                    <a:cubicBezTo>
                      <a:pt x="0" y="9479"/>
                      <a:pt x="2747" y="12231"/>
                      <a:pt x="6104" y="12231"/>
                    </a:cubicBezTo>
                    <a:lnTo>
                      <a:pt x="27470" y="12231"/>
                    </a:lnTo>
                    <a:cubicBezTo>
                      <a:pt x="30827" y="12231"/>
                      <a:pt x="33574" y="9479"/>
                      <a:pt x="33574" y="6115"/>
                    </a:cubicBezTo>
                    <a:cubicBezTo>
                      <a:pt x="33574" y="2752"/>
                      <a:pt x="30827" y="0"/>
                      <a:pt x="27470" y="0"/>
                    </a:cubicBezTo>
                    <a:close/>
                  </a:path>
                </a:pathLst>
              </a:custGeom>
              <a:solidFill>
                <a:srgbClr val="265A9A"/>
              </a:solidFill>
              <a:ln w="6096" cap="flat">
                <a:noFill/>
                <a:prstDash val="solid"/>
                <a:miter/>
              </a:ln>
            </p:spPr>
            <p:txBody>
              <a:bodyPr rtlCol="0" anchor="ctr"/>
              <a:lstStyle/>
              <a:p>
                <a:endParaRPr lang="en-AU"/>
              </a:p>
            </p:txBody>
          </p:sp>
          <p:sp>
            <p:nvSpPr>
              <p:cNvPr id="159" name="Freeform 12">
                <a:extLst>
                  <a:ext uri="{FF2B5EF4-FFF2-40B4-BE49-F238E27FC236}">
                    <a16:creationId xmlns:a16="http://schemas.microsoft.com/office/drawing/2014/main" id="{ED5D2A08-F8EA-7050-B44E-B00E0A1ED9F6}"/>
                  </a:ext>
                </a:extLst>
              </p:cNvPr>
              <p:cNvSpPr/>
              <p:nvPr/>
            </p:nvSpPr>
            <p:spPr>
              <a:xfrm>
                <a:off x="1097156" y="-62369"/>
                <a:ext cx="33574" cy="12230"/>
              </a:xfrm>
              <a:custGeom>
                <a:avLst/>
                <a:gdLst>
                  <a:gd name="connsiteX0" fmla="*/ 27470 w 33574"/>
                  <a:gd name="connsiteY0" fmla="*/ 0 h 12230"/>
                  <a:gd name="connsiteX1" fmla="*/ 6104 w 33574"/>
                  <a:gd name="connsiteY1" fmla="*/ 0 h 12230"/>
                  <a:gd name="connsiteX2" fmla="*/ 0 w 33574"/>
                  <a:gd name="connsiteY2" fmla="*/ 6115 h 12230"/>
                  <a:gd name="connsiteX3" fmla="*/ 6104 w 33574"/>
                  <a:gd name="connsiteY3" fmla="*/ 12231 h 12230"/>
                  <a:gd name="connsiteX4" fmla="*/ 27470 w 33574"/>
                  <a:gd name="connsiteY4" fmla="*/ 12231 h 12230"/>
                  <a:gd name="connsiteX5" fmla="*/ 33574 w 33574"/>
                  <a:gd name="connsiteY5" fmla="*/ 6115 h 12230"/>
                  <a:gd name="connsiteX6" fmla="*/ 27470 w 33574"/>
                  <a:gd name="connsiteY6" fmla="*/ 0 h 12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574" h="12230">
                    <a:moveTo>
                      <a:pt x="27470" y="0"/>
                    </a:moveTo>
                    <a:lnTo>
                      <a:pt x="6104" y="0"/>
                    </a:lnTo>
                    <a:cubicBezTo>
                      <a:pt x="2747" y="0"/>
                      <a:pt x="0" y="2752"/>
                      <a:pt x="0" y="6115"/>
                    </a:cubicBezTo>
                    <a:cubicBezTo>
                      <a:pt x="0" y="9479"/>
                      <a:pt x="2747" y="12231"/>
                      <a:pt x="6104" y="12231"/>
                    </a:cubicBezTo>
                    <a:lnTo>
                      <a:pt x="27470" y="12231"/>
                    </a:lnTo>
                    <a:cubicBezTo>
                      <a:pt x="30827" y="12231"/>
                      <a:pt x="33574" y="9479"/>
                      <a:pt x="33574" y="6115"/>
                    </a:cubicBezTo>
                    <a:cubicBezTo>
                      <a:pt x="33574" y="2752"/>
                      <a:pt x="30827" y="0"/>
                      <a:pt x="27470" y="0"/>
                    </a:cubicBezTo>
                    <a:close/>
                  </a:path>
                </a:pathLst>
              </a:custGeom>
              <a:solidFill>
                <a:srgbClr val="265A9A"/>
              </a:solidFill>
              <a:ln w="6096" cap="flat">
                <a:noFill/>
                <a:prstDash val="solid"/>
                <a:miter/>
              </a:ln>
            </p:spPr>
            <p:txBody>
              <a:bodyPr rtlCol="0" anchor="ctr"/>
              <a:lstStyle/>
              <a:p>
                <a:endParaRPr lang="en-AU"/>
              </a:p>
            </p:txBody>
          </p:sp>
          <p:sp>
            <p:nvSpPr>
              <p:cNvPr id="160" name="Freeform 13">
                <a:extLst>
                  <a:ext uri="{FF2B5EF4-FFF2-40B4-BE49-F238E27FC236}">
                    <a16:creationId xmlns:a16="http://schemas.microsoft.com/office/drawing/2014/main" id="{E76FED12-F735-C20D-B800-9269F89E1836}"/>
                  </a:ext>
                </a:extLst>
              </p:cNvPr>
              <p:cNvSpPr/>
              <p:nvPr/>
            </p:nvSpPr>
            <p:spPr>
              <a:xfrm>
                <a:off x="1053692" y="191541"/>
                <a:ext cx="33574" cy="12230"/>
              </a:xfrm>
              <a:custGeom>
                <a:avLst/>
                <a:gdLst>
                  <a:gd name="connsiteX0" fmla="*/ 27470 w 33574"/>
                  <a:gd name="connsiteY0" fmla="*/ 0 h 12230"/>
                  <a:gd name="connsiteX1" fmla="*/ 6104 w 33574"/>
                  <a:gd name="connsiteY1" fmla="*/ 0 h 12230"/>
                  <a:gd name="connsiteX2" fmla="*/ 0 w 33574"/>
                  <a:gd name="connsiteY2" fmla="*/ 6115 h 12230"/>
                  <a:gd name="connsiteX3" fmla="*/ 6104 w 33574"/>
                  <a:gd name="connsiteY3" fmla="*/ 12231 h 12230"/>
                  <a:gd name="connsiteX4" fmla="*/ 27470 w 33574"/>
                  <a:gd name="connsiteY4" fmla="*/ 12231 h 12230"/>
                  <a:gd name="connsiteX5" fmla="*/ 33574 w 33574"/>
                  <a:gd name="connsiteY5" fmla="*/ 6115 h 12230"/>
                  <a:gd name="connsiteX6" fmla="*/ 27470 w 33574"/>
                  <a:gd name="connsiteY6" fmla="*/ 0 h 12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574" h="12230">
                    <a:moveTo>
                      <a:pt x="27470" y="0"/>
                    </a:moveTo>
                    <a:lnTo>
                      <a:pt x="6104" y="0"/>
                    </a:lnTo>
                    <a:cubicBezTo>
                      <a:pt x="2747" y="0"/>
                      <a:pt x="0" y="2752"/>
                      <a:pt x="0" y="6115"/>
                    </a:cubicBezTo>
                    <a:cubicBezTo>
                      <a:pt x="0" y="9479"/>
                      <a:pt x="2747" y="12231"/>
                      <a:pt x="6104" y="12231"/>
                    </a:cubicBezTo>
                    <a:lnTo>
                      <a:pt x="27470" y="12231"/>
                    </a:lnTo>
                    <a:cubicBezTo>
                      <a:pt x="30827" y="12231"/>
                      <a:pt x="33574" y="9479"/>
                      <a:pt x="33574" y="6115"/>
                    </a:cubicBezTo>
                    <a:cubicBezTo>
                      <a:pt x="33574" y="2752"/>
                      <a:pt x="30827" y="0"/>
                      <a:pt x="27470" y="0"/>
                    </a:cubicBezTo>
                    <a:close/>
                  </a:path>
                </a:pathLst>
              </a:custGeom>
              <a:solidFill>
                <a:srgbClr val="265A9A"/>
              </a:solidFill>
              <a:ln w="6096" cap="flat">
                <a:noFill/>
                <a:prstDash val="solid"/>
                <a:miter/>
              </a:ln>
            </p:spPr>
            <p:txBody>
              <a:bodyPr rtlCol="0" anchor="ctr"/>
              <a:lstStyle/>
              <a:p>
                <a:endParaRPr lang="en-AU"/>
              </a:p>
            </p:txBody>
          </p:sp>
          <p:sp>
            <p:nvSpPr>
              <p:cNvPr id="161" name="Freeform 14">
                <a:extLst>
                  <a:ext uri="{FF2B5EF4-FFF2-40B4-BE49-F238E27FC236}">
                    <a16:creationId xmlns:a16="http://schemas.microsoft.com/office/drawing/2014/main" id="{1C0B1CAC-BCA1-960D-E7DD-F1285F93DC3C}"/>
                  </a:ext>
                </a:extLst>
              </p:cNvPr>
              <p:cNvSpPr/>
              <p:nvPr/>
            </p:nvSpPr>
            <p:spPr>
              <a:xfrm>
                <a:off x="1097156" y="191541"/>
                <a:ext cx="33574" cy="12230"/>
              </a:xfrm>
              <a:custGeom>
                <a:avLst/>
                <a:gdLst>
                  <a:gd name="connsiteX0" fmla="*/ 27470 w 33574"/>
                  <a:gd name="connsiteY0" fmla="*/ 0 h 12230"/>
                  <a:gd name="connsiteX1" fmla="*/ 6104 w 33574"/>
                  <a:gd name="connsiteY1" fmla="*/ 0 h 12230"/>
                  <a:gd name="connsiteX2" fmla="*/ 0 w 33574"/>
                  <a:gd name="connsiteY2" fmla="*/ 6115 h 12230"/>
                  <a:gd name="connsiteX3" fmla="*/ 6104 w 33574"/>
                  <a:gd name="connsiteY3" fmla="*/ 12231 h 12230"/>
                  <a:gd name="connsiteX4" fmla="*/ 27470 w 33574"/>
                  <a:gd name="connsiteY4" fmla="*/ 12231 h 12230"/>
                  <a:gd name="connsiteX5" fmla="*/ 33574 w 33574"/>
                  <a:gd name="connsiteY5" fmla="*/ 6115 h 12230"/>
                  <a:gd name="connsiteX6" fmla="*/ 27470 w 33574"/>
                  <a:gd name="connsiteY6" fmla="*/ 0 h 12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574" h="12230">
                    <a:moveTo>
                      <a:pt x="27470" y="0"/>
                    </a:moveTo>
                    <a:lnTo>
                      <a:pt x="6104" y="0"/>
                    </a:lnTo>
                    <a:cubicBezTo>
                      <a:pt x="2747" y="0"/>
                      <a:pt x="0" y="2752"/>
                      <a:pt x="0" y="6115"/>
                    </a:cubicBezTo>
                    <a:cubicBezTo>
                      <a:pt x="0" y="9479"/>
                      <a:pt x="2747" y="12231"/>
                      <a:pt x="6104" y="12231"/>
                    </a:cubicBezTo>
                    <a:lnTo>
                      <a:pt x="27470" y="12231"/>
                    </a:lnTo>
                    <a:cubicBezTo>
                      <a:pt x="30827" y="12231"/>
                      <a:pt x="33574" y="9479"/>
                      <a:pt x="33574" y="6115"/>
                    </a:cubicBezTo>
                    <a:cubicBezTo>
                      <a:pt x="33574" y="2752"/>
                      <a:pt x="30827" y="0"/>
                      <a:pt x="27470" y="0"/>
                    </a:cubicBezTo>
                    <a:close/>
                  </a:path>
                </a:pathLst>
              </a:custGeom>
              <a:solidFill>
                <a:srgbClr val="265A9A"/>
              </a:solidFill>
              <a:ln w="6096" cap="flat">
                <a:noFill/>
                <a:prstDash val="solid"/>
                <a:miter/>
              </a:ln>
            </p:spPr>
            <p:txBody>
              <a:bodyPr rtlCol="0" anchor="ctr"/>
              <a:lstStyle/>
              <a:p>
                <a:endParaRPr lang="en-AU"/>
              </a:p>
            </p:txBody>
          </p:sp>
          <p:sp>
            <p:nvSpPr>
              <p:cNvPr id="162" name="Freeform 15">
                <a:extLst>
                  <a:ext uri="{FF2B5EF4-FFF2-40B4-BE49-F238E27FC236}">
                    <a16:creationId xmlns:a16="http://schemas.microsoft.com/office/drawing/2014/main" id="{261ACF04-7A30-A3A4-6462-BB7749B8C0BA}"/>
                  </a:ext>
                </a:extLst>
              </p:cNvPr>
              <p:cNvSpPr/>
              <p:nvPr/>
            </p:nvSpPr>
            <p:spPr>
              <a:xfrm>
                <a:off x="1143427" y="176619"/>
                <a:ext cx="27103" cy="27152"/>
              </a:xfrm>
              <a:custGeom>
                <a:avLst/>
                <a:gdLst>
                  <a:gd name="connsiteX0" fmla="*/ 20999 w 27103"/>
                  <a:gd name="connsiteY0" fmla="*/ 0 h 27152"/>
                  <a:gd name="connsiteX1" fmla="*/ 14895 w 27103"/>
                  <a:gd name="connsiteY1" fmla="*/ 6115 h 27152"/>
                  <a:gd name="connsiteX2" fmla="*/ 14895 w 27103"/>
                  <a:gd name="connsiteY2" fmla="*/ 14922 h 27152"/>
                  <a:gd name="connsiteX3" fmla="*/ 6104 w 27103"/>
                  <a:gd name="connsiteY3" fmla="*/ 14922 h 27152"/>
                  <a:gd name="connsiteX4" fmla="*/ 0 w 27103"/>
                  <a:gd name="connsiteY4" fmla="*/ 21037 h 27152"/>
                  <a:gd name="connsiteX5" fmla="*/ 6104 w 27103"/>
                  <a:gd name="connsiteY5" fmla="*/ 27152 h 27152"/>
                  <a:gd name="connsiteX6" fmla="*/ 20999 w 27103"/>
                  <a:gd name="connsiteY6" fmla="*/ 27152 h 27152"/>
                  <a:gd name="connsiteX7" fmla="*/ 27104 w 27103"/>
                  <a:gd name="connsiteY7" fmla="*/ 21037 h 27152"/>
                  <a:gd name="connsiteX8" fmla="*/ 27104 w 27103"/>
                  <a:gd name="connsiteY8" fmla="*/ 6115 h 27152"/>
                  <a:gd name="connsiteX9" fmla="*/ 20999 w 27103"/>
                  <a:gd name="connsiteY9" fmla="*/ 0 h 271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103" h="27152">
                    <a:moveTo>
                      <a:pt x="20999" y="0"/>
                    </a:moveTo>
                    <a:cubicBezTo>
                      <a:pt x="17642" y="0"/>
                      <a:pt x="14895" y="2752"/>
                      <a:pt x="14895" y="6115"/>
                    </a:cubicBezTo>
                    <a:lnTo>
                      <a:pt x="14895" y="14922"/>
                    </a:lnTo>
                    <a:lnTo>
                      <a:pt x="6104" y="14922"/>
                    </a:lnTo>
                    <a:cubicBezTo>
                      <a:pt x="2747" y="14922"/>
                      <a:pt x="0" y="17673"/>
                      <a:pt x="0" y="21037"/>
                    </a:cubicBezTo>
                    <a:cubicBezTo>
                      <a:pt x="0" y="24400"/>
                      <a:pt x="2747" y="27152"/>
                      <a:pt x="6104" y="27152"/>
                    </a:cubicBezTo>
                    <a:lnTo>
                      <a:pt x="20999" y="27152"/>
                    </a:lnTo>
                    <a:cubicBezTo>
                      <a:pt x="24357" y="27152"/>
                      <a:pt x="27104" y="24400"/>
                      <a:pt x="27104" y="21037"/>
                    </a:cubicBezTo>
                    <a:lnTo>
                      <a:pt x="27104" y="6115"/>
                    </a:lnTo>
                    <a:cubicBezTo>
                      <a:pt x="27104" y="2752"/>
                      <a:pt x="24357" y="0"/>
                      <a:pt x="20999" y="0"/>
                    </a:cubicBezTo>
                    <a:close/>
                  </a:path>
                </a:pathLst>
              </a:custGeom>
              <a:solidFill>
                <a:srgbClr val="265A9A"/>
              </a:solidFill>
              <a:ln w="6096" cap="flat">
                <a:noFill/>
                <a:prstDash val="solid"/>
                <a:miter/>
              </a:ln>
            </p:spPr>
            <p:txBody>
              <a:bodyPr rtlCol="0" anchor="ctr"/>
              <a:lstStyle/>
              <a:p>
                <a:endParaRPr lang="en-AU"/>
              </a:p>
            </p:txBody>
          </p:sp>
          <p:sp>
            <p:nvSpPr>
              <p:cNvPr id="163" name="Freeform 16">
                <a:extLst>
                  <a:ext uri="{FF2B5EF4-FFF2-40B4-BE49-F238E27FC236}">
                    <a16:creationId xmlns:a16="http://schemas.microsoft.com/office/drawing/2014/main" id="{B5C47623-AF06-6829-5F79-7A382B1C8E7C}"/>
                  </a:ext>
                </a:extLst>
              </p:cNvPr>
              <p:cNvSpPr/>
              <p:nvPr/>
            </p:nvSpPr>
            <p:spPr>
              <a:xfrm>
                <a:off x="1143427" y="-62369"/>
                <a:ext cx="27103" cy="27152"/>
              </a:xfrm>
              <a:custGeom>
                <a:avLst/>
                <a:gdLst>
                  <a:gd name="connsiteX0" fmla="*/ 20999 w 27103"/>
                  <a:gd name="connsiteY0" fmla="*/ 0 h 27152"/>
                  <a:gd name="connsiteX1" fmla="*/ 6104 w 27103"/>
                  <a:gd name="connsiteY1" fmla="*/ 0 h 27152"/>
                  <a:gd name="connsiteX2" fmla="*/ 0 w 27103"/>
                  <a:gd name="connsiteY2" fmla="*/ 6115 h 27152"/>
                  <a:gd name="connsiteX3" fmla="*/ 6104 w 27103"/>
                  <a:gd name="connsiteY3" fmla="*/ 12231 h 27152"/>
                  <a:gd name="connsiteX4" fmla="*/ 14895 w 27103"/>
                  <a:gd name="connsiteY4" fmla="*/ 12231 h 27152"/>
                  <a:gd name="connsiteX5" fmla="*/ 14895 w 27103"/>
                  <a:gd name="connsiteY5" fmla="*/ 21037 h 27152"/>
                  <a:gd name="connsiteX6" fmla="*/ 20999 w 27103"/>
                  <a:gd name="connsiteY6" fmla="*/ 27152 h 27152"/>
                  <a:gd name="connsiteX7" fmla="*/ 27104 w 27103"/>
                  <a:gd name="connsiteY7" fmla="*/ 21037 h 27152"/>
                  <a:gd name="connsiteX8" fmla="*/ 27104 w 27103"/>
                  <a:gd name="connsiteY8" fmla="*/ 6115 h 27152"/>
                  <a:gd name="connsiteX9" fmla="*/ 20999 w 27103"/>
                  <a:gd name="connsiteY9" fmla="*/ 0 h 271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103" h="27152">
                    <a:moveTo>
                      <a:pt x="20999" y="0"/>
                    </a:moveTo>
                    <a:lnTo>
                      <a:pt x="6104" y="0"/>
                    </a:lnTo>
                    <a:cubicBezTo>
                      <a:pt x="2747" y="0"/>
                      <a:pt x="0" y="2752"/>
                      <a:pt x="0" y="6115"/>
                    </a:cubicBezTo>
                    <a:cubicBezTo>
                      <a:pt x="0" y="9479"/>
                      <a:pt x="2747" y="12231"/>
                      <a:pt x="6104" y="12231"/>
                    </a:cubicBezTo>
                    <a:lnTo>
                      <a:pt x="14895" y="12231"/>
                    </a:lnTo>
                    <a:lnTo>
                      <a:pt x="14895" y="21037"/>
                    </a:lnTo>
                    <a:cubicBezTo>
                      <a:pt x="14895" y="24400"/>
                      <a:pt x="17642" y="27152"/>
                      <a:pt x="20999" y="27152"/>
                    </a:cubicBezTo>
                    <a:cubicBezTo>
                      <a:pt x="24357" y="27152"/>
                      <a:pt x="27104" y="24400"/>
                      <a:pt x="27104" y="21037"/>
                    </a:cubicBezTo>
                    <a:lnTo>
                      <a:pt x="27104" y="6115"/>
                    </a:lnTo>
                    <a:cubicBezTo>
                      <a:pt x="27104" y="2752"/>
                      <a:pt x="24357" y="0"/>
                      <a:pt x="20999" y="0"/>
                    </a:cubicBezTo>
                    <a:close/>
                  </a:path>
                </a:pathLst>
              </a:custGeom>
              <a:solidFill>
                <a:srgbClr val="265A9A"/>
              </a:solidFill>
              <a:ln w="6096" cap="flat">
                <a:noFill/>
                <a:prstDash val="solid"/>
                <a:miter/>
              </a:ln>
            </p:spPr>
            <p:txBody>
              <a:bodyPr rtlCol="0" anchor="ctr"/>
              <a:lstStyle/>
              <a:p>
                <a:endParaRPr lang="en-AU"/>
              </a:p>
            </p:txBody>
          </p:sp>
        </p:grpSp>
      </p:grpSp>
      <p:grpSp>
        <p:nvGrpSpPr>
          <p:cNvPr id="3" name="Group 2">
            <a:extLst>
              <a:ext uri="{FF2B5EF4-FFF2-40B4-BE49-F238E27FC236}">
                <a16:creationId xmlns:a16="http://schemas.microsoft.com/office/drawing/2014/main" id="{F167BEBA-5605-E4E0-BF81-C021E34452D5}"/>
              </a:ext>
            </a:extLst>
          </p:cNvPr>
          <p:cNvGrpSpPr/>
          <p:nvPr/>
        </p:nvGrpSpPr>
        <p:grpSpPr>
          <a:xfrm>
            <a:off x="7939925" y="3311118"/>
            <a:ext cx="406134" cy="378644"/>
            <a:chOff x="1154141" y="3587241"/>
            <a:chExt cx="417487" cy="419004"/>
          </a:xfrm>
        </p:grpSpPr>
        <p:sp>
          <p:nvSpPr>
            <p:cNvPr id="4" name="Graphic 2">
              <a:extLst>
                <a:ext uri="{FF2B5EF4-FFF2-40B4-BE49-F238E27FC236}">
                  <a16:creationId xmlns:a16="http://schemas.microsoft.com/office/drawing/2014/main" id="{1536BE9E-8967-8EB5-434E-42747F4E5950}"/>
                </a:ext>
              </a:extLst>
            </p:cNvPr>
            <p:cNvSpPr/>
            <p:nvPr/>
          </p:nvSpPr>
          <p:spPr>
            <a:xfrm rot="16996800">
              <a:off x="1200786" y="3661417"/>
              <a:ext cx="323087" cy="323087"/>
            </a:xfrm>
            <a:custGeom>
              <a:avLst/>
              <a:gdLst>
                <a:gd name="connsiteX0" fmla="*/ 323088 w 323087"/>
                <a:gd name="connsiteY0" fmla="*/ 161544 h 323087"/>
                <a:gd name="connsiteX1" fmla="*/ 161544 w 323087"/>
                <a:gd name="connsiteY1" fmla="*/ 323088 h 323087"/>
                <a:gd name="connsiteX2" fmla="*/ 0 w 323087"/>
                <a:gd name="connsiteY2" fmla="*/ 161544 h 323087"/>
                <a:gd name="connsiteX3" fmla="*/ 161544 w 323087"/>
                <a:gd name="connsiteY3" fmla="*/ 0 h 323087"/>
                <a:gd name="connsiteX4" fmla="*/ 323088 w 323087"/>
                <a:gd name="connsiteY4" fmla="*/ 161544 h 3230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3087" h="323087">
                  <a:moveTo>
                    <a:pt x="323088" y="161544"/>
                  </a:moveTo>
                  <a:cubicBezTo>
                    <a:pt x="323088" y="250762"/>
                    <a:pt x="250762" y="323088"/>
                    <a:pt x="161544" y="323088"/>
                  </a:cubicBezTo>
                  <a:cubicBezTo>
                    <a:pt x="72326" y="323088"/>
                    <a:pt x="0" y="250762"/>
                    <a:pt x="0" y="161544"/>
                  </a:cubicBezTo>
                  <a:cubicBezTo>
                    <a:pt x="0" y="72326"/>
                    <a:pt x="72326" y="0"/>
                    <a:pt x="161544" y="0"/>
                  </a:cubicBezTo>
                  <a:cubicBezTo>
                    <a:pt x="250762" y="0"/>
                    <a:pt x="323088" y="72326"/>
                    <a:pt x="323088" y="161544"/>
                  </a:cubicBezTo>
                  <a:close/>
                </a:path>
              </a:pathLst>
            </a:custGeom>
            <a:solidFill>
              <a:srgbClr val="C7E4F1"/>
            </a:solidFill>
            <a:ln w="9525" cap="flat">
              <a:noFill/>
              <a:prstDash val="solid"/>
              <a:miter/>
            </a:ln>
          </p:spPr>
          <p:txBody>
            <a:bodyPr rtlCol="0" anchor="ctr"/>
            <a:lstStyle/>
            <a:p>
              <a:endParaRPr lang="en-AU" sz="153"/>
            </a:p>
          </p:txBody>
        </p:sp>
        <p:sp>
          <p:nvSpPr>
            <p:cNvPr id="5" name="Graphic 2">
              <a:extLst>
                <a:ext uri="{FF2B5EF4-FFF2-40B4-BE49-F238E27FC236}">
                  <a16:creationId xmlns:a16="http://schemas.microsoft.com/office/drawing/2014/main" id="{BAE8EA8E-8EE9-B3BC-DFEB-DF86F39D1503}"/>
                </a:ext>
              </a:extLst>
            </p:cNvPr>
            <p:cNvSpPr/>
            <p:nvPr/>
          </p:nvSpPr>
          <p:spPr>
            <a:xfrm>
              <a:off x="1191952" y="3587241"/>
              <a:ext cx="339769" cy="419004"/>
            </a:xfrm>
            <a:custGeom>
              <a:avLst/>
              <a:gdLst>
                <a:gd name="connsiteX0" fmla="*/ 310331 w 339769"/>
                <a:gd name="connsiteY0" fmla="*/ 330708 h 419004"/>
                <a:gd name="connsiteX1" fmla="*/ 310331 w 339769"/>
                <a:gd name="connsiteY1" fmla="*/ 330041 h 419004"/>
                <a:gd name="connsiteX2" fmla="*/ 316903 w 339769"/>
                <a:gd name="connsiteY2" fmla="*/ 319278 h 419004"/>
                <a:gd name="connsiteX3" fmla="*/ 317856 w 339769"/>
                <a:gd name="connsiteY3" fmla="*/ 317659 h 419004"/>
                <a:gd name="connsiteX4" fmla="*/ 319094 w 339769"/>
                <a:gd name="connsiteY4" fmla="*/ 315659 h 419004"/>
                <a:gd name="connsiteX5" fmla="*/ 322713 w 339769"/>
                <a:gd name="connsiteY5" fmla="*/ 308134 h 419004"/>
                <a:gd name="connsiteX6" fmla="*/ 323380 w 339769"/>
                <a:gd name="connsiteY6" fmla="*/ 306800 h 419004"/>
                <a:gd name="connsiteX7" fmla="*/ 324237 w 339769"/>
                <a:gd name="connsiteY7" fmla="*/ 304800 h 419004"/>
                <a:gd name="connsiteX8" fmla="*/ 326333 w 339769"/>
                <a:gd name="connsiteY8" fmla="*/ 300228 h 419004"/>
                <a:gd name="connsiteX9" fmla="*/ 328047 w 339769"/>
                <a:gd name="connsiteY9" fmla="*/ 295751 h 419004"/>
                <a:gd name="connsiteX10" fmla="*/ 328809 w 339769"/>
                <a:gd name="connsiteY10" fmla="*/ 293656 h 419004"/>
                <a:gd name="connsiteX11" fmla="*/ 328809 w 339769"/>
                <a:gd name="connsiteY11" fmla="*/ 292513 h 419004"/>
                <a:gd name="connsiteX12" fmla="*/ 331667 w 339769"/>
                <a:gd name="connsiteY12" fmla="*/ 284226 h 419004"/>
                <a:gd name="connsiteX13" fmla="*/ 332238 w 339769"/>
                <a:gd name="connsiteY13" fmla="*/ 282130 h 419004"/>
                <a:gd name="connsiteX14" fmla="*/ 332238 w 339769"/>
                <a:gd name="connsiteY14" fmla="*/ 280226 h 419004"/>
                <a:gd name="connsiteX15" fmla="*/ 335286 w 339769"/>
                <a:gd name="connsiteY15" fmla="*/ 267843 h 419004"/>
                <a:gd name="connsiteX16" fmla="*/ 335286 w 339769"/>
                <a:gd name="connsiteY16" fmla="*/ 267176 h 419004"/>
                <a:gd name="connsiteX17" fmla="*/ 338334 w 339769"/>
                <a:gd name="connsiteY17" fmla="*/ 235458 h 419004"/>
                <a:gd name="connsiteX18" fmla="*/ 337477 w 339769"/>
                <a:gd name="connsiteY18" fmla="*/ 219361 h 419004"/>
                <a:gd name="connsiteX19" fmla="*/ 337477 w 339769"/>
                <a:gd name="connsiteY19" fmla="*/ 217361 h 419004"/>
                <a:gd name="connsiteX20" fmla="*/ 337477 w 339769"/>
                <a:gd name="connsiteY20" fmla="*/ 212788 h 419004"/>
                <a:gd name="connsiteX21" fmla="*/ 336906 w 339769"/>
                <a:gd name="connsiteY21" fmla="*/ 209836 h 419004"/>
                <a:gd name="connsiteX22" fmla="*/ 336906 w 339769"/>
                <a:gd name="connsiteY22" fmla="*/ 207073 h 419004"/>
                <a:gd name="connsiteX23" fmla="*/ 335286 w 339769"/>
                <a:gd name="connsiteY23" fmla="*/ 198977 h 419004"/>
                <a:gd name="connsiteX24" fmla="*/ 333096 w 339769"/>
                <a:gd name="connsiteY24" fmla="*/ 189452 h 419004"/>
                <a:gd name="connsiteX25" fmla="*/ 330143 w 339769"/>
                <a:gd name="connsiteY25" fmla="*/ 180404 h 419004"/>
                <a:gd name="connsiteX26" fmla="*/ 329286 w 339769"/>
                <a:gd name="connsiteY26" fmla="*/ 177641 h 419004"/>
                <a:gd name="connsiteX27" fmla="*/ 328238 w 339769"/>
                <a:gd name="connsiteY27" fmla="*/ 174212 h 419004"/>
                <a:gd name="connsiteX28" fmla="*/ 328238 w 339769"/>
                <a:gd name="connsiteY28" fmla="*/ 173260 h 419004"/>
                <a:gd name="connsiteX29" fmla="*/ 328238 w 339769"/>
                <a:gd name="connsiteY29" fmla="*/ 172021 h 419004"/>
                <a:gd name="connsiteX30" fmla="*/ 327666 w 339769"/>
                <a:gd name="connsiteY30" fmla="*/ 170879 h 419004"/>
                <a:gd name="connsiteX31" fmla="*/ 327666 w 339769"/>
                <a:gd name="connsiteY31" fmla="*/ 169831 h 419004"/>
                <a:gd name="connsiteX32" fmla="*/ 322237 w 339769"/>
                <a:gd name="connsiteY32" fmla="*/ 158210 h 419004"/>
                <a:gd name="connsiteX33" fmla="*/ 320332 w 339769"/>
                <a:gd name="connsiteY33" fmla="*/ 154496 h 419004"/>
                <a:gd name="connsiteX34" fmla="*/ 319380 w 339769"/>
                <a:gd name="connsiteY34" fmla="*/ 152686 h 419004"/>
                <a:gd name="connsiteX35" fmla="*/ 318427 w 339769"/>
                <a:gd name="connsiteY35" fmla="*/ 150971 h 419004"/>
                <a:gd name="connsiteX36" fmla="*/ 317665 w 339769"/>
                <a:gd name="connsiteY36" fmla="*/ 150019 h 419004"/>
                <a:gd name="connsiteX37" fmla="*/ 317665 w 339769"/>
                <a:gd name="connsiteY37" fmla="*/ 150019 h 419004"/>
                <a:gd name="connsiteX38" fmla="*/ 256705 w 339769"/>
                <a:gd name="connsiteY38" fmla="*/ 89154 h 419004"/>
                <a:gd name="connsiteX39" fmla="*/ 256705 w 339769"/>
                <a:gd name="connsiteY39" fmla="*/ 89154 h 419004"/>
                <a:gd name="connsiteX40" fmla="*/ 256038 w 339769"/>
                <a:gd name="connsiteY40" fmla="*/ 88582 h 419004"/>
                <a:gd name="connsiteX41" fmla="*/ 256038 w 339769"/>
                <a:gd name="connsiteY41" fmla="*/ 88582 h 419004"/>
                <a:gd name="connsiteX42" fmla="*/ 254895 w 339769"/>
                <a:gd name="connsiteY42" fmla="*/ 88011 h 419004"/>
                <a:gd name="connsiteX43" fmla="*/ 216795 w 339769"/>
                <a:gd name="connsiteY43" fmla="*/ 72485 h 419004"/>
                <a:gd name="connsiteX44" fmla="*/ 214224 w 339769"/>
                <a:gd name="connsiteY44" fmla="*/ 71819 h 419004"/>
                <a:gd name="connsiteX45" fmla="*/ 212700 w 339769"/>
                <a:gd name="connsiteY45" fmla="*/ 71819 h 419004"/>
                <a:gd name="connsiteX46" fmla="*/ 196698 w 339769"/>
                <a:gd name="connsiteY46" fmla="*/ 68675 h 419004"/>
                <a:gd name="connsiteX47" fmla="*/ 195174 w 339769"/>
                <a:gd name="connsiteY47" fmla="*/ 68675 h 419004"/>
                <a:gd name="connsiteX48" fmla="*/ 191745 w 339769"/>
                <a:gd name="connsiteY48" fmla="*/ 68199 h 419004"/>
                <a:gd name="connsiteX49" fmla="*/ 184506 w 339769"/>
                <a:gd name="connsiteY49" fmla="*/ 67532 h 419004"/>
                <a:gd name="connsiteX50" fmla="*/ 180505 w 339769"/>
                <a:gd name="connsiteY50" fmla="*/ 63151 h 419004"/>
                <a:gd name="connsiteX51" fmla="*/ 180505 w 339769"/>
                <a:gd name="connsiteY51" fmla="*/ 22384 h 419004"/>
                <a:gd name="connsiteX52" fmla="*/ 184694 w 339769"/>
                <a:gd name="connsiteY52" fmla="*/ 18002 h 419004"/>
                <a:gd name="connsiteX53" fmla="*/ 184887 w 339769"/>
                <a:gd name="connsiteY53" fmla="*/ 18002 h 419004"/>
                <a:gd name="connsiteX54" fmla="*/ 198222 w 339769"/>
                <a:gd name="connsiteY54" fmla="*/ 18002 h 419004"/>
                <a:gd name="connsiteX55" fmla="*/ 206296 w 339769"/>
                <a:gd name="connsiteY55" fmla="*/ 8077 h 419004"/>
                <a:gd name="connsiteX56" fmla="*/ 198222 w 339769"/>
                <a:gd name="connsiteY56" fmla="*/ 0 h 419004"/>
                <a:gd name="connsiteX57" fmla="*/ 143548 w 339769"/>
                <a:gd name="connsiteY57" fmla="*/ 0 h 419004"/>
                <a:gd name="connsiteX58" fmla="*/ 135474 w 339769"/>
                <a:gd name="connsiteY58" fmla="*/ 9925 h 419004"/>
                <a:gd name="connsiteX59" fmla="*/ 143548 w 339769"/>
                <a:gd name="connsiteY59" fmla="*/ 18002 h 419004"/>
                <a:gd name="connsiteX60" fmla="*/ 156978 w 339769"/>
                <a:gd name="connsiteY60" fmla="*/ 18002 h 419004"/>
                <a:gd name="connsiteX61" fmla="*/ 161360 w 339769"/>
                <a:gd name="connsiteY61" fmla="*/ 22384 h 419004"/>
                <a:gd name="connsiteX62" fmla="*/ 161360 w 339769"/>
                <a:gd name="connsiteY62" fmla="*/ 63151 h 419004"/>
                <a:gd name="connsiteX63" fmla="*/ 157264 w 339769"/>
                <a:gd name="connsiteY63" fmla="*/ 67532 h 419004"/>
                <a:gd name="connsiteX64" fmla="*/ 153168 w 339769"/>
                <a:gd name="connsiteY64" fmla="*/ 67532 h 419004"/>
                <a:gd name="connsiteX65" fmla="*/ 152025 w 339769"/>
                <a:gd name="connsiteY65" fmla="*/ 67532 h 419004"/>
                <a:gd name="connsiteX66" fmla="*/ 150501 w 339769"/>
                <a:gd name="connsiteY66" fmla="*/ 67532 h 419004"/>
                <a:gd name="connsiteX67" fmla="*/ 136214 w 339769"/>
                <a:gd name="connsiteY67" fmla="*/ 69818 h 419004"/>
                <a:gd name="connsiteX68" fmla="*/ 135642 w 339769"/>
                <a:gd name="connsiteY68" fmla="*/ 69818 h 419004"/>
                <a:gd name="connsiteX69" fmla="*/ 50584 w 339769"/>
                <a:gd name="connsiteY69" fmla="*/ 115824 h 419004"/>
                <a:gd name="connsiteX70" fmla="*/ 49441 w 339769"/>
                <a:gd name="connsiteY70" fmla="*/ 117157 h 419004"/>
                <a:gd name="connsiteX71" fmla="*/ 47917 w 339769"/>
                <a:gd name="connsiteY71" fmla="*/ 118777 h 419004"/>
                <a:gd name="connsiteX72" fmla="*/ 37916 w 339769"/>
                <a:gd name="connsiteY72" fmla="*/ 130302 h 419004"/>
                <a:gd name="connsiteX73" fmla="*/ 36582 w 339769"/>
                <a:gd name="connsiteY73" fmla="*/ 131826 h 419004"/>
                <a:gd name="connsiteX74" fmla="*/ 35535 w 339769"/>
                <a:gd name="connsiteY74" fmla="*/ 132874 h 419004"/>
                <a:gd name="connsiteX75" fmla="*/ 34011 w 339769"/>
                <a:gd name="connsiteY75" fmla="*/ 135255 h 419004"/>
                <a:gd name="connsiteX76" fmla="*/ 32487 w 339769"/>
                <a:gd name="connsiteY76" fmla="*/ 137446 h 419004"/>
                <a:gd name="connsiteX77" fmla="*/ 27534 w 339769"/>
                <a:gd name="connsiteY77" fmla="*/ 144780 h 419004"/>
                <a:gd name="connsiteX78" fmla="*/ 22771 w 339769"/>
                <a:gd name="connsiteY78" fmla="*/ 152590 h 419004"/>
                <a:gd name="connsiteX79" fmla="*/ 18294 w 339769"/>
                <a:gd name="connsiteY79" fmla="*/ 161354 h 419004"/>
                <a:gd name="connsiteX80" fmla="*/ 16961 w 339769"/>
                <a:gd name="connsiteY80" fmla="*/ 163925 h 419004"/>
                <a:gd name="connsiteX81" fmla="*/ 15437 w 339769"/>
                <a:gd name="connsiteY81" fmla="*/ 166878 h 419004"/>
                <a:gd name="connsiteX82" fmla="*/ 15437 w 339769"/>
                <a:gd name="connsiteY82" fmla="*/ 167830 h 419004"/>
                <a:gd name="connsiteX83" fmla="*/ 15437 w 339769"/>
                <a:gd name="connsiteY83" fmla="*/ 169069 h 419004"/>
                <a:gd name="connsiteX84" fmla="*/ 14865 w 339769"/>
                <a:gd name="connsiteY84" fmla="*/ 170497 h 419004"/>
                <a:gd name="connsiteX85" fmla="*/ 14865 w 339769"/>
                <a:gd name="connsiteY85" fmla="*/ 171640 h 419004"/>
                <a:gd name="connsiteX86" fmla="*/ 10674 w 339769"/>
                <a:gd name="connsiteY86" fmla="*/ 183071 h 419004"/>
                <a:gd name="connsiteX87" fmla="*/ 8198 w 339769"/>
                <a:gd name="connsiteY87" fmla="*/ 187833 h 419004"/>
                <a:gd name="connsiteX88" fmla="*/ 7626 w 339769"/>
                <a:gd name="connsiteY88" fmla="*/ 189643 h 419004"/>
                <a:gd name="connsiteX89" fmla="*/ 7055 w 339769"/>
                <a:gd name="connsiteY89" fmla="*/ 191357 h 419004"/>
                <a:gd name="connsiteX90" fmla="*/ 7055 w 339769"/>
                <a:gd name="connsiteY90" fmla="*/ 192405 h 419004"/>
                <a:gd name="connsiteX91" fmla="*/ 7055 w 339769"/>
                <a:gd name="connsiteY91" fmla="*/ 192405 h 419004"/>
                <a:gd name="connsiteX92" fmla="*/ 7055 w 339769"/>
                <a:gd name="connsiteY92" fmla="*/ 278130 h 419004"/>
                <a:gd name="connsiteX93" fmla="*/ 7055 w 339769"/>
                <a:gd name="connsiteY93" fmla="*/ 278130 h 419004"/>
                <a:gd name="connsiteX94" fmla="*/ 7055 w 339769"/>
                <a:gd name="connsiteY94" fmla="*/ 279273 h 419004"/>
                <a:gd name="connsiteX95" fmla="*/ 7055 w 339769"/>
                <a:gd name="connsiteY95" fmla="*/ 279845 h 419004"/>
                <a:gd name="connsiteX96" fmla="*/ 7055 w 339769"/>
                <a:gd name="connsiteY96" fmla="*/ 281369 h 419004"/>
                <a:gd name="connsiteX97" fmla="*/ 12389 w 339769"/>
                <a:gd name="connsiteY97" fmla="*/ 297085 h 419004"/>
                <a:gd name="connsiteX98" fmla="*/ 13056 w 339769"/>
                <a:gd name="connsiteY98" fmla="*/ 298799 h 419004"/>
                <a:gd name="connsiteX99" fmla="*/ 13627 w 339769"/>
                <a:gd name="connsiteY99" fmla="*/ 300419 h 419004"/>
                <a:gd name="connsiteX100" fmla="*/ 22104 w 339769"/>
                <a:gd name="connsiteY100" fmla="*/ 317468 h 419004"/>
                <a:gd name="connsiteX101" fmla="*/ 24771 w 339769"/>
                <a:gd name="connsiteY101" fmla="*/ 321945 h 419004"/>
                <a:gd name="connsiteX102" fmla="*/ 25819 w 339769"/>
                <a:gd name="connsiteY102" fmla="*/ 323660 h 419004"/>
                <a:gd name="connsiteX103" fmla="*/ 32772 w 339769"/>
                <a:gd name="connsiteY103" fmla="*/ 334042 h 419004"/>
                <a:gd name="connsiteX104" fmla="*/ 37535 w 339769"/>
                <a:gd name="connsiteY104" fmla="*/ 340423 h 419004"/>
                <a:gd name="connsiteX105" fmla="*/ 47060 w 339769"/>
                <a:gd name="connsiteY105" fmla="*/ 351568 h 419004"/>
                <a:gd name="connsiteX106" fmla="*/ 47060 w 339769"/>
                <a:gd name="connsiteY106" fmla="*/ 351568 h 419004"/>
                <a:gd name="connsiteX107" fmla="*/ 47060 w 339769"/>
                <a:gd name="connsiteY107" fmla="*/ 357664 h 419004"/>
                <a:gd name="connsiteX108" fmla="*/ 2673 w 339769"/>
                <a:gd name="connsiteY108" fmla="*/ 402050 h 419004"/>
                <a:gd name="connsiteX109" fmla="*/ 2571 w 339769"/>
                <a:gd name="connsiteY109" fmla="*/ 414709 h 419004"/>
                <a:gd name="connsiteX110" fmla="*/ 2673 w 339769"/>
                <a:gd name="connsiteY110" fmla="*/ 414814 h 419004"/>
                <a:gd name="connsiteX111" fmla="*/ 9055 w 339769"/>
                <a:gd name="connsiteY111" fmla="*/ 417386 h 419004"/>
                <a:gd name="connsiteX112" fmla="*/ 15342 w 339769"/>
                <a:gd name="connsiteY112" fmla="*/ 414814 h 419004"/>
                <a:gd name="connsiteX113" fmla="*/ 60776 w 339769"/>
                <a:gd name="connsiteY113" fmla="*/ 369380 h 419004"/>
                <a:gd name="connsiteX114" fmla="*/ 63919 w 339769"/>
                <a:gd name="connsiteY114" fmla="*/ 368046 h 419004"/>
                <a:gd name="connsiteX115" fmla="*/ 66586 w 339769"/>
                <a:gd name="connsiteY115" fmla="*/ 368998 h 419004"/>
                <a:gd name="connsiteX116" fmla="*/ 134785 w 339769"/>
                <a:gd name="connsiteY116" fmla="*/ 400431 h 419004"/>
                <a:gd name="connsiteX117" fmla="*/ 135452 w 339769"/>
                <a:gd name="connsiteY117" fmla="*/ 400431 h 419004"/>
                <a:gd name="connsiteX118" fmla="*/ 149644 w 339769"/>
                <a:gd name="connsiteY118" fmla="*/ 402622 h 419004"/>
                <a:gd name="connsiteX119" fmla="*/ 151168 w 339769"/>
                <a:gd name="connsiteY119" fmla="*/ 402622 h 419004"/>
                <a:gd name="connsiteX120" fmla="*/ 152311 w 339769"/>
                <a:gd name="connsiteY120" fmla="*/ 402622 h 419004"/>
                <a:gd name="connsiteX121" fmla="*/ 169456 w 339769"/>
                <a:gd name="connsiteY121" fmla="*/ 403479 h 419004"/>
                <a:gd name="connsiteX122" fmla="*/ 186696 w 339769"/>
                <a:gd name="connsiteY122" fmla="*/ 402622 h 419004"/>
                <a:gd name="connsiteX123" fmla="*/ 187744 w 339769"/>
                <a:gd name="connsiteY123" fmla="*/ 402622 h 419004"/>
                <a:gd name="connsiteX124" fmla="*/ 189173 w 339769"/>
                <a:gd name="connsiteY124" fmla="*/ 402622 h 419004"/>
                <a:gd name="connsiteX125" fmla="*/ 203460 w 339769"/>
                <a:gd name="connsiteY125" fmla="*/ 400431 h 419004"/>
                <a:gd name="connsiteX126" fmla="*/ 203460 w 339769"/>
                <a:gd name="connsiteY126" fmla="*/ 400431 h 419004"/>
                <a:gd name="connsiteX127" fmla="*/ 271945 w 339769"/>
                <a:gd name="connsiteY127" fmla="*/ 368903 h 419004"/>
                <a:gd name="connsiteX128" fmla="*/ 274612 w 339769"/>
                <a:gd name="connsiteY128" fmla="*/ 367951 h 419004"/>
                <a:gd name="connsiteX129" fmla="*/ 277660 w 339769"/>
                <a:gd name="connsiteY129" fmla="*/ 369284 h 419004"/>
                <a:gd name="connsiteX130" fmla="*/ 324428 w 339769"/>
                <a:gd name="connsiteY130" fmla="*/ 416433 h 419004"/>
                <a:gd name="connsiteX131" fmla="*/ 330810 w 339769"/>
                <a:gd name="connsiteY131" fmla="*/ 419005 h 419004"/>
                <a:gd name="connsiteX132" fmla="*/ 339770 w 339769"/>
                <a:gd name="connsiteY132" fmla="*/ 410061 h 419004"/>
                <a:gd name="connsiteX133" fmla="*/ 337096 w 339769"/>
                <a:gd name="connsiteY133" fmla="*/ 403670 h 419004"/>
                <a:gd name="connsiteX134" fmla="*/ 292805 w 339769"/>
                <a:gd name="connsiteY134" fmla="*/ 359283 h 419004"/>
                <a:gd name="connsiteX135" fmla="*/ 292805 w 339769"/>
                <a:gd name="connsiteY135" fmla="*/ 353187 h 419004"/>
                <a:gd name="connsiteX136" fmla="*/ 310331 w 339769"/>
                <a:gd name="connsiteY136" fmla="*/ 330708 h 419004"/>
                <a:gd name="connsiteX137" fmla="*/ 201079 w 339769"/>
                <a:gd name="connsiteY137" fmla="*/ 383762 h 419004"/>
                <a:gd name="connsiteX138" fmla="*/ 201079 w 339769"/>
                <a:gd name="connsiteY138" fmla="*/ 383762 h 419004"/>
                <a:gd name="connsiteX139" fmla="*/ 188125 w 339769"/>
                <a:gd name="connsiteY139" fmla="*/ 385763 h 419004"/>
                <a:gd name="connsiteX140" fmla="*/ 187363 w 339769"/>
                <a:gd name="connsiteY140" fmla="*/ 385763 h 419004"/>
                <a:gd name="connsiteX141" fmla="*/ 185934 w 339769"/>
                <a:gd name="connsiteY141" fmla="*/ 385763 h 419004"/>
                <a:gd name="connsiteX142" fmla="*/ 170599 w 339769"/>
                <a:gd name="connsiteY142" fmla="*/ 386524 h 419004"/>
                <a:gd name="connsiteX143" fmla="*/ 155264 w 339769"/>
                <a:gd name="connsiteY143" fmla="*/ 385763 h 419004"/>
                <a:gd name="connsiteX144" fmla="*/ 153740 w 339769"/>
                <a:gd name="connsiteY144" fmla="*/ 385763 h 419004"/>
                <a:gd name="connsiteX145" fmla="*/ 152978 w 339769"/>
                <a:gd name="connsiteY145" fmla="*/ 385763 h 419004"/>
                <a:gd name="connsiteX146" fmla="*/ 140310 w 339769"/>
                <a:gd name="connsiteY146" fmla="*/ 383857 h 419004"/>
                <a:gd name="connsiteX147" fmla="*/ 139738 w 339769"/>
                <a:gd name="connsiteY147" fmla="*/ 383857 h 419004"/>
                <a:gd name="connsiteX148" fmla="*/ 60871 w 339769"/>
                <a:gd name="connsiteY148" fmla="*/ 340233 h 419004"/>
                <a:gd name="connsiteX149" fmla="*/ 52013 w 339769"/>
                <a:gd name="connsiteY149" fmla="*/ 330137 h 419004"/>
                <a:gd name="connsiteX150" fmla="*/ 48108 w 339769"/>
                <a:gd name="connsiteY150" fmla="*/ 324898 h 419004"/>
                <a:gd name="connsiteX151" fmla="*/ 48108 w 339769"/>
                <a:gd name="connsiteY151" fmla="*/ 324898 h 419004"/>
                <a:gd name="connsiteX152" fmla="*/ 41821 w 339769"/>
                <a:gd name="connsiteY152" fmla="*/ 315373 h 419004"/>
                <a:gd name="connsiteX153" fmla="*/ 41154 w 339769"/>
                <a:gd name="connsiteY153" fmla="*/ 314230 h 419004"/>
                <a:gd name="connsiteX154" fmla="*/ 38487 w 339769"/>
                <a:gd name="connsiteY154" fmla="*/ 309848 h 419004"/>
                <a:gd name="connsiteX155" fmla="*/ 30963 w 339769"/>
                <a:gd name="connsiteY155" fmla="*/ 294704 h 419004"/>
                <a:gd name="connsiteX156" fmla="*/ 30296 w 339769"/>
                <a:gd name="connsiteY156" fmla="*/ 292703 h 419004"/>
                <a:gd name="connsiteX157" fmla="*/ 30296 w 339769"/>
                <a:gd name="connsiteY157" fmla="*/ 291465 h 419004"/>
                <a:gd name="connsiteX158" fmla="*/ 25629 w 339769"/>
                <a:gd name="connsiteY158" fmla="*/ 277749 h 419004"/>
                <a:gd name="connsiteX159" fmla="*/ 25629 w 339769"/>
                <a:gd name="connsiteY159" fmla="*/ 193072 h 419004"/>
                <a:gd name="connsiteX160" fmla="*/ 26867 w 339769"/>
                <a:gd name="connsiteY160" fmla="*/ 189167 h 419004"/>
                <a:gd name="connsiteX161" fmla="*/ 30772 w 339769"/>
                <a:gd name="connsiteY161" fmla="*/ 178594 h 419004"/>
                <a:gd name="connsiteX162" fmla="*/ 30772 w 339769"/>
                <a:gd name="connsiteY162" fmla="*/ 177737 h 419004"/>
                <a:gd name="connsiteX163" fmla="*/ 30772 w 339769"/>
                <a:gd name="connsiteY163" fmla="*/ 176594 h 419004"/>
                <a:gd name="connsiteX164" fmla="*/ 33249 w 339769"/>
                <a:gd name="connsiteY164" fmla="*/ 171355 h 419004"/>
                <a:gd name="connsiteX165" fmla="*/ 34201 w 339769"/>
                <a:gd name="connsiteY165" fmla="*/ 169545 h 419004"/>
                <a:gd name="connsiteX166" fmla="*/ 38106 w 339769"/>
                <a:gd name="connsiteY166" fmla="*/ 161830 h 419004"/>
                <a:gd name="connsiteX167" fmla="*/ 42393 w 339769"/>
                <a:gd name="connsiteY167" fmla="*/ 154781 h 419004"/>
                <a:gd name="connsiteX168" fmla="*/ 46774 w 339769"/>
                <a:gd name="connsiteY168" fmla="*/ 148304 h 419004"/>
                <a:gd name="connsiteX169" fmla="*/ 51632 w 339769"/>
                <a:gd name="connsiteY169" fmla="*/ 141827 h 419004"/>
                <a:gd name="connsiteX170" fmla="*/ 60681 w 339769"/>
                <a:gd name="connsiteY170" fmla="*/ 131540 h 419004"/>
                <a:gd name="connsiteX171" fmla="*/ 139167 w 339769"/>
                <a:gd name="connsiteY171" fmla="*/ 87725 h 419004"/>
                <a:gd name="connsiteX172" fmla="*/ 139167 w 339769"/>
                <a:gd name="connsiteY172" fmla="*/ 87725 h 419004"/>
                <a:gd name="connsiteX173" fmla="*/ 152025 w 339769"/>
                <a:gd name="connsiteY173" fmla="*/ 85725 h 419004"/>
                <a:gd name="connsiteX174" fmla="*/ 152787 w 339769"/>
                <a:gd name="connsiteY174" fmla="*/ 85725 h 419004"/>
                <a:gd name="connsiteX175" fmla="*/ 154311 w 339769"/>
                <a:gd name="connsiteY175" fmla="*/ 85725 h 419004"/>
                <a:gd name="connsiteX176" fmla="*/ 169647 w 339769"/>
                <a:gd name="connsiteY176" fmla="*/ 84963 h 419004"/>
                <a:gd name="connsiteX177" fmla="*/ 187744 w 339769"/>
                <a:gd name="connsiteY177" fmla="*/ 86106 h 419004"/>
                <a:gd name="connsiteX178" fmla="*/ 190887 w 339769"/>
                <a:gd name="connsiteY178" fmla="*/ 86582 h 419004"/>
                <a:gd name="connsiteX179" fmla="*/ 192221 w 339769"/>
                <a:gd name="connsiteY179" fmla="*/ 86582 h 419004"/>
                <a:gd name="connsiteX180" fmla="*/ 206604 w 339769"/>
                <a:gd name="connsiteY180" fmla="*/ 89440 h 419004"/>
                <a:gd name="connsiteX181" fmla="*/ 207651 w 339769"/>
                <a:gd name="connsiteY181" fmla="*/ 89440 h 419004"/>
                <a:gd name="connsiteX182" fmla="*/ 210128 w 339769"/>
                <a:gd name="connsiteY182" fmla="*/ 90011 h 419004"/>
                <a:gd name="connsiteX183" fmla="*/ 243942 w 339769"/>
                <a:gd name="connsiteY183" fmla="*/ 104013 h 419004"/>
                <a:gd name="connsiteX184" fmla="*/ 303473 w 339769"/>
                <a:gd name="connsiteY184" fmla="*/ 163639 h 419004"/>
                <a:gd name="connsiteX185" fmla="*/ 305187 w 339769"/>
                <a:gd name="connsiteY185" fmla="*/ 167069 h 419004"/>
                <a:gd name="connsiteX186" fmla="*/ 310045 w 339769"/>
                <a:gd name="connsiteY186" fmla="*/ 177546 h 419004"/>
                <a:gd name="connsiteX187" fmla="*/ 310045 w 339769"/>
                <a:gd name="connsiteY187" fmla="*/ 178213 h 419004"/>
                <a:gd name="connsiteX188" fmla="*/ 310045 w 339769"/>
                <a:gd name="connsiteY188" fmla="*/ 179356 h 419004"/>
                <a:gd name="connsiteX189" fmla="*/ 312141 w 339769"/>
                <a:gd name="connsiteY189" fmla="*/ 185261 h 419004"/>
                <a:gd name="connsiteX190" fmla="*/ 312807 w 339769"/>
                <a:gd name="connsiteY190" fmla="*/ 187071 h 419004"/>
                <a:gd name="connsiteX191" fmla="*/ 315284 w 339769"/>
                <a:gd name="connsiteY191" fmla="*/ 194881 h 419004"/>
                <a:gd name="connsiteX192" fmla="*/ 317379 w 339769"/>
                <a:gd name="connsiteY192" fmla="*/ 203263 h 419004"/>
                <a:gd name="connsiteX193" fmla="*/ 318713 w 339769"/>
                <a:gd name="connsiteY193" fmla="*/ 210407 h 419004"/>
                <a:gd name="connsiteX194" fmla="*/ 319951 w 339769"/>
                <a:gd name="connsiteY194" fmla="*/ 218885 h 419004"/>
                <a:gd name="connsiteX195" fmla="*/ 320808 w 339769"/>
                <a:gd name="connsiteY195" fmla="*/ 232124 h 419004"/>
                <a:gd name="connsiteX196" fmla="*/ 318427 w 339769"/>
                <a:gd name="connsiteY196" fmla="*/ 263557 h 419004"/>
                <a:gd name="connsiteX197" fmla="*/ 318427 w 339769"/>
                <a:gd name="connsiteY197" fmla="*/ 263557 h 419004"/>
                <a:gd name="connsiteX198" fmla="*/ 318427 w 339769"/>
                <a:gd name="connsiteY198" fmla="*/ 264509 h 419004"/>
                <a:gd name="connsiteX199" fmla="*/ 315855 w 339769"/>
                <a:gd name="connsiteY199" fmla="*/ 275082 h 419004"/>
                <a:gd name="connsiteX200" fmla="*/ 315855 w 339769"/>
                <a:gd name="connsiteY200" fmla="*/ 276606 h 419004"/>
                <a:gd name="connsiteX201" fmla="*/ 315189 w 339769"/>
                <a:gd name="connsiteY201" fmla="*/ 279178 h 419004"/>
                <a:gd name="connsiteX202" fmla="*/ 313093 w 339769"/>
                <a:gd name="connsiteY202" fmla="*/ 285464 h 419004"/>
                <a:gd name="connsiteX203" fmla="*/ 312426 w 339769"/>
                <a:gd name="connsiteY203" fmla="*/ 287179 h 419004"/>
                <a:gd name="connsiteX204" fmla="*/ 311760 w 339769"/>
                <a:gd name="connsiteY204" fmla="*/ 289179 h 419004"/>
                <a:gd name="connsiteX205" fmla="*/ 310140 w 339769"/>
                <a:gd name="connsiteY205" fmla="*/ 293465 h 419004"/>
                <a:gd name="connsiteX206" fmla="*/ 308426 w 339769"/>
                <a:gd name="connsiteY206" fmla="*/ 297180 h 419004"/>
                <a:gd name="connsiteX207" fmla="*/ 307569 w 339769"/>
                <a:gd name="connsiteY207" fmla="*/ 298990 h 419004"/>
                <a:gd name="connsiteX208" fmla="*/ 306902 w 339769"/>
                <a:gd name="connsiteY208" fmla="*/ 300514 h 419004"/>
                <a:gd name="connsiteX209" fmla="*/ 303568 w 339769"/>
                <a:gd name="connsiteY209" fmla="*/ 307181 h 419004"/>
                <a:gd name="connsiteX210" fmla="*/ 302520 w 339769"/>
                <a:gd name="connsiteY210" fmla="*/ 309086 h 419004"/>
                <a:gd name="connsiteX211" fmla="*/ 301758 w 339769"/>
                <a:gd name="connsiteY211" fmla="*/ 310229 h 419004"/>
                <a:gd name="connsiteX212" fmla="*/ 295853 w 339769"/>
                <a:gd name="connsiteY212" fmla="*/ 319754 h 419004"/>
                <a:gd name="connsiteX213" fmla="*/ 295853 w 339769"/>
                <a:gd name="connsiteY213" fmla="*/ 320230 h 419004"/>
                <a:gd name="connsiteX214" fmla="*/ 201079 w 339769"/>
                <a:gd name="connsiteY214" fmla="*/ 384143 h 419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Lst>
              <a:rect l="l" t="t" r="r" b="b"/>
              <a:pathLst>
                <a:path w="339769" h="419004">
                  <a:moveTo>
                    <a:pt x="310331" y="330708"/>
                  </a:moveTo>
                  <a:lnTo>
                    <a:pt x="310331" y="330041"/>
                  </a:lnTo>
                  <a:cubicBezTo>
                    <a:pt x="312522" y="326803"/>
                    <a:pt x="314522" y="323374"/>
                    <a:pt x="316903" y="319278"/>
                  </a:cubicBezTo>
                  <a:lnTo>
                    <a:pt x="317856" y="317659"/>
                  </a:lnTo>
                  <a:lnTo>
                    <a:pt x="319094" y="315659"/>
                  </a:lnTo>
                  <a:cubicBezTo>
                    <a:pt x="320332" y="313182"/>
                    <a:pt x="321475" y="310705"/>
                    <a:pt x="322713" y="308134"/>
                  </a:cubicBezTo>
                  <a:lnTo>
                    <a:pt x="323380" y="306800"/>
                  </a:lnTo>
                  <a:lnTo>
                    <a:pt x="324237" y="304800"/>
                  </a:lnTo>
                  <a:cubicBezTo>
                    <a:pt x="325015" y="303314"/>
                    <a:pt x="325714" y="301790"/>
                    <a:pt x="326333" y="300228"/>
                  </a:cubicBezTo>
                  <a:cubicBezTo>
                    <a:pt x="327000" y="298799"/>
                    <a:pt x="327476" y="297275"/>
                    <a:pt x="328047" y="295751"/>
                  </a:cubicBezTo>
                  <a:cubicBezTo>
                    <a:pt x="328619" y="294227"/>
                    <a:pt x="328524" y="294418"/>
                    <a:pt x="328809" y="293656"/>
                  </a:cubicBezTo>
                  <a:lnTo>
                    <a:pt x="328809" y="292513"/>
                  </a:lnTo>
                  <a:cubicBezTo>
                    <a:pt x="329857" y="289655"/>
                    <a:pt x="330810" y="286988"/>
                    <a:pt x="331667" y="284226"/>
                  </a:cubicBezTo>
                  <a:lnTo>
                    <a:pt x="332238" y="282130"/>
                  </a:lnTo>
                  <a:cubicBezTo>
                    <a:pt x="332238" y="281464"/>
                    <a:pt x="332238" y="280797"/>
                    <a:pt x="332238" y="280226"/>
                  </a:cubicBezTo>
                  <a:cubicBezTo>
                    <a:pt x="333477" y="275654"/>
                    <a:pt x="334429" y="271844"/>
                    <a:pt x="335286" y="267843"/>
                  </a:cubicBezTo>
                  <a:cubicBezTo>
                    <a:pt x="335234" y="267624"/>
                    <a:pt x="335234" y="267395"/>
                    <a:pt x="335286" y="267176"/>
                  </a:cubicBezTo>
                  <a:cubicBezTo>
                    <a:pt x="337269" y="256718"/>
                    <a:pt x="338289" y="246097"/>
                    <a:pt x="338334" y="235458"/>
                  </a:cubicBezTo>
                  <a:cubicBezTo>
                    <a:pt x="338334" y="230696"/>
                    <a:pt x="338334" y="225457"/>
                    <a:pt x="337477" y="219361"/>
                  </a:cubicBezTo>
                  <a:cubicBezTo>
                    <a:pt x="337477" y="219361"/>
                    <a:pt x="337477" y="217361"/>
                    <a:pt x="337477" y="217361"/>
                  </a:cubicBezTo>
                  <a:cubicBezTo>
                    <a:pt x="337571" y="215837"/>
                    <a:pt x="337571" y="214313"/>
                    <a:pt x="337477" y="212788"/>
                  </a:cubicBezTo>
                  <a:cubicBezTo>
                    <a:pt x="337379" y="211789"/>
                    <a:pt x="337188" y="210798"/>
                    <a:pt x="336906" y="209836"/>
                  </a:cubicBezTo>
                  <a:cubicBezTo>
                    <a:pt x="336860" y="208912"/>
                    <a:pt x="336860" y="207997"/>
                    <a:pt x="336906" y="207073"/>
                  </a:cubicBezTo>
                  <a:cubicBezTo>
                    <a:pt x="336429" y="204502"/>
                    <a:pt x="335953" y="201835"/>
                    <a:pt x="335286" y="198977"/>
                  </a:cubicBezTo>
                  <a:cubicBezTo>
                    <a:pt x="334620" y="196120"/>
                    <a:pt x="333953" y="192881"/>
                    <a:pt x="333096" y="189452"/>
                  </a:cubicBezTo>
                  <a:cubicBezTo>
                    <a:pt x="332238" y="186023"/>
                    <a:pt x="331191" y="183356"/>
                    <a:pt x="330143" y="180404"/>
                  </a:cubicBezTo>
                  <a:lnTo>
                    <a:pt x="329286" y="177641"/>
                  </a:lnTo>
                  <a:cubicBezTo>
                    <a:pt x="329286" y="176403"/>
                    <a:pt x="328619" y="175260"/>
                    <a:pt x="328238" y="174212"/>
                  </a:cubicBezTo>
                  <a:lnTo>
                    <a:pt x="328238" y="173260"/>
                  </a:lnTo>
                  <a:cubicBezTo>
                    <a:pt x="328214" y="172850"/>
                    <a:pt x="328214" y="172431"/>
                    <a:pt x="328238" y="172021"/>
                  </a:cubicBezTo>
                  <a:lnTo>
                    <a:pt x="327666" y="170879"/>
                  </a:lnTo>
                  <a:lnTo>
                    <a:pt x="327666" y="169831"/>
                  </a:lnTo>
                  <a:cubicBezTo>
                    <a:pt x="326047" y="165926"/>
                    <a:pt x="324237" y="162020"/>
                    <a:pt x="322237" y="158210"/>
                  </a:cubicBezTo>
                  <a:cubicBezTo>
                    <a:pt x="321666" y="156972"/>
                    <a:pt x="320999" y="155734"/>
                    <a:pt x="320332" y="154496"/>
                  </a:cubicBezTo>
                  <a:cubicBezTo>
                    <a:pt x="319959" y="153924"/>
                    <a:pt x="319640" y="153314"/>
                    <a:pt x="319380" y="152686"/>
                  </a:cubicBezTo>
                  <a:cubicBezTo>
                    <a:pt x="319099" y="152095"/>
                    <a:pt x="318781" y="151524"/>
                    <a:pt x="318427" y="150971"/>
                  </a:cubicBezTo>
                  <a:lnTo>
                    <a:pt x="317665" y="150019"/>
                  </a:lnTo>
                  <a:lnTo>
                    <a:pt x="317665" y="150019"/>
                  </a:lnTo>
                  <a:cubicBezTo>
                    <a:pt x="303135" y="124663"/>
                    <a:pt x="282088" y="103642"/>
                    <a:pt x="256705" y="89154"/>
                  </a:cubicBezTo>
                  <a:lnTo>
                    <a:pt x="256705" y="89154"/>
                  </a:lnTo>
                  <a:lnTo>
                    <a:pt x="256038" y="88582"/>
                  </a:lnTo>
                  <a:lnTo>
                    <a:pt x="256038" y="88582"/>
                  </a:lnTo>
                  <a:lnTo>
                    <a:pt x="254895" y="88011"/>
                  </a:lnTo>
                  <a:cubicBezTo>
                    <a:pt x="242875" y="81306"/>
                    <a:pt x="230080" y="76095"/>
                    <a:pt x="216795" y="72485"/>
                  </a:cubicBezTo>
                  <a:lnTo>
                    <a:pt x="214224" y="71819"/>
                  </a:lnTo>
                  <a:lnTo>
                    <a:pt x="212700" y="71819"/>
                  </a:lnTo>
                  <a:cubicBezTo>
                    <a:pt x="207428" y="70475"/>
                    <a:pt x="202085" y="69428"/>
                    <a:pt x="196698" y="68675"/>
                  </a:cubicBezTo>
                  <a:lnTo>
                    <a:pt x="195174" y="68675"/>
                  </a:lnTo>
                  <a:lnTo>
                    <a:pt x="191745" y="68199"/>
                  </a:lnTo>
                  <a:lnTo>
                    <a:pt x="184506" y="67532"/>
                  </a:lnTo>
                  <a:cubicBezTo>
                    <a:pt x="182236" y="67332"/>
                    <a:pt x="180497" y="65427"/>
                    <a:pt x="180505" y="63151"/>
                  </a:cubicBezTo>
                  <a:lnTo>
                    <a:pt x="180505" y="22384"/>
                  </a:lnTo>
                  <a:cubicBezTo>
                    <a:pt x="180452" y="20021"/>
                    <a:pt x="182327" y="18059"/>
                    <a:pt x="184694" y="18002"/>
                  </a:cubicBezTo>
                  <a:cubicBezTo>
                    <a:pt x="184758" y="18002"/>
                    <a:pt x="184823" y="18002"/>
                    <a:pt x="184887" y="18002"/>
                  </a:cubicBezTo>
                  <a:lnTo>
                    <a:pt x="198222" y="18002"/>
                  </a:lnTo>
                  <a:cubicBezTo>
                    <a:pt x="203193" y="17488"/>
                    <a:pt x="206807" y="13049"/>
                    <a:pt x="206296" y="8077"/>
                  </a:cubicBezTo>
                  <a:cubicBezTo>
                    <a:pt x="205856" y="3810"/>
                    <a:pt x="202486" y="438"/>
                    <a:pt x="198222" y="0"/>
                  </a:cubicBezTo>
                  <a:lnTo>
                    <a:pt x="143548" y="0"/>
                  </a:lnTo>
                  <a:cubicBezTo>
                    <a:pt x="138577" y="515"/>
                    <a:pt x="134962" y="4953"/>
                    <a:pt x="135474" y="9925"/>
                  </a:cubicBezTo>
                  <a:cubicBezTo>
                    <a:pt x="135913" y="14192"/>
                    <a:pt x="139284" y="17564"/>
                    <a:pt x="143548" y="18002"/>
                  </a:cubicBezTo>
                  <a:lnTo>
                    <a:pt x="156978" y="18002"/>
                  </a:lnTo>
                  <a:cubicBezTo>
                    <a:pt x="159399" y="18002"/>
                    <a:pt x="161360" y="19964"/>
                    <a:pt x="161360" y="22384"/>
                  </a:cubicBezTo>
                  <a:lnTo>
                    <a:pt x="161360" y="63151"/>
                  </a:lnTo>
                  <a:cubicBezTo>
                    <a:pt x="161319" y="65446"/>
                    <a:pt x="159550" y="67342"/>
                    <a:pt x="157264" y="67532"/>
                  </a:cubicBezTo>
                  <a:lnTo>
                    <a:pt x="153168" y="67532"/>
                  </a:lnTo>
                  <a:lnTo>
                    <a:pt x="152025" y="67532"/>
                  </a:lnTo>
                  <a:lnTo>
                    <a:pt x="150501" y="67532"/>
                  </a:lnTo>
                  <a:cubicBezTo>
                    <a:pt x="145703" y="68047"/>
                    <a:pt x="140934" y="68809"/>
                    <a:pt x="136214" y="69818"/>
                  </a:cubicBezTo>
                  <a:lnTo>
                    <a:pt x="135642" y="69818"/>
                  </a:lnTo>
                  <a:cubicBezTo>
                    <a:pt x="103384" y="76457"/>
                    <a:pt x="73798" y="92459"/>
                    <a:pt x="50584" y="115824"/>
                  </a:cubicBezTo>
                  <a:cubicBezTo>
                    <a:pt x="50154" y="116224"/>
                    <a:pt x="49770" y="116672"/>
                    <a:pt x="49441" y="117157"/>
                  </a:cubicBezTo>
                  <a:cubicBezTo>
                    <a:pt x="48983" y="117738"/>
                    <a:pt x="48473" y="118281"/>
                    <a:pt x="47917" y="118777"/>
                  </a:cubicBezTo>
                  <a:cubicBezTo>
                    <a:pt x="44298" y="122587"/>
                    <a:pt x="40964" y="126492"/>
                    <a:pt x="37916" y="130302"/>
                  </a:cubicBezTo>
                  <a:lnTo>
                    <a:pt x="36582" y="131826"/>
                  </a:lnTo>
                  <a:lnTo>
                    <a:pt x="35535" y="132874"/>
                  </a:lnTo>
                  <a:cubicBezTo>
                    <a:pt x="34963" y="133636"/>
                    <a:pt x="34487" y="134493"/>
                    <a:pt x="34011" y="135255"/>
                  </a:cubicBezTo>
                  <a:lnTo>
                    <a:pt x="32487" y="137446"/>
                  </a:lnTo>
                  <a:cubicBezTo>
                    <a:pt x="30772" y="139827"/>
                    <a:pt x="29153" y="142304"/>
                    <a:pt x="27534" y="144780"/>
                  </a:cubicBezTo>
                  <a:cubicBezTo>
                    <a:pt x="25914" y="147256"/>
                    <a:pt x="24295" y="149923"/>
                    <a:pt x="22771" y="152590"/>
                  </a:cubicBezTo>
                  <a:cubicBezTo>
                    <a:pt x="21247" y="155257"/>
                    <a:pt x="19818" y="158210"/>
                    <a:pt x="18294" y="161354"/>
                  </a:cubicBezTo>
                  <a:cubicBezTo>
                    <a:pt x="17818" y="162211"/>
                    <a:pt x="17342" y="163068"/>
                    <a:pt x="16961" y="163925"/>
                  </a:cubicBezTo>
                  <a:lnTo>
                    <a:pt x="15437" y="166878"/>
                  </a:lnTo>
                  <a:cubicBezTo>
                    <a:pt x="15399" y="167192"/>
                    <a:pt x="15399" y="167516"/>
                    <a:pt x="15437" y="167830"/>
                  </a:cubicBezTo>
                  <a:cubicBezTo>
                    <a:pt x="15437" y="168307"/>
                    <a:pt x="15437" y="168688"/>
                    <a:pt x="15437" y="169069"/>
                  </a:cubicBezTo>
                  <a:lnTo>
                    <a:pt x="14865" y="170497"/>
                  </a:lnTo>
                  <a:lnTo>
                    <a:pt x="14865" y="171640"/>
                  </a:lnTo>
                  <a:cubicBezTo>
                    <a:pt x="13341" y="175546"/>
                    <a:pt x="11913" y="179356"/>
                    <a:pt x="10674" y="183071"/>
                  </a:cubicBezTo>
                  <a:lnTo>
                    <a:pt x="8198" y="187833"/>
                  </a:lnTo>
                  <a:lnTo>
                    <a:pt x="7626" y="189643"/>
                  </a:lnTo>
                  <a:lnTo>
                    <a:pt x="7055" y="191357"/>
                  </a:lnTo>
                  <a:cubicBezTo>
                    <a:pt x="7098" y="191710"/>
                    <a:pt x="7098" y="192053"/>
                    <a:pt x="7055" y="192405"/>
                  </a:cubicBezTo>
                  <a:lnTo>
                    <a:pt x="7055" y="192405"/>
                  </a:lnTo>
                  <a:cubicBezTo>
                    <a:pt x="-646" y="220466"/>
                    <a:pt x="-646" y="250069"/>
                    <a:pt x="7055" y="278130"/>
                  </a:cubicBezTo>
                  <a:lnTo>
                    <a:pt x="7055" y="278130"/>
                  </a:lnTo>
                  <a:cubicBezTo>
                    <a:pt x="7095" y="278511"/>
                    <a:pt x="7095" y="278892"/>
                    <a:pt x="7055" y="279273"/>
                  </a:cubicBezTo>
                  <a:lnTo>
                    <a:pt x="7055" y="279845"/>
                  </a:lnTo>
                  <a:cubicBezTo>
                    <a:pt x="7096" y="280349"/>
                    <a:pt x="7096" y="280864"/>
                    <a:pt x="7055" y="281369"/>
                  </a:cubicBezTo>
                  <a:cubicBezTo>
                    <a:pt x="8579" y="286703"/>
                    <a:pt x="10389" y="291941"/>
                    <a:pt x="12389" y="297085"/>
                  </a:cubicBezTo>
                  <a:cubicBezTo>
                    <a:pt x="12652" y="297637"/>
                    <a:pt x="12875" y="298209"/>
                    <a:pt x="13056" y="298799"/>
                  </a:cubicBezTo>
                  <a:lnTo>
                    <a:pt x="13627" y="300419"/>
                  </a:lnTo>
                  <a:cubicBezTo>
                    <a:pt x="16086" y="306276"/>
                    <a:pt x="18917" y="311972"/>
                    <a:pt x="22104" y="317468"/>
                  </a:cubicBezTo>
                  <a:cubicBezTo>
                    <a:pt x="22962" y="318992"/>
                    <a:pt x="23819" y="320516"/>
                    <a:pt x="24771" y="321945"/>
                  </a:cubicBezTo>
                  <a:lnTo>
                    <a:pt x="25819" y="323660"/>
                  </a:lnTo>
                  <a:cubicBezTo>
                    <a:pt x="28200" y="327470"/>
                    <a:pt x="30486" y="330803"/>
                    <a:pt x="32772" y="334042"/>
                  </a:cubicBezTo>
                  <a:lnTo>
                    <a:pt x="37535" y="340423"/>
                  </a:lnTo>
                  <a:cubicBezTo>
                    <a:pt x="40488" y="344138"/>
                    <a:pt x="43726" y="347758"/>
                    <a:pt x="47060" y="351568"/>
                  </a:cubicBezTo>
                  <a:lnTo>
                    <a:pt x="47060" y="351568"/>
                  </a:lnTo>
                  <a:cubicBezTo>
                    <a:pt x="48705" y="353263"/>
                    <a:pt x="48705" y="355968"/>
                    <a:pt x="47060" y="357664"/>
                  </a:cubicBezTo>
                  <a:lnTo>
                    <a:pt x="2673" y="402050"/>
                  </a:lnTo>
                  <a:cubicBezTo>
                    <a:pt x="-851" y="405517"/>
                    <a:pt x="-897" y="411185"/>
                    <a:pt x="2571" y="414709"/>
                  </a:cubicBezTo>
                  <a:cubicBezTo>
                    <a:pt x="2605" y="414747"/>
                    <a:pt x="2639" y="414776"/>
                    <a:pt x="2673" y="414814"/>
                  </a:cubicBezTo>
                  <a:cubicBezTo>
                    <a:pt x="4406" y="416433"/>
                    <a:pt x="6681" y="417357"/>
                    <a:pt x="9055" y="417386"/>
                  </a:cubicBezTo>
                  <a:cubicBezTo>
                    <a:pt x="11407" y="417386"/>
                    <a:pt x="13665" y="416462"/>
                    <a:pt x="15342" y="414814"/>
                  </a:cubicBezTo>
                  <a:lnTo>
                    <a:pt x="60776" y="369380"/>
                  </a:lnTo>
                  <a:cubicBezTo>
                    <a:pt x="61606" y="368541"/>
                    <a:pt x="62736" y="368055"/>
                    <a:pt x="63919" y="368046"/>
                  </a:cubicBezTo>
                  <a:cubicBezTo>
                    <a:pt x="64892" y="368046"/>
                    <a:pt x="65835" y="368379"/>
                    <a:pt x="66586" y="368998"/>
                  </a:cubicBezTo>
                  <a:cubicBezTo>
                    <a:pt x="86618" y="384553"/>
                    <a:pt x="109949" y="395307"/>
                    <a:pt x="134785" y="400431"/>
                  </a:cubicBezTo>
                  <a:lnTo>
                    <a:pt x="135452" y="400431"/>
                  </a:lnTo>
                  <a:cubicBezTo>
                    <a:pt x="139548" y="401193"/>
                    <a:pt x="144120" y="401955"/>
                    <a:pt x="149644" y="402622"/>
                  </a:cubicBezTo>
                  <a:lnTo>
                    <a:pt x="151168" y="402622"/>
                  </a:lnTo>
                  <a:lnTo>
                    <a:pt x="152311" y="402622"/>
                  </a:lnTo>
                  <a:cubicBezTo>
                    <a:pt x="158026" y="403193"/>
                    <a:pt x="163836" y="403479"/>
                    <a:pt x="169456" y="403479"/>
                  </a:cubicBezTo>
                  <a:cubicBezTo>
                    <a:pt x="175076" y="403479"/>
                    <a:pt x="180886" y="403479"/>
                    <a:pt x="186696" y="402622"/>
                  </a:cubicBezTo>
                  <a:lnTo>
                    <a:pt x="187744" y="402622"/>
                  </a:lnTo>
                  <a:lnTo>
                    <a:pt x="189173" y="402622"/>
                  </a:lnTo>
                  <a:cubicBezTo>
                    <a:pt x="194793" y="401955"/>
                    <a:pt x="199365" y="401288"/>
                    <a:pt x="203460" y="400431"/>
                  </a:cubicBezTo>
                  <a:lnTo>
                    <a:pt x="203460" y="400431"/>
                  </a:lnTo>
                  <a:cubicBezTo>
                    <a:pt x="228398" y="395297"/>
                    <a:pt x="251826" y="384505"/>
                    <a:pt x="271945" y="368903"/>
                  </a:cubicBezTo>
                  <a:cubicBezTo>
                    <a:pt x="272711" y="368313"/>
                    <a:pt x="273644" y="367979"/>
                    <a:pt x="274612" y="367951"/>
                  </a:cubicBezTo>
                  <a:cubicBezTo>
                    <a:pt x="275771" y="367941"/>
                    <a:pt x="276878" y="368427"/>
                    <a:pt x="277660" y="369284"/>
                  </a:cubicBezTo>
                  <a:lnTo>
                    <a:pt x="324428" y="416433"/>
                  </a:lnTo>
                  <a:cubicBezTo>
                    <a:pt x="326160" y="418052"/>
                    <a:pt x="328436" y="418976"/>
                    <a:pt x="330810" y="419005"/>
                  </a:cubicBezTo>
                  <a:cubicBezTo>
                    <a:pt x="335754" y="419005"/>
                    <a:pt x="339766" y="415004"/>
                    <a:pt x="339770" y="410061"/>
                  </a:cubicBezTo>
                  <a:cubicBezTo>
                    <a:pt x="339772" y="407651"/>
                    <a:pt x="338808" y="405356"/>
                    <a:pt x="337096" y="403670"/>
                  </a:cubicBezTo>
                  <a:lnTo>
                    <a:pt x="292805" y="359283"/>
                  </a:lnTo>
                  <a:cubicBezTo>
                    <a:pt x="291160" y="357587"/>
                    <a:pt x="291160" y="354882"/>
                    <a:pt x="292805" y="353187"/>
                  </a:cubicBezTo>
                  <a:cubicBezTo>
                    <a:pt x="299287" y="346215"/>
                    <a:pt x="305151" y="338690"/>
                    <a:pt x="310331" y="330708"/>
                  </a:cubicBezTo>
                  <a:close/>
                  <a:moveTo>
                    <a:pt x="201079" y="383762"/>
                  </a:moveTo>
                  <a:lnTo>
                    <a:pt x="201079" y="383762"/>
                  </a:lnTo>
                  <a:cubicBezTo>
                    <a:pt x="197364" y="384524"/>
                    <a:pt x="193269" y="385096"/>
                    <a:pt x="188125" y="385763"/>
                  </a:cubicBezTo>
                  <a:lnTo>
                    <a:pt x="187363" y="385763"/>
                  </a:lnTo>
                  <a:lnTo>
                    <a:pt x="185934" y="385763"/>
                  </a:lnTo>
                  <a:cubicBezTo>
                    <a:pt x="180886" y="386239"/>
                    <a:pt x="175647" y="386524"/>
                    <a:pt x="170599" y="386524"/>
                  </a:cubicBezTo>
                  <a:cubicBezTo>
                    <a:pt x="165551" y="386524"/>
                    <a:pt x="160407" y="386524"/>
                    <a:pt x="155264" y="385763"/>
                  </a:cubicBezTo>
                  <a:lnTo>
                    <a:pt x="153740" y="385763"/>
                  </a:lnTo>
                  <a:lnTo>
                    <a:pt x="152978" y="385763"/>
                  </a:lnTo>
                  <a:cubicBezTo>
                    <a:pt x="148725" y="385353"/>
                    <a:pt x="144496" y="384715"/>
                    <a:pt x="140310" y="383857"/>
                  </a:cubicBezTo>
                  <a:lnTo>
                    <a:pt x="139738" y="383857"/>
                  </a:lnTo>
                  <a:cubicBezTo>
                    <a:pt x="109618" y="377695"/>
                    <a:pt x="82101" y="362474"/>
                    <a:pt x="60871" y="340233"/>
                  </a:cubicBezTo>
                  <a:cubicBezTo>
                    <a:pt x="57537" y="336804"/>
                    <a:pt x="54680" y="333470"/>
                    <a:pt x="52013" y="330137"/>
                  </a:cubicBezTo>
                  <a:lnTo>
                    <a:pt x="48108" y="324898"/>
                  </a:lnTo>
                  <a:lnTo>
                    <a:pt x="48108" y="324898"/>
                  </a:lnTo>
                  <a:cubicBezTo>
                    <a:pt x="45917" y="321945"/>
                    <a:pt x="43821" y="318802"/>
                    <a:pt x="41821" y="315373"/>
                  </a:cubicBezTo>
                  <a:lnTo>
                    <a:pt x="41154" y="314230"/>
                  </a:lnTo>
                  <a:cubicBezTo>
                    <a:pt x="40202" y="312801"/>
                    <a:pt x="39345" y="311372"/>
                    <a:pt x="38487" y="309848"/>
                  </a:cubicBezTo>
                  <a:cubicBezTo>
                    <a:pt x="35694" y="304943"/>
                    <a:pt x="33181" y="299895"/>
                    <a:pt x="30963" y="294704"/>
                  </a:cubicBezTo>
                  <a:cubicBezTo>
                    <a:pt x="30698" y="294056"/>
                    <a:pt x="30475" y="293379"/>
                    <a:pt x="30296" y="292703"/>
                  </a:cubicBezTo>
                  <a:cubicBezTo>
                    <a:pt x="30257" y="292294"/>
                    <a:pt x="30257" y="291875"/>
                    <a:pt x="30296" y="291465"/>
                  </a:cubicBezTo>
                  <a:cubicBezTo>
                    <a:pt x="28486" y="286798"/>
                    <a:pt x="26867" y="281940"/>
                    <a:pt x="25629" y="277749"/>
                  </a:cubicBezTo>
                  <a:cubicBezTo>
                    <a:pt x="17438" y="250117"/>
                    <a:pt x="17438" y="220704"/>
                    <a:pt x="25629" y="193072"/>
                  </a:cubicBezTo>
                  <a:cubicBezTo>
                    <a:pt x="25629" y="191738"/>
                    <a:pt x="26391" y="190500"/>
                    <a:pt x="26867" y="189167"/>
                  </a:cubicBezTo>
                  <a:cubicBezTo>
                    <a:pt x="27980" y="185576"/>
                    <a:pt x="29283" y="182042"/>
                    <a:pt x="30772" y="178594"/>
                  </a:cubicBezTo>
                  <a:lnTo>
                    <a:pt x="30772" y="177737"/>
                  </a:lnTo>
                  <a:lnTo>
                    <a:pt x="30772" y="176594"/>
                  </a:lnTo>
                  <a:cubicBezTo>
                    <a:pt x="31534" y="174784"/>
                    <a:pt x="32391" y="172974"/>
                    <a:pt x="33249" y="171355"/>
                  </a:cubicBezTo>
                  <a:lnTo>
                    <a:pt x="34201" y="169545"/>
                  </a:lnTo>
                  <a:cubicBezTo>
                    <a:pt x="35535" y="166783"/>
                    <a:pt x="36773" y="164306"/>
                    <a:pt x="38106" y="161830"/>
                  </a:cubicBezTo>
                  <a:lnTo>
                    <a:pt x="42393" y="154781"/>
                  </a:lnTo>
                  <a:cubicBezTo>
                    <a:pt x="43726" y="152686"/>
                    <a:pt x="45250" y="150495"/>
                    <a:pt x="46774" y="148304"/>
                  </a:cubicBezTo>
                  <a:cubicBezTo>
                    <a:pt x="48298" y="146113"/>
                    <a:pt x="50108" y="143732"/>
                    <a:pt x="51632" y="141827"/>
                  </a:cubicBezTo>
                  <a:cubicBezTo>
                    <a:pt x="54394" y="138398"/>
                    <a:pt x="57442" y="134874"/>
                    <a:pt x="60681" y="131540"/>
                  </a:cubicBezTo>
                  <a:cubicBezTo>
                    <a:pt x="81757" y="109271"/>
                    <a:pt x="109146" y="93974"/>
                    <a:pt x="139167" y="87725"/>
                  </a:cubicBezTo>
                  <a:lnTo>
                    <a:pt x="139167" y="87725"/>
                  </a:lnTo>
                  <a:cubicBezTo>
                    <a:pt x="142881" y="86963"/>
                    <a:pt x="146882" y="86392"/>
                    <a:pt x="152025" y="85725"/>
                  </a:cubicBezTo>
                  <a:lnTo>
                    <a:pt x="152787" y="85725"/>
                  </a:lnTo>
                  <a:lnTo>
                    <a:pt x="154311" y="85725"/>
                  </a:lnTo>
                  <a:cubicBezTo>
                    <a:pt x="159405" y="85192"/>
                    <a:pt x="164525" y="84934"/>
                    <a:pt x="169647" y="84963"/>
                  </a:cubicBezTo>
                  <a:cubicBezTo>
                    <a:pt x="175696" y="84992"/>
                    <a:pt x="181739" y="85373"/>
                    <a:pt x="187744" y="86106"/>
                  </a:cubicBezTo>
                  <a:lnTo>
                    <a:pt x="190887" y="86582"/>
                  </a:lnTo>
                  <a:lnTo>
                    <a:pt x="192221" y="86582"/>
                  </a:lnTo>
                  <a:cubicBezTo>
                    <a:pt x="197174" y="87344"/>
                    <a:pt x="201746" y="88297"/>
                    <a:pt x="206604" y="89440"/>
                  </a:cubicBezTo>
                  <a:lnTo>
                    <a:pt x="207651" y="89440"/>
                  </a:lnTo>
                  <a:lnTo>
                    <a:pt x="210128" y="90011"/>
                  </a:lnTo>
                  <a:cubicBezTo>
                    <a:pt x="221921" y="93307"/>
                    <a:pt x="233274" y="98003"/>
                    <a:pt x="243942" y="104013"/>
                  </a:cubicBezTo>
                  <a:cubicBezTo>
                    <a:pt x="269113" y="117738"/>
                    <a:pt x="289784" y="138446"/>
                    <a:pt x="303473" y="163639"/>
                  </a:cubicBezTo>
                  <a:lnTo>
                    <a:pt x="305187" y="167069"/>
                  </a:lnTo>
                  <a:cubicBezTo>
                    <a:pt x="306997" y="170593"/>
                    <a:pt x="308616" y="174117"/>
                    <a:pt x="310045" y="177546"/>
                  </a:cubicBezTo>
                  <a:lnTo>
                    <a:pt x="310045" y="178213"/>
                  </a:lnTo>
                  <a:cubicBezTo>
                    <a:pt x="310082" y="178594"/>
                    <a:pt x="310082" y="178975"/>
                    <a:pt x="310045" y="179356"/>
                  </a:cubicBezTo>
                  <a:cubicBezTo>
                    <a:pt x="310870" y="181280"/>
                    <a:pt x="311570" y="183252"/>
                    <a:pt x="312141" y="185261"/>
                  </a:cubicBezTo>
                  <a:lnTo>
                    <a:pt x="312807" y="187071"/>
                  </a:lnTo>
                  <a:cubicBezTo>
                    <a:pt x="313665" y="189643"/>
                    <a:pt x="314522" y="192214"/>
                    <a:pt x="315284" y="194881"/>
                  </a:cubicBezTo>
                  <a:cubicBezTo>
                    <a:pt x="316046" y="197548"/>
                    <a:pt x="316617" y="199930"/>
                    <a:pt x="317379" y="203263"/>
                  </a:cubicBezTo>
                  <a:cubicBezTo>
                    <a:pt x="318141" y="206597"/>
                    <a:pt x="318332" y="208026"/>
                    <a:pt x="318713" y="210407"/>
                  </a:cubicBezTo>
                  <a:cubicBezTo>
                    <a:pt x="319094" y="212788"/>
                    <a:pt x="319665" y="216313"/>
                    <a:pt x="319951" y="218885"/>
                  </a:cubicBezTo>
                  <a:cubicBezTo>
                    <a:pt x="319951" y="223076"/>
                    <a:pt x="320713" y="227552"/>
                    <a:pt x="320808" y="232124"/>
                  </a:cubicBezTo>
                  <a:cubicBezTo>
                    <a:pt x="321084" y="242659"/>
                    <a:pt x="320285" y="253184"/>
                    <a:pt x="318427" y="263557"/>
                  </a:cubicBezTo>
                  <a:lnTo>
                    <a:pt x="318427" y="263557"/>
                  </a:lnTo>
                  <a:cubicBezTo>
                    <a:pt x="318427" y="263557"/>
                    <a:pt x="318427" y="264223"/>
                    <a:pt x="318427" y="264509"/>
                  </a:cubicBezTo>
                  <a:cubicBezTo>
                    <a:pt x="317760" y="268129"/>
                    <a:pt x="316808" y="271558"/>
                    <a:pt x="315855" y="275082"/>
                  </a:cubicBezTo>
                  <a:cubicBezTo>
                    <a:pt x="315888" y="275587"/>
                    <a:pt x="315888" y="276101"/>
                    <a:pt x="315855" y="276606"/>
                  </a:cubicBezTo>
                  <a:cubicBezTo>
                    <a:pt x="315678" y="277473"/>
                    <a:pt x="315455" y="278330"/>
                    <a:pt x="315189" y="279178"/>
                  </a:cubicBezTo>
                  <a:cubicBezTo>
                    <a:pt x="314617" y="281273"/>
                    <a:pt x="313760" y="283464"/>
                    <a:pt x="313093" y="285464"/>
                  </a:cubicBezTo>
                  <a:lnTo>
                    <a:pt x="312426" y="287179"/>
                  </a:lnTo>
                  <a:cubicBezTo>
                    <a:pt x="312162" y="287826"/>
                    <a:pt x="311939" y="288503"/>
                    <a:pt x="311760" y="289179"/>
                  </a:cubicBezTo>
                  <a:lnTo>
                    <a:pt x="310140" y="293465"/>
                  </a:lnTo>
                  <a:lnTo>
                    <a:pt x="308426" y="297180"/>
                  </a:lnTo>
                  <a:lnTo>
                    <a:pt x="307569" y="298990"/>
                  </a:lnTo>
                  <a:lnTo>
                    <a:pt x="306902" y="300514"/>
                  </a:lnTo>
                  <a:cubicBezTo>
                    <a:pt x="305854" y="302705"/>
                    <a:pt x="304806" y="304895"/>
                    <a:pt x="303568" y="307181"/>
                  </a:cubicBezTo>
                  <a:cubicBezTo>
                    <a:pt x="303256" y="307838"/>
                    <a:pt x="302905" y="308467"/>
                    <a:pt x="302520" y="309086"/>
                  </a:cubicBezTo>
                  <a:lnTo>
                    <a:pt x="301758" y="310229"/>
                  </a:lnTo>
                  <a:cubicBezTo>
                    <a:pt x="299853" y="313563"/>
                    <a:pt x="297948" y="316897"/>
                    <a:pt x="295853" y="319754"/>
                  </a:cubicBezTo>
                  <a:lnTo>
                    <a:pt x="295853" y="320230"/>
                  </a:lnTo>
                  <a:cubicBezTo>
                    <a:pt x="273853" y="353130"/>
                    <a:pt x="239822" y="376076"/>
                    <a:pt x="201079" y="384143"/>
                  </a:cubicBezTo>
                  <a:close/>
                </a:path>
              </a:pathLst>
            </a:custGeom>
            <a:solidFill>
              <a:srgbClr val="265998"/>
            </a:solidFill>
            <a:ln w="9525" cap="flat">
              <a:noFill/>
              <a:prstDash val="solid"/>
              <a:miter/>
            </a:ln>
          </p:spPr>
          <p:txBody>
            <a:bodyPr rtlCol="0" anchor="ctr"/>
            <a:lstStyle/>
            <a:p>
              <a:endParaRPr lang="en-AU" sz="153"/>
            </a:p>
          </p:txBody>
        </p:sp>
        <p:sp>
          <p:nvSpPr>
            <p:cNvPr id="6" name="Graphic 2">
              <a:extLst>
                <a:ext uri="{FF2B5EF4-FFF2-40B4-BE49-F238E27FC236}">
                  <a16:creationId xmlns:a16="http://schemas.microsoft.com/office/drawing/2014/main" id="{A09B98A1-4BB3-11D1-B8A3-EDD94A56FC7A}"/>
                </a:ext>
              </a:extLst>
            </p:cNvPr>
            <p:cNvSpPr/>
            <p:nvPr/>
          </p:nvSpPr>
          <p:spPr>
            <a:xfrm>
              <a:off x="1286637" y="3787519"/>
              <a:ext cx="138397" cy="111380"/>
            </a:xfrm>
            <a:custGeom>
              <a:avLst/>
              <a:gdLst>
                <a:gd name="connsiteX0" fmla="*/ 91440 w 138397"/>
                <a:gd name="connsiteY0" fmla="*/ 38705 h 111380"/>
                <a:gd name="connsiteX1" fmla="*/ 91440 w 138397"/>
                <a:gd name="connsiteY1" fmla="*/ 32418 h 111380"/>
                <a:gd name="connsiteX2" fmla="*/ 108775 w 138397"/>
                <a:gd name="connsiteY2" fmla="*/ 15178 h 111380"/>
                <a:gd name="connsiteX3" fmla="*/ 107852 w 138397"/>
                <a:gd name="connsiteY3" fmla="*/ 2415 h 111380"/>
                <a:gd name="connsiteX4" fmla="*/ 96012 w 138397"/>
                <a:gd name="connsiteY4" fmla="*/ 2415 h 111380"/>
                <a:gd name="connsiteX5" fmla="*/ 78772 w 138397"/>
                <a:gd name="connsiteY5" fmla="*/ 19750 h 111380"/>
                <a:gd name="connsiteX6" fmla="*/ 75628 w 138397"/>
                <a:gd name="connsiteY6" fmla="*/ 21084 h 111380"/>
                <a:gd name="connsiteX7" fmla="*/ 72580 w 138397"/>
                <a:gd name="connsiteY7" fmla="*/ 19750 h 111380"/>
                <a:gd name="connsiteX8" fmla="*/ 55245 w 138397"/>
                <a:gd name="connsiteY8" fmla="*/ 2415 h 111380"/>
                <a:gd name="connsiteX9" fmla="*/ 42577 w 138397"/>
                <a:gd name="connsiteY9" fmla="*/ 2415 h 111380"/>
                <a:gd name="connsiteX10" fmla="*/ 42475 w 138397"/>
                <a:gd name="connsiteY10" fmla="*/ 15073 h 111380"/>
                <a:gd name="connsiteX11" fmla="*/ 42577 w 138397"/>
                <a:gd name="connsiteY11" fmla="*/ 15178 h 111380"/>
                <a:gd name="connsiteX12" fmla="*/ 59817 w 138397"/>
                <a:gd name="connsiteY12" fmla="*/ 32418 h 111380"/>
                <a:gd name="connsiteX13" fmla="*/ 59907 w 138397"/>
                <a:gd name="connsiteY13" fmla="*/ 38610 h 111380"/>
                <a:gd name="connsiteX14" fmla="*/ 59817 w 138397"/>
                <a:gd name="connsiteY14" fmla="*/ 38705 h 111380"/>
                <a:gd name="connsiteX15" fmla="*/ 2667 w 138397"/>
                <a:gd name="connsiteY15" fmla="*/ 95855 h 111380"/>
                <a:gd name="connsiteX16" fmla="*/ 0 w 138397"/>
                <a:gd name="connsiteY16" fmla="*/ 102237 h 111380"/>
                <a:gd name="connsiteX17" fmla="*/ 8763 w 138397"/>
                <a:gd name="connsiteY17" fmla="*/ 111381 h 111380"/>
                <a:gd name="connsiteX18" fmla="*/ 15145 w 138397"/>
                <a:gd name="connsiteY18" fmla="*/ 108714 h 111380"/>
                <a:gd name="connsiteX19" fmla="*/ 72295 w 138397"/>
                <a:gd name="connsiteY19" fmla="*/ 51564 h 111380"/>
                <a:gd name="connsiteX20" fmla="*/ 75343 w 138397"/>
                <a:gd name="connsiteY20" fmla="*/ 50230 h 111380"/>
                <a:gd name="connsiteX21" fmla="*/ 78486 w 138397"/>
                <a:gd name="connsiteY21" fmla="*/ 51564 h 111380"/>
                <a:gd name="connsiteX22" fmla="*/ 123063 w 138397"/>
                <a:gd name="connsiteY22" fmla="*/ 95379 h 111380"/>
                <a:gd name="connsiteX23" fmla="*/ 129445 w 138397"/>
                <a:gd name="connsiteY23" fmla="*/ 98046 h 111380"/>
                <a:gd name="connsiteX24" fmla="*/ 135731 w 138397"/>
                <a:gd name="connsiteY24" fmla="*/ 95379 h 111380"/>
                <a:gd name="connsiteX25" fmla="*/ 135873 w 138397"/>
                <a:gd name="connsiteY25" fmla="*/ 82853 h 111380"/>
                <a:gd name="connsiteX26" fmla="*/ 135731 w 138397"/>
                <a:gd name="connsiteY26" fmla="*/ 82710 h 1113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38397" h="111380">
                  <a:moveTo>
                    <a:pt x="91440" y="38705"/>
                  </a:moveTo>
                  <a:cubicBezTo>
                    <a:pt x="89721" y="36962"/>
                    <a:pt x="89721" y="34162"/>
                    <a:pt x="91440" y="32418"/>
                  </a:cubicBezTo>
                  <a:lnTo>
                    <a:pt x="108775" y="15178"/>
                  </a:lnTo>
                  <a:cubicBezTo>
                    <a:pt x="112045" y="11397"/>
                    <a:pt x="111632" y="5682"/>
                    <a:pt x="107852" y="2415"/>
                  </a:cubicBezTo>
                  <a:cubicBezTo>
                    <a:pt x="104453" y="-528"/>
                    <a:pt x="99411" y="-528"/>
                    <a:pt x="96012" y="2415"/>
                  </a:cubicBezTo>
                  <a:lnTo>
                    <a:pt x="78772" y="19750"/>
                  </a:lnTo>
                  <a:cubicBezTo>
                    <a:pt x="77941" y="20588"/>
                    <a:pt x="76812" y="21074"/>
                    <a:pt x="75628" y="21084"/>
                  </a:cubicBezTo>
                  <a:cubicBezTo>
                    <a:pt x="74469" y="21093"/>
                    <a:pt x="73362" y="20607"/>
                    <a:pt x="72580" y="19750"/>
                  </a:cubicBezTo>
                  <a:lnTo>
                    <a:pt x="55245" y="2415"/>
                  </a:lnTo>
                  <a:cubicBezTo>
                    <a:pt x="51634" y="-805"/>
                    <a:pt x="46188" y="-805"/>
                    <a:pt x="42577" y="2415"/>
                  </a:cubicBezTo>
                  <a:cubicBezTo>
                    <a:pt x="39052" y="5882"/>
                    <a:pt x="39007" y="11549"/>
                    <a:pt x="42475" y="15073"/>
                  </a:cubicBezTo>
                  <a:cubicBezTo>
                    <a:pt x="42508" y="15112"/>
                    <a:pt x="42542" y="15140"/>
                    <a:pt x="42577" y="15178"/>
                  </a:cubicBezTo>
                  <a:lnTo>
                    <a:pt x="59817" y="32418"/>
                  </a:lnTo>
                  <a:cubicBezTo>
                    <a:pt x="61553" y="34104"/>
                    <a:pt x="61593" y="36876"/>
                    <a:pt x="59907" y="38610"/>
                  </a:cubicBezTo>
                  <a:cubicBezTo>
                    <a:pt x="59878" y="38648"/>
                    <a:pt x="59847" y="38676"/>
                    <a:pt x="59817" y="38705"/>
                  </a:cubicBezTo>
                  <a:lnTo>
                    <a:pt x="2667" y="95855"/>
                  </a:lnTo>
                  <a:cubicBezTo>
                    <a:pt x="1010" y="97569"/>
                    <a:pt x="58" y="99846"/>
                    <a:pt x="0" y="102237"/>
                  </a:cubicBezTo>
                  <a:cubicBezTo>
                    <a:pt x="178" y="107066"/>
                    <a:pt x="3945" y="111000"/>
                    <a:pt x="8763" y="111381"/>
                  </a:cubicBezTo>
                  <a:cubicBezTo>
                    <a:pt x="11164" y="111390"/>
                    <a:pt x="13466" y="110428"/>
                    <a:pt x="15145" y="108714"/>
                  </a:cubicBezTo>
                  <a:lnTo>
                    <a:pt x="72295" y="51564"/>
                  </a:lnTo>
                  <a:cubicBezTo>
                    <a:pt x="73090" y="50725"/>
                    <a:pt x="74188" y="50249"/>
                    <a:pt x="75343" y="50230"/>
                  </a:cubicBezTo>
                  <a:cubicBezTo>
                    <a:pt x="76526" y="50240"/>
                    <a:pt x="77655" y="50725"/>
                    <a:pt x="78486" y="51564"/>
                  </a:cubicBezTo>
                  <a:lnTo>
                    <a:pt x="123063" y="95379"/>
                  </a:lnTo>
                  <a:cubicBezTo>
                    <a:pt x="124781" y="97036"/>
                    <a:pt x="127059" y="97988"/>
                    <a:pt x="129445" y="98046"/>
                  </a:cubicBezTo>
                  <a:cubicBezTo>
                    <a:pt x="131816" y="98055"/>
                    <a:pt x="134089" y="97093"/>
                    <a:pt x="135731" y="95379"/>
                  </a:cubicBezTo>
                  <a:cubicBezTo>
                    <a:pt x="139230" y="91959"/>
                    <a:pt x="139293" y="86349"/>
                    <a:pt x="135873" y="82853"/>
                  </a:cubicBezTo>
                  <a:cubicBezTo>
                    <a:pt x="135826" y="82806"/>
                    <a:pt x="135779" y="82758"/>
                    <a:pt x="135731" y="82710"/>
                  </a:cubicBezTo>
                  <a:close/>
                </a:path>
              </a:pathLst>
            </a:custGeom>
            <a:solidFill>
              <a:srgbClr val="265998"/>
            </a:solidFill>
            <a:ln w="9525" cap="flat">
              <a:noFill/>
              <a:prstDash val="solid"/>
              <a:miter/>
            </a:ln>
          </p:spPr>
          <p:txBody>
            <a:bodyPr rtlCol="0" anchor="ctr"/>
            <a:lstStyle/>
            <a:p>
              <a:endParaRPr lang="en-AU" sz="153"/>
            </a:p>
          </p:txBody>
        </p:sp>
        <p:sp>
          <p:nvSpPr>
            <p:cNvPr id="7" name="Graphic 2">
              <a:extLst>
                <a:ext uri="{FF2B5EF4-FFF2-40B4-BE49-F238E27FC236}">
                  <a16:creationId xmlns:a16="http://schemas.microsoft.com/office/drawing/2014/main" id="{2D9EFB81-E94E-B3DA-8D05-38FBBDAE4D9E}"/>
                </a:ext>
              </a:extLst>
            </p:cNvPr>
            <p:cNvSpPr/>
            <p:nvPr/>
          </p:nvSpPr>
          <p:spPr>
            <a:xfrm>
              <a:off x="1154141" y="3614745"/>
              <a:ext cx="123714" cy="123756"/>
            </a:xfrm>
            <a:custGeom>
              <a:avLst/>
              <a:gdLst>
                <a:gd name="connsiteX0" fmla="*/ 74584 w 123714"/>
                <a:gd name="connsiteY0" fmla="*/ 16788 h 123756"/>
                <a:gd name="connsiteX1" fmla="*/ 109350 w 123714"/>
                <a:gd name="connsiteY1" fmla="*/ 28314 h 123756"/>
                <a:gd name="connsiteX2" fmla="*/ 121923 w 123714"/>
                <a:gd name="connsiteY2" fmla="*/ 26504 h 123756"/>
                <a:gd name="connsiteX3" fmla="*/ 120113 w 123714"/>
                <a:gd name="connsiteY3" fmla="*/ 13931 h 123756"/>
                <a:gd name="connsiteX4" fmla="*/ 13926 w 123714"/>
                <a:gd name="connsiteY4" fmla="*/ 32295 h 123756"/>
                <a:gd name="connsiteX5" fmla="*/ 14005 w 123714"/>
                <a:gd name="connsiteY5" fmla="*/ 120230 h 123756"/>
                <a:gd name="connsiteX6" fmla="*/ 21149 w 123714"/>
                <a:gd name="connsiteY6" fmla="*/ 123754 h 123756"/>
                <a:gd name="connsiteX7" fmla="*/ 26578 w 123714"/>
                <a:gd name="connsiteY7" fmla="*/ 121944 h 123756"/>
                <a:gd name="connsiteX8" fmla="*/ 30102 w 123714"/>
                <a:gd name="connsiteY8" fmla="*/ 116039 h 123756"/>
                <a:gd name="connsiteX9" fmla="*/ 28388 w 123714"/>
                <a:gd name="connsiteY9" fmla="*/ 109371 h 123756"/>
                <a:gd name="connsiteX10" fmla="*/ 16577 w 123714"/>
                <a:gd name="connsiteY10" fmla="*/ 74605 h 123756"/>
                <a:gd name="connsiteX11" fmla="*/ 74393 w 123714"/>
                <a:gd name="connsiteY11" fmla="*/ 16788 h 123756"/>
                <a:gd name="connsiteX12" fmla="*/ 74584 w 123714"/>
                <a:gd name="connsiteY12" fmla="*/ 16788 h 1237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23714" h="123756">
                  <a:moveTo>
                    <a:pt x="74584" y="16788"/>
                  </a:moveTo>
                  <a:cubicBezTo>
                    <a:pt x="87124" y="16712"/>
                    <a:pt x="99339" y="20760"/>
                    <a:pt x="109350" y="28314"/>
                  </a:cubicBezTo>
                  <a:cubicBezTo>
                    <a:pt x="113322" y="31285"/>
                    <a:pt x="118951" y="30476"/>
                    <a:pt x="121923" y="26504"/>
                  </a:cubicBezTo>
                  <a:cubicBezTo>
                    <a:pt x="124895" y="22532"/>
                    <a:pt x="124085" y="16902"/>
                    <a:pt x="120113" y="13931"/>
                  </a:cubicBezTo>
                  <a:cubicBezTo>
                    <a:pt x="85721" y="-10320"/>
                    <a:pt x="38178" y="-2100"/>
                    <a:pt x="13926" y="32295"/>
                  </a:cubicBezTo>
                  <a:cubicBezTo>
                    <a:pt x="-4671" y="58660"/>
                    <a:pt x="-4639" y="93893"/>
                    <a:pt x="14005" y="120230"/>
                  </a:cubicBezTo>
                  <a:cubicBezTo>
                    <a:pt x="15758" y="122392"/>
                    <a:pt x="18367" y="123678"/>
                    <a:pt x="21149" y="123754"/>
                  </a:cubicBezTo>
                  <a:cubicBezTo>
                    <a:pt x="23114" y="123802"/>
                    <a:pt x="25033" y="123154"/>
                    <a:pt x="26578" y="121944"/>
                  </a:cubicBezTo>
                  <a:cubicBezTo>
                    <a:pt x="28447" y="120487"/>
                    <a:pt x="29704" y="118372"/>
                    <a:pt x="30102" y="116039"/>
                  </a:cubicBezTo>
                  <a:cubicBezTo>
                    <a:pt x="30382" y="113676"/>
                    <a:pt x="29771" y="111305"/>
                    <a:pt x="28388" y="109371"/>
                  </a:cubicBezTo>
                  <a:cubicBezTo>
                    <a:pt x="20733" y="99398"/>
                    <a:pt x="16582" y="87178"/>
                    <a:pt x="16577" y="74605"/>
                  </a:cubicBezTo>
                  <a:cubicBezTo>
                    <a:pt x="16577" y="42677"/>
                    <a:pt x="42462" y="16788"/>
                    <a:pt x="74393" y="16788"/>
                  </a:cubicBezTo>
                  <a:cubicBezTo>
                    <a:pt x="74456" y="16788"/>
                    <a:pt x="74520" y="16788"/>
                    <a:pt x="74584" y="16788"/>
                  </a:cubicBezTo>
                  <a:close/>
                </a:path>
              </a:pathLst>
            </a:custGeom>
            <a:solidFill>
              <a:srgbClr val="265998"/>
            </a:solidFill>
            <a:ln w="9525" cap="flat">
              <a:noFill/>
              <a:prstDash val="solid"/>
              <a:miter/>
            </a:ln>
          </p:spPr>
          <p:txBody>
            <a:bodyPr rtlCol="0" anchor="ctr"/>
            <a:lstStyle/>
            <a:p>
              <a:endParaRPr lang="en-AU" sz="153"/>
            </a:p>
          </p:txBody>
        </p:sp>
        <p:sp>
          <p:nvSpPr>
            <p:cNvPr id="8" name="Graphic 2">
              <a:extLst>
                <a:ext uri="{FF2B5EF4-FFF2-40B4-BE49-F238E27FC236}">
                  <a16:creationId xmlns:a16="http://schemas.microsoft.com/office/drawing/2014/main" id="{14FB022E-8C45-2802-9960-F69E67667C26}"/>
                </a:ext>
              </a:extLst>
            </p:cNvPr>
            <p:cNvSpPr/>
            <p:nvPr/>
          </p:nvSpPr>
          <p:spPr>
            <a:xfrm>
              <a:off x="1446861" y="3613149"/>
              <a:ext cx="124767" cy="125636"/>
            </a:xfrm>
            <a:custGeom>
              <a:avLst/>
              <a:gdLst>
                <a:gd name="connsiteX0" fmla="*/ 49135 w 124767"/>
                <a:gd name="connsiteY0" fmla="*/ 0 h 125636"/>
                <a:gd name="connsiteX1" fmla="*/ 3605 w 124767"/>
                <a:gd name="connsiteY1" fmla="*/ 15145 h 125636"/>
                <a:gd name="connsiteX2" fmla="*/ 81 w 124767"/>
                <a:gd name="connsiteY2" fmla="*/ 21050 h 125636"/>
                <a:gd name="connsiteX3" fmla="*/ 1891 w 124767"/>
                <a:gd name="connsiteY3" fmla="*/ 27718 h 125636"/>
                <a:gd name="connsiteX4" fmla="*/ 9035 w 124767"/>
                <a:gd name="connsiteY4" fmla="*/ 31338 h 125636"/>
                <a:gd name="connsiteX5" fmla="*/ 14369 w 124767"/>
                <a:gd name="connsiteY5" fmla="*/ 29528 h 125636"/>
                <a:gd name="connsiteX6" fmla="*/ 49135 w 124767"/>
                <a:gd name="connsiteY6" fmla="*/ 18003 h 125636"/>
                <a:gd name="connsiteX7" fmla="*/ 106952 w 124767"/>
                <a:gd name="connsiteY7" fmla="*/ 76010 h 125636"/>
                <a:gd name="connsiteX8" fmla="*/ 95426 w 124767"/>
                <a:gd name="connsiteY8" fmla="*/ 110585 h 125636"/>
                <a:gd name="connsiteX9" fmla="*/ 96348 w 124767"/>
                <a:gd name="connsiteY9" fmla="*/ 123216 h 125636"/>
                <a:gd name="connsiteX10" fmla="*/ 97141 w 124767"/>
                <a:gd name="connsiteY10" fmla="*/ 123825 h 125636"/>
                <a:gd name="connsiteX11" fmla="*/ 102570 w 124767"/>
                <a:gd name="connsiteY11" fmla="*/ 125635 h 125636"/>
                <a:gd name="connsiteX12" fmla="*/ 109714 w 124767"/>
                <a:gd name="connsiteY12" fmla="*/ 122016 h 125636"/>
                <a:gd name="connsiteX13" fmla="*/ 124763 w 124767"/>
                <a:gd name="connsiteY13" fmla="*/ 76200 h 125636"/>
                <a:gd name="connsiteX14" fmla="*/ 49135 w 124767"/>
                <a:gd name="connsiteY14" fmla="*/ 0 h 125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4767" h="125636">
                  <a:moveTo>
                    <a:pt x="49135" y="0"/>
                  </a:moveTo>
                  <a:cubicBezTo>
                    <a:pt x="32714" y="-47"/>
                    <a:pt x="16726" y="5268"/>
                    <a:pt x="3605" y="15145"/>
                  </a:cubicBezTo>
                  <a:cubicBezTo>
                    <a:pt x="1737" y="16603"/>
                    <a:pt x="479" y="18707"/>
                    <a:pt x="81" y="21050"/>
                  </a:cubicBezTo>
                  <a:cubicBezTo>
                    <a:pt x="-243" y="23422"/>
                    <a:pt x="410" y="25832"/>
                    <a:pt x="1891" y="27718"/>
                  </a:cubicBezTo>
                  <a:cubicBezTo>
                    <a:pt x="3539" y="30014"/>
                    <a:pt x="6206" y="31366"/>
                    <a:pt x="9035" y="31338"/>
                  </a:cubicBezTo>
                  <a:cubicBezTo>
                    <a:pt x="10955" y="31290"/>
                    <a:pt x="12814" y="30652"/>
                    <a:pt x="14369" y="29528"/>
                  </a:cubicBezTo>
                  <a:cubicBezTo>
                    <a:pt x="24379" y="21975"/>
                    <a:pt x="36595" y="17926"/>
                    <a:pt x="49135" y="18003"/>
                  </a:cubicBezTo>
                  <a:cubicBezTo>
                    <a:pt x="81119" y="18060"/>
                    <a:pt x="107004" y="44025"/>
                    <a:pt x="106952" y="76010"/>
                  </a:cubicBezTo>
                  <a:cubicBezTo>
                    <a:pt x="106932" y="88478"/>
                    <a:pt x="102889" y="100603"/>
                    <a:pt x="95426" y="110585"/>
                  </a:cubicBezTo>
                  <a:cubicBezTo>
                    <a:pt x="92194" y="114329"/>
                    <a:pt x="92606" y="119977"/>
                    <a:pt x="96348" y="123216"/>
                  </a:cubicBezTo>
                  <a:cubicBezTo>
                    <a:pt x="96601" y="123435"/>
                    <a:pt x="96866" y="123635"/>
                    <a:pt x="97141" y="123825"/>
                  </a:cubicBezTo>
                  <a:cubicBezTo>
                    <a:pt x="98694" y="125026"/>
                    <a:pt x="100608" y="125664"/>
                    <a:pt x="102570" y="125635"/>
                  </a:cubicBezTo>
                  <a:cubicBezTo>
                    <a:pt x="105393" y="125635"/>
                    <a:pt x="108045" y="124292"/>
                    <a:pt x="109714" y="122016"/>
                  </a:cubicBezTo>
                  <a:cubicBezTo>
                    <a:pt x="119647" y="108823"/>
                    <a:pt x="124938" y="92717"/>
                    <a:pt x="124763" y="76200"/>
                  </a:cubicBezTo>
                  <a:cubicBezTo>
                    <a:pt x="124764" y="34338"/>
                    <a:pt x="90995" y="315"/>
                    <a:pt x="49135" y="0"/>
                  </a:cubicBezTo>
                  <a:close/>
                </a:path>
              </a:pathLst>
            </a:custGeom>
            <a:solidFill>
              <a:srgbClr val="265998"/>
            </a:solidFill>
            <a:ln w="9525" cap="flat">
              <a:noFill/>
              <a:prstDash val="solid"/>
              <a:miter/>
            </a:ln>
          </p:spPr>
          <p:txBody>
            <a:bodyPr rtlCol="0" anchor="ctr"/>
            <a:lstStyle/>
            <a:p>
              <a:endParaRPr lang="en-AU" sz="153"/>
            </a:p>
          </p:txBody>
        </p:sp>
        <p:sp>
          <p:nvSpPr>
            <p:cNvPr id="9" name="Graphic 2">
              <a:extLst>
                <a:ext uri="{FF2B5EF4-FFF2-40B4-BE49-F238E27FC236}">
                  <a16:creationId xmlns:a16="http://schemas.microsoft.com/office/drawing/2014/main" id="{53885FDE-D24B-814E-702E-3162D677AA6A}"/>
                </a:ext>
              </a:extLst>
            </p:cNvPr>
            <p:cNvSpPr/>
            <p:nvPr/>
          </p:nvSpPr>
          <p:spPr>
            <a:xfrm>
              <a:off x="1353692" y="3921074"/>
              <a:ext cx="17907" cy="17906"/>
            </a:xfrm>
            <a:custGeom>
              <a:avLst/>
              <a:gdLst>
                <a:gd name="connsiteX0" fmla="*/ 8382 w 17907"/>
                <a:gd name="connsiteY0" fmla="*/ 19 h 17906"/>
                <a:gd name="connsiteX1" fmla="*/ 19 w 17907"/>
                <a:gd name="connsiteY1" fmla="*/ 9525 h 17906"/>
                <a:gd name="connsiteX2" fmla="*/ 9525 w 17907"/>
                <a:gd name="connsiteY2" fmla="*/ 17888 h 17906"/>
                <a:gd name="connsiteX3" fmla="*/ 17907 w 17907"/>
                <a:gd name="connsiteY3" fmla="*/ 8972 h 17906"/>
                <a:gd name="connsiteX4" fmla="*/ 8972 w 17907"/>
                <a:gd name="connsiteY4" fmla="*/ 0 h 17906"/>
                <a:gd name="connsiteX5" fmla="*/ 8382 w 17907"/>
                <a:gd name="connsiteY5" fmla="*/ 19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907" h="17906">
                  <a:moveTo>
                    <a:pt x="8382" y="19"/>
                  </a:moveTo>
                  <a:cubicBezTo>
                    <a:pt x="3448" y="333"/>
                    <a:pt x="-297" y="4591"/>
                    <a:pt x="19" y="9525"/>
                  </a:cubicBezTo>
                  <a:cubicBezTo>
                    <a:pt x="335" y="14459"/>
                    <a:pt x="4590" y="18202"/>
                    <a:pt x="9525" y="17888"/>
                  </a:cubicBezTo>
                  <a:cubicBezTo>
                    <a:pt x="14232" y="17593"/>
                    <a:pt x="17898" y="13688"/>
                    <a:pt x="17907" y="8972"/>
                  </a:cubicBezTo>
                  <a:cubicBezTo>
                    <a:pt x="17918" y="4029"/>
                    <a:pt x="13917" y="10"/>
                    <a:pt x="8972" y="0"/>
                  </a:cubicBezTo>
                  <a:cubicBezTo>
                    <a:pt x="8776" y="0"/>
                    <a:pt x="8579" y="10"/>
                    <a:pt x="8382" y="19"/>
                  </a:cubicBezTo>
                  <a:close/>
                </a:path>
              </a:pathLst>
            </a:custGeom>
            <a:solidFill>
              <a:srgbClr val="265998"/>
            </a:solidFill>
            <a:ln w="9525" cap="flat">
              <a:noFill/>
              <a:prstDash val="solid"/>
              <a:miter/>
            </a:ln>
          </p:spPr>
          <p:txBody>
            <a:bodyPr rtlCol="0" anchor="ctr"/>
            <a:lstStyle/>
            <a:p>
              <a:endParaRPr lang="en-AU" sz="153"/>
            </a:p>
          </p:txBody>
        </p:sp>
        <p:sp>
          <p:nvSpPr>
            <p:cNvPr id="14" name="Graphic 2">
              <a:extLst>
                <a:ext uri="{FF2B5EF4-FFF2-40B4-BE49-F238E27FC236}">
                  <a16:creationId xmlns:a16="http://schemas.microsoft.com/office/drawing/2014/main" id="{0D359466-1491-8912-4CBC-7F945AFF2FAB}"/>
                </a:ext>
              </a:extLst>
            </p:cNvPr>
            <p:cNvSpPr/>
            <p:nvPr/>
          </p:nvSpPr>
          <p:spPr>
            <a:xfrm>
              <a:off x="1353121" y="3707161"/>
              <a:ext cx="17907" cy="17907"/>
            </a:xfrm>
            <a:custGeom>
              <a:avLst/>
              <a:gdLst>
                <a:gd name="connsiteX0" fmla="*/ 8954 w 17907"/>
                <a:gd name="connsiteY0" fmla="*/ 17907 h 17907"/>
                <a:gd name="connsiteX1" fmla="*/ 17907 w 17907"/>
                <a:gd name="connsiteY1" fmla="*/ 8954 h 17907"/>
                <a:gd name="connsiteX2" fmla="*/ 8954 w 17907"/>
                <a:gd name="connsiteY2" fmla="*/ 0 h 17907"/>
                <a:gd name="connsiteX3" fmla="*/ 0 w 17907"/>
                <a:gd name="connsiteY3" fmla="*/ 8954 h 17907"/>
                <a:gd name="connsiteX4" fmla="*/ 8954 w 17907"/>
                <a:gd name="connsiteY4" fmla="*/ 17907 h 1790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7" h="17907">
                  <a:moveTo>
                    <a:pt x="8954" y="17907"/>
                  </a:moveTo>
                  <a:cubicBezTo>
                    <a:pt x="13898" y="17907"/>
                    <a:pt x="17907" y="13897"/>
                    <a:pt x="17907" y="8954"/>
                  </a:cubicBezTo>
                  <a:cubicBezTo>
                    <a:pt x="17907" y="4010"/>
                    <a:pt x="13898" y="0"/>
                    <a:pt x="8954" y="0"/>
                  </a:cubicBezTo>
                  <a:cubicBezTo>
                    <a:pt x="4009" y="0"/>
                    <a:pt x="0" y="4010"/>
                    <a:pt x="0" y="8954"/>
                  </a:cubicBezTo>
                  <a:cubicBezTo>
                    <a:pt x="51" y="13878"/>
                    <a:pt x="4030" y="17859"/>
                    <a:pt x="8954" y="17907"/>
                  </a:cubicBezTo>
                  <a:close/>
                </a:path>
              </a:pathLst>
            </a:custGeom>
            <a:solidFill>
              <a:srgbClr val="265998"/>
            </a:solidFill>
            <a:ln w="9525" cap="flat">
              <a:noFill/>
              <a:prstDash val="solid"/>
              <a:miter/>
            </a:ln>
          </p:spPr>
          <p:txBody>
            <a:bodyPr rtlCol="0" anchor="ctr"/>
            <a:lstStyle/>
            <a:p>
              <a:endParaRPr lang="en-AU" sz="153"/>
            </a:p>
          </p:txBody>
        </p:sp>
        <p:sp>
          <p:nvSpPr>
            <p:cNvPr id="15" name="Graphic 2">
              <a:extLst>
                <a:ext uri="{FF2B5EF4-FFF2-40B4-BE49-F238E27FC236}">
                  <a16:creationId xmlns:a16="http://schemas.microsoft.com/office/drawing/2014/main" id="{748D7395-5754-765D-5756-F28C0B063822}"/>
                </a:ext>
              </a:extLst>
            </p:cNvPr>
            <p:cNvSpPr/>
            <p:nvPr/>
          </p:nvSpPr>
          <p:spPr>
            <a:xfrm>
              <a:off x="1246917" y="3814108"/>
              <a:ext cx="17907" cy="17906"/>
            </a:xfrm>
            <a:custGeom>
              <a:avLst/>
              <a:gdLst>
                <a:gd name="connsiteX0" fmla="*/ 8382 w 17907"/>
                <a:gd name="connsiteY0" fmla="*/ 19 h 17906"/>
                <a:gd name="connsiteX1" fmla="*/ 19 w 17907"/>
                <a:gd name="connsiteY1" fmla="*/ 9525 h 17906"/>
                <a:gd name="connsiteX2" fmla="*/ 9525 w 17907"/>
                <a:gd name="connsiteY2" fmla="*/ 17888 h 17906"/>
                <a:gd name="connsiteX3" fmla="*/ 17907 w 17907"/>
                <a:gd name="connsiteY3" fmla="*/ 8973 h 17906"/>
                <a:gd name="connsiteX4" fmla="*/ 8972 w 17907"/>
                <a:gd name="connsiteY4" fmla="*/ 0 h 17906"/>
                <a:gd name="connsiteX5" fmla="*/ 8382 w 17907"/>
                <a:gd name="connsiteY5" fmla="*/ 19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907" h="17906">
                  <a:moveTo>
                    <a:pt x="8382" y="19"/>
                  </a:moveTo>
                  <a:cubicBezTo>
                    <a:pt x="3448" y="333"/>
                    <a:pt x="-297" y="4591"/>
                    <a:pt x="19" y="9525"/>
                  </a:cubicBezTo>
                  <a:cubicBezTo>
                    <a:pt x="335" y="14459"/>
                    <a:pt x="4591" y="18202"/>
                    <a:pt x="9525" y="17888"/>
                  </a:cubicBezTo>
                  <a:cubicBezTo>
                    <a:pt x="14232" y="17593"/>
                    <a:pt x="17898" y="13688"/>
                    <a:pt x="17907" y="8973"/>
                  </a:cubicBezTo>
                  <a:cubicBezTo>
                    <a:pt x="17918" y="4029"/>
                    <a:pt x="13917" y="10"/>
                    <a:pt x="8972" y="0"/>
                  </a:cubicBezTo>
                  <a:cubicBezTo>
                    <a:pt x="8776" y="0"/>
                    <a:pt x="8579" y="10"/>
                    <a:pt x="8382" y="19"/>
                  </a:cubicBezTo>
                  <a:close/>
                </a:path>
              </a:pathLst>
            </a:custGeom>
            <a:solidFill>
              <a:srgbClr val="265998"/>
            </a:solidFill>
            <a:ln w="9525" cap="flat">
              <a:noFill/>
              <a:prstDash val="solid"/>
              <a:miter/>
            </a:ln>
          </p:spPr>
          <p:txBody>
            <a:bodyPr rtlCol="0" anchor="ctr"/>
            <a:lstStyle/>
            <a:p>
              <a:endParaRPr lang="en-AU" sz="153"/>
            </a:p>
          </p:txBody>
        </p:sp>
        <p:sp>
          <p:nvSpPr>
            <p:cNvPr id="16" name="Graphic 2">
              <a:extLst>
                <a:ext uri="{FF2B5EF4-FFF2-40B4-BE49-F238E27FC236}">
                  <a16:creationId xmlns:a16="http://schemas.microsoft.com/office/drawing/2014/main" id="{EE68B0A9-458C-1388-2DA1-CDECF5EBBA3C}"/>
                </a:ext>
              </a:extLst>
            </p:cNvPr>
            <p:cNvSpPr/>
            <p:nvPr/>
          </p:nvSpPr>
          <p:spPr>
            <a:xfrm>
              <a:off x="1460848" y="3814108"/>
              <a:ext cx="17907" cy="17906"/>
            </a:xfrm>
            <a:custGeom>
              <a:avLst/>
              <a:gdLst>
                <a:gd name="connsiteX0" fmla="*/ 8382 w 17907"/>
                <a:gd name="connsiteY0" fmla="*/ 19 h 17906"/>
                <a:gd name="connsiteX1" fmla="*/ 19 w 17907"/>
                <a:gd name="connsiteY1" fmla="*/ 9525 h 17906"/>
                <a:gd name="connsiteX2" fmla="*/ 9525 w 17907"/>
                <a:gd name="connsiteY2" fmla="*/ 17888 h 17906"/>
                <a:gd name="connsiteX3" fmla="*/ 17907 w 17907"/>
                <a:gd name="connsiteY3" fmla="*/ 8973 h 17906"/>
                <a:gd name="connsiteX4" fmla="*/ 8972 w 17907"/>
                <a:gd name="connsiteY4" fmla="*/ 0 h 17906"/>
                <a:gd name="connsiteX5" fmla="*/ 8382 w 17907"/>
                <a:gd name="connsiteY5" fmla="*/ 19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907" h="17906">
                  <a:moveTo>
                    <a:pt x="8382" y="19"/>
                  </a:moveTo>
                  <a:cubicBezTo>
                    <a:pt x="3448" y="333"/>
                    <a:pt x="-297" y="4591"/>
                    <a:pt x="19" y="9525"/>
                  </a:cubicBezTo>
                  <a:cubicBezTo>
                    <a:pt x="335" y="14459"/>
                    <a:pt x="4590" y="18202"/>
                    <a:pt x="9525" y="17888"/>
                  </a:cubicBezTo>
                  <a:cubicBezTo>
                    <a:pt x="14232" y="17593"/>
                    <a:pt x="17898" y="13688"/>
                    <a:pt x="17907" y="8973"/>
                  </a:cubicBezTo>
                  <a:cubicBezTo>
                    <a:pt x="17918" y="4029"/>
                    <a:pt x="13917" y="10"/>
                    <a:pt x="8972" y="0"/>
                  </a:cubicBezTo>
                  <a:cubicBezTo>
                    <a:pt x="8776" y="0"/>
                    <a:pt x="8579" y="10"/>
                    <a:pt x="8382" y="19"/>
                  </a:cubicBezTo>
                  <a:close/>
                </a:path>
              </a:pathLst>
            </a:custGeom>
            <a:solidFill>
              <a:srgbClr val="265998"/>
            </a:solidFill>
            <a:ln w="9525" cap="flat">
              <a:noFill/>
              <a:prstDash val="solid"/>
              <a:miter/>
            </a:ln>
          </p:spPr>
          <p:txBody>
            <a:bodyPr rtlCol="0" anchor="ctr"/>
            <a:lstStyle/>
            <a:p>
              <a:endParaRPr lang="en-AU" sz="153"/>
            </a:p>
          </p:txBody>
        </p:sp>
      </p:grpSp>
    </p:spTree>
    <p:custDataLst>
      <p:custData r:id="rId1"/>
      <p:custData r:id="rId2"/>
    </p:custDataLst>
    <p:extLst>
      <p:ext uri="{BB962C8B-B14F-4D97-AF65-F5344CB8AC3E}">
        <p14:creationId xmlns:p14="http://schemas.microsoft.com/office/powerpoint/2010/main" val="250245790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433477-C4CD-7341-44B7-D5333FD4121F}"/>
              </a:ext>
            </a:extLst>
          </p:cNvPr>
          <p:cNvSpPr>
            <a:spLocks noGrp="1"/>
          </p:cNvSpPr>
          <p:nvPr>
            <p:ph type="ctrTitle"/>
          </p:nvPr>
        </p:nvSpPr>
        <p:spPr/>
        <p:txBody>
          <a:bodyPr>
            <a:normAutofit/>
          </a:bodyPr>
          <a:lstStyle/>
          <a:p>
            <a:r>
              <a:rPr lang="en-AU"/>
              <a:t>Most national outputs have been delivered</a:t>
            </a:r>
          </a:p>
        </p:txBody>
      </p:sp>
      <p:graphicFrame>
        <p:nvGraphicFramePr>
          <p:cNvPr id="6" name="Table 5">
            <a:extLst>
              <a:ext uri="{FF2B5EF4-FFF2-40B4-BE49-F238E27FC236}">
                <a16:creationId xmlns:a16="http://schemas.microsoft.com/office/drawing/2014/main" id="{FE01A1C3-E998-CD20-81AD-2FA3CEB961D4}"/>
              </a:ext>
            </a:extLst>
          </p:cNvPr>
          <p:cNvGraphicFramePr>
            <a:graphicFrameLocks noGrp="1"/>
          </p:cNvGraphicFramePr>
          <p:nvPr>
            <p:extLst>
              <p:ext uri="{D42A27DB-BD31-4B8C-83A1-F6EECF244321}">
                <p14:modId xmlns:p14="http://schemas.microsoft.com/office/powerpoint/2010/main" val="477823889"/>
              </p:ext>
            </p:extLst>
          </p:nvPr>
        </p:nvGraphicFramePr>
        <p:xfrm>
          <a:off x="715617" y="1114441"/>
          <a:ext cx="10144540" cy="4577370"/>
        </p:xfrm>
        <a:graphic>
          <a:graphicData uri="http://schemas.openxmlformats.org/drawingml/2006/table">
            <a:tbl>
              <a:tblPr firstRow="1" firstCol="1" bandRow="1"/>
              <a:tblGrid>
                <a:gridCol w="8767096">
                  <a:extLst>
                    <a:ext uri="{9D8B030D-6E8A-4147-A177-3AD203B41FA5}">
                      <a16:colId xmlns:a16="http://schemas.microsoft.com/office/drawing/2014/main" val="3800644342"/>
                    </a:ext>
                  </a:extLst>
                </a:gridCol>
                <a:gridCol w="1377444">
                  <a:extLst>
                    <a:ext uri="{9D8B030D-6E8A-4147-A177-3AD203B41FA5}">
                      <a16:colId xmlns:a16="http://schemas.microsoft.com/office/drawing/2014/main" val="1778506487"/>
                    </a:ext>
                  </a:extLst>
                </a:gridCol>
              </a:tblGrid>
              <a:tr h="326955">
                <a:tc>
                  <a:txBody>
                    <a:bodyPr/>
                    <a:lstStyle/>
                    <a:p>
                      <a:pPr marL="36195" marR="68580">
                        <a:lnSpc>
                          <a:spcPct val="150000"/>
                        </a:lnSpc>
                        <a:spcBef>
                          <a:spcPts val="225"/>
                        </a:spcBef>
                        <a:spcAft>
                          <a:spcPts val="225"/>
                        </a:spcAft>
                      </a:pPr>
                      <a:r>
                        <a:rPr lang="en-AU" sz="1600" b="1">
                          <a:solidFill>
                            <a:srgbClr val="265A9A"/>
                          </a:solidFill>
                          <a:effectLst/>
                          <a:latin typeface="Open Sans" panose="020B0606030504020204" pitchFamily="34" charset="0"/>
                          <a:ea typeface="Open Sans" panose="020B0606030504020204" pitchFamily="34" charset="0"/>
                          <a:cs typeface="Open Sans" panose="020B0606030504020204" pitchFamily="34" charset="0"/>
                        </a:rPr>
                        <a:t>Output</a:t>
                      </a:r>
                      <a:endParaRPr lang="en-AU" sz="1600">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L>
                      <a:noFill/>
                    </a:lnL>
                    <a:lnR>
                      <a:noFill/>
                    </a:lnR>
                    <a:lnT>
                      <a:noFill/>
                    </a:lnT>
                    <a:lnB w="12700" cap="flat" cmpd="sng" algn="ctr">
                      <a:solidFill>
                        <a:srgbClr val="B3B3B3"/>
                      </a:solidFill>
                      <a:prstDash val="solid"/>
                      <a:round/>
                      <a:headEnd type="none" w="med" len="med"/>
                      <a:tailEnd type="none" w="med" len="med"/>
                    </a:lnB>
                    <a:noFill/>
                  </a:tcPr>
                </a:tc>
                <a:tc>
                  <a:txBody>
                    <a:bodyPr/>
                    <a:lstStyle/>
                    <a:p>
                      <a:pPr marL="36195" marR="68580" algn="ctr">
                        <a:lnSpc>
                          <a:spcPct val="150000"/>
                        </a:lnSpc>
                        <a:spcBef>
                          <a:spcPts val="225"/>
                        </a:spcBef>
                        <a:spcAft>
                          <a:spcPts val="225"/>
                        </a:spcAft>
                      </a:pPr>
                      <a:r>
                        <a:rPr lang="en-AU" sz="1600" b="1">
                          <a:solidFill>
                            <a:srgbClr val="265A9A"/>
                          </a:solidFill>
                          <a:effectLst/>
                          <a:latin typeface="Open Sans" panose="020B0606030504020204" pitchFamily="34" charset="0"/>
                          <a:ea typeface="Open Sans" panose="020B0606030504020204" pitchFamily="34" charset="0"/>
                          <a:cs typeface="Open Sans" panose="020B0606030504020204" pitchFamily="34" charset="0"/>
                        </a:rPr>
                        <a:t>Delivered?</a:t>
                      </a:r>
                      <a:endParaRPr lang="en-AU" sz="1600">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L>
                      <a:noFill/>
                    </a:lnL>
                    <a:lnR>
                      <a:noFill/>
                    </a:lnR>
                    <a:lnT>
                      <a:noFill/>
                    </a:lnT>
                    <a:lnB w="12700" cap="flat" cmpd="sng" algn="ctr">
                      <a:solidFill>
                        <a:srgbClr val="B3B3B3"/>
                      </a:solidFill>
                      <a:prstDash val="solid"/>
                      <a:round/>
                      <a:headEnd type="none" w="med" len="med"/>
                      <a:tailEnd type="none" w="med" len="med"/>
                    </a:lnB>
                    <a:noFill/>
                  </a:tcPr>
                </a:tc>
                <a:extLst>
                  <a:ext uri="{0D108BD9-81ED-4DB2-BD59-A6C34878D82A}">
                    <a16:rowId xmlns:a16="http://schemas.microsoft.com/office/drawing/2014/main" val="2127458823"/>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Analysis of psychosocial support services outside of the NDIS</a:t>
                      </a:r>
                    </a:p>
                  </a:txBody>
                  <a:tcPr marL="0" marR="0" marT="0" marB="0" anchor="ctr">
                    <a:lnL>
                      <a:noFill/>
                    </a:lnL>
                    <a:lnR w="12700" cap="flat" cmpd="sng" algn="ctr">
                      <a:solidFill>
                        <a:schemeClr val="bg1"/>
                      </a:solidFill>
                      <a:prstDash val="solid"/>
                      <a:round/>
                      <a:headEnd type="none" w="med" len="med"/>
                      <a:tailEnd type="none" w="med" len="med"/>
                    </a:lnR>
                    <a:lnT w="12700" cap="flat" cmpd="sng" algn="ctr">
                      <a:solidFill>
                        <a:srgbClr val="B3B3B3"/>
                      </a:solidFill>
                      <a:prstDash val="solid"/>
                      <a:round/>
                      <a:headEnd type="none" w="med" len="med"/>
                      <a:tailEnd type="none" w="med" len="med"/>
                    </a:lnT>
                    <a:lnB>
                      <a:noFill/>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w="12700" cap="flat" cmpd="sng" algn="ctr">
                      <a:solidFill>
                        <a:srgbClr val="B3B3B3"/>
                      </a:solidFill>
                      <a:prstDash val="solid"/>
                      <a:round/>
                      <a:headEnd type="none" w="med" len="med"/>
                      <a:tailEnd type="none" w="med" len="med"/>
                    </a:lnT>
                    <a:lnB>
                      <a:noFill/>
                    </a:lnB>
                    <a:solidFill>
                      <a:srgbClr val="F2F2F2"/>
                    </a:solidFill>
                  </a:tcPr>
                </a:tc>
                <a:extLst>
                  <a:ext uri="{0D108BD9-81ED-4DB2-BD59-A6C34878D82A}">
                    <a16:rowId xmlns:a16="http://schemas.microsoft.com/office/drawing/2014/main" val="1748775241"/>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Commonwealth-state implementation plans and annual jurisdiction progress reports</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150745610"/>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National Progress </a:t>
                      </a:r>
                      <a:r>
                        <a:rPr lang="en-AU" sz="1400" err="1">
                          <a:solidFill>
                            <a:schemeClr val="tx1"/>
                          </a:solidFill>
                          <a:effectLst/>
                          <a:latin typeface="Open Sans" panose="020B0606030504020204" pitchFamily="34" charset="0"/>
                          <a:ea typeface="Open Sans" panose="020B0606030504020204" pitchFamily="34" charset="0"/>
                          <a:cs typeface="Open Sans" panose="020B0606030504020204" pitchFamily="34" charset="0"/>
                        </a:rPr>
                        <a:t>Report</a:t>
                      </a:r>
                      <a:r>
                        <a:rPr lang="en-AU" sz="1400" baseline="30000" err="1">
                          <a:solidFill>
                            <a:schemeClr val="tx1"/>
                          </a:solidFill>
                          <a:effectLst/>
                          <a:latin typeface="Open Sans" panose="020B0606030504020204" pitchFamily="34" charset="0"/>
                          <a:ea typeface="Open Sans" panose="020B0606030504020204" pitchFamily="34" charset="0"/>
                          <a:cs typeface="Open Sans" panose="020B0606030504020204" pitchFamily="34" charset="0"/>
                        </a:rPr>
                        <a:t>a</a:t>
                      </a:r>
                      <a:endParaRPr lang="en-AU" sz="1400" baseline="30000">
                        <a:solidFill>
                          <a:schemeClr val="tx1"/>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L>
                      <a:noFill/>
                    </a:lnL>
                    <a:lnR w="12700" cap="flat" cmpd="sng" algn="ctr">
                      <a:solidFill>
                        <a:schemeClr val="bg1"/>
                      </a:solidFill>
                      <a:prstDash val="solid"/>
                      <a:round/>
                      <a:headEnd type="none" w="med" len="med"/>
                      <a:tailEnd type="none" w="med" len="med"/>
                    </a:lnR>
                    <a:lnT>
                      <a:noFill/>
                    </a:lnT>
                    <a:lnB>
                      <a:noFill/>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solidFill>
                      <a:srgbClr val="F2F2F2"/>
                    </a:solidFill>
                  </a:tcPr>
                </a:tc>
                <a:extLst>
                  <a:ext uri="{0D108BD9-81ED-4DB2-BD59-A6C34878D82A}">
                    <a16:rowId xmlns:a16="http://schemas.microsoft.com/office/drawing/2014/main" val="1533806156"/>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Improved data collection, data sharing and data linkage</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219828515"/>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National Evaluation Framework </a:t>
                      </a:r>
                    </a:p>
                  </a:txBody>
                  <a:tcPr marL="0" marR="0" marT="0" marB="0" anchor="ctr">
                    <a:lnL>
                      <a:noFill/>
                    </a:lnL>
                    <a:lnR w="12700" cap="flat" cmpd="sng" algn="ctr">
                      <a:solidFill>
                        <a:schemeClr val="bg1"/>
                      </a:solidFill>
                      <a:prstDash val="solid"/>
                      <a:round/>
                      <a:headEnd type="none" w="med" len="med"/>
                      <a:tailEnd type="none" w="med" len="med"/>
                    </a:lnR>
                    <a:lnT>
                      <a:noFill/>
                    </a:lnT>
                    <a:lnB>
                      <a:noFill/>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solidFill>
                      <a:srgbClr val="F2F2F2"/>
                    </a:solidFill>
                  </a:tcPr>
                </a:tc>
                <a:extLst>
                  <a:ext uri="{0D108BD9-81ED-4DB2-BD59-A6C34878D82A}">
                    <a16:rowId xmlns:a16="http://schemas.microsoft.com/office/drawing/2014/main" val="2190507415"/>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Shared evaluation findings using the framework and associated guidelines</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3636897845"/>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Consideration/implementation of actions of the National Stigma and Discrimination Reduction Strategy</a:t>
                      </a:r>
                    </a:p>
                  </a:txBody>
                  <a:tcPr marL="0" marR="0" marT="0" marB="0" anchor="ctr">
                    <a:lnL>
                      <a:noFill/>
                    </a:lnL>
                    <a:lnR w="12700" cap="flat" cmpd="sng" algn="ctr">
                      <a:solidFill>
                        <a:schemeClr val="bg1"/>
                      </a:solidFill>
                      <a:prstDash val="solid"/>
                      <a:round/>
                      <a:headEnd type="none" w="med" len="med"/>
                      <a:tailEnd type="none" w="med" len="med"/>
                    </a:lnR>
                    <a:lnT>
                      <a:noFill/>
                    </a:lnT>
                    <a:lnB>
                      <a:noFill/>
                    </a:lnB>
                    <a:solidFill>
                      <a:srgbClr val="F2F2F2"/>
                    </a:solidFill>
                  </a:tcPr>
                </a:tc>
                <a:tc>
                  <a:txBody>
                    <a:bodyPr/>
                    <a:lstStyle/>
                    <a:p>
                      <a:pPr marL="36195" marR="68580" lvl="0" indent="0" algn="ctr" defTabSz="914400" rtl="0" eaLnBrk="1" fontAlgn="auto" latinLnBrk="0" hangingPunct="1">
                        <a:lnSpc>
                          <a:spcPct val="150000"/>
                        </a:lnSpc>
                        <a:spcBef>
                          <a:spcPts val="225"/>
                        </a:spcBef>
                        <a:spcAft>
                          <a:spcPts val="225"/>
                        </a:spcAft>
                        <a:buClrTx/>
                        <a:buSzTx/>
                        <a:buFontTx/>
                        <a:buNone/>
                        <a:tabLst/>
                        <a:defRPr/>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solidFill>
                      <a:srgbClr val="F2F2F2"/>
                    </a:solidFill>
                  </a:tcPr>
                </a:tc>
                <a:extLst>
                  <a:ext uri="{0D108BD9-81ED-4DB2-BD59-A6C34878D82A}">
                    <a16:rowId xmlns:a16="http://schemas.microsoft.com/office/drawing/2014/main" val="879921711"/>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National Suicide Prevention Office</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rPr>
                        <a:t> </a:t>
                      </a: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1012275401"/>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National guidelines on regional commissioning and planning </a:t>
                      </a:r>
                    </a:p>
                  </a:txBody>
                  <a:tcPr marL="0" marR="0" marT="0" marB="0" anchor="ctr">
                    <a:lnL>
                      <a:noFill/>
                    </a:lnL>
                    <a:lnR w="12700" cap="flat" cmpd="sng" algn="ctr">
                      <a:solidFill>
                        <a:schemeClr val="bg1"/>
                      </a:solidFill>
                      <a:prstDash val="solid"/>
                      <a:round/>
                      <a:headEnd type="none" w="med" len="med"/>
                      <a:tailEnd type="none" w="med" len="med"/>
                    </a:lnR>
                    <a:lnT>
                      <a:noFill/>
                    </a:lnT>
                    <a:lnB>
                      <a:noFill/>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solidFill>
                      <a:srgbClr val="F2F2F2"/>
                    </a:solidFill>
                  </a:tcPr>
                </a:tc>
                <a:extLst>
                  <a:ext uri="{0D108BD9-81ED-4DB2-BD59-A6C34878D82A}">
                    <a16:rowId xmlns:a16="http://schemas.microsoft.com/office/drawing/2014/main" val="3600490161"/>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National Mental Health Workforce Strategy and identification of priority areas for action </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2014277978"/>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Progress reporting on increasing FTE mental health professionals to meet community need</a:t>
                      </a:r>
                    </a:p>
                  </a:txBody>
                  <a:tcPr marL="0" marR="0" marT="0" marB="0" anchor="ctr">
                    <a:lnL>
                      <a:noFill/>
                    </a:lnL>
                    <a:lnR w="12700" cap="flat" cmpd="sng" algn="ctr">
                      <a:solidFill>
                        <a:schemeClr val="bg1"/>
                      </a:solidFill>
                      <a:prstDash val="solid"/>
                      <a:round/>
                      <a:headEnd type="none" w="med" len="med"/>
                      <a:tailEnd type="none" w="med" len="med"/>
                    </a:lnR>
                    <a:lnT>
                      <a:noFill/>
                    </a:lnT>
                    <a:lnB>
                      <a:noFill/>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solidFill>
                      <a:srgbClr val="F2F2F2"/>
                    </a:solidFill>
                  </a:tcPr>
                </a:tc>
                <a:extLst>
                  <a:ext uri="{0D108BD9-81ED-4DB2-BD59-A6C34878D82A}">
                    <a16:rowId xmlns:a16="http://schemas.microsoft.com/office/drawing/2014/main" val="3714951397"/>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Submission to the mid-term review of the National Health Reform Agreement 2020-25 (NHRA)</a:t>
                      </a:r>
                    </a:p>
                  </a:txBody>
                  <a:tcPr marL="0" marR="0" marT="0" marB="0" anchor="ctr">
                    <a:lnL>
                      <a:noFill/>
                    </a:lnL>
                    <a:lnR w="12700" cap="flat" cmpd="sng" algn="ctr">
                      <a:solidFill>
                        <a:schemeClr val="bg1"/>
                      </a:solidFill>
                      <a:prstDash val="solid"/>
                      <a:round/>
                      <a:headEnd type="none" w="med" len="med"/>
                      <a:tailEnd type="none" w="med" len="med"/>
                    </a:lnR>
                    <a:lnT>
                      <a:noFill/>
                    </a:lnT>
                    <a:lnB>
                      <a:noFill/>
                    </a:lnB>
                    <a:no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a:noFill/>
                    </a:lnB>
                    <a:noFill/>
                  </a:tcPr>
                </a:tc>
                <a:extLst>
                  <a:ext uri="{0D108BD9-81ED-4DB2-BD59-A6C34878D82A}">
                    <a16:rowId xmlns:a16="http://schemas.microsoft.com/office/drawing/2014/main" val="1382918066"/>
                  </a:ext>
                </a:extLst>
              </a:tr>
              <a:tr h="326955">
                <a:tc>
                  <a:txBody>
                    <a:bodyPr/>
                    <a:lstStyle/>
                    <a:p>
                      <a:pPr marL="36195">
                        <a:lnSpc>
                          <a:spcPct val="150000"/>
                        </a:lnSpc>
                        <a:spcAft>
                          <a:spcPts val="100"/>
                        </a:spcAft>
                      </a:pPr>
                      <a:r>
                        <a:rPr lang="en-AU" sz="1400">
                          <a:solidFill>
                            <a:schemeClr val="tx1"/>
                          </a:solidFill>
                          <a:effectLst/>
                          <a:latin typeface="Open Sans" panose="020B0606030504020204" pitchFamily="34" charset="0"/>
                          <a:ea typeface="Open Sans" panose="020B0606030504020204" pitchFamily="34" charset="0"/>
                          <a:cs typeface="Open Sans" panose="020B0606030504020204" pitchFamily="34" charset="0"/>
                        </a:rPr>
                        <a:t>Final review of the Agreement</a:t>
                      </a:r>
                    </a:p>
                  </a:txBody>
                  <a:tcPr marL="0" marR="0" marT="0" marB="0" anchor="ctr">
                    <a:lnL>
                      <a:noFill/>
                    </a:lnL>
                    <a:lnR w="12700" cap="flat" cmpd="sng" algn="ctr">
                      <a:solidFill>
                        <a:schemeClr val="bg1"/>
                      </a:solidFill>
                      <a:prstDash val="solid"/>
                      <a:round/>
                      <a:headEnd type="none" w="med" len="med"/>
                      <a:tailEnd type="none" w="med" len="med"/>
                    </a:lnR>
                    <a:lnT>
                      <a:noFill/>
                    </a:lnT>
                    <a:lnB w="12700" cap="flat" cmpd="sng" algn="ctr">
                      <a:solidFill>
                        <a:srgbClr val="B3B3B3"/>
                      </a:solidFill>
                      <a:prstDash val="solid"/>
                      <a:round/>
                      <a:headEnd type="none" w="med" len="med"/>
                      <a:tailEnd type="none" w="med" len="med"/>
                    </a:lnB>
                    <a:solidFill>
                      <a:srgbClr val="F2F2F2"/>
                    </a:solidFill>
                  </a:tcPr>
                </a:tc>
                <a:tc>
                  <a:txBody>
                    <a:bodyPr/>
                    <a:lstStyle/>
                    <a:p>
                      <a:pPr marL="36195" marR="68580" algn="ctr">
                        <a:lnSpc>
                          <a:spcPct val="150000"/>
                        </a:lnSpc>
                        <a:spcBef>
                          <a:spcPts val="225"/>
                        </a:spcBef>
                        <a:spcAft>
                          <a:spcPts val="225"/>
                        </a:spcAft>
                      </a:pPr>
                      <a:r>
                        <a:rPr lang="en-AU" sz="1400" b="1">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sym typeface="Wingdings" panose="05000000000000000000" pitchFamily="2" charset="2"/>
                        </a:rPr>
                        <a:t></a:t>
                      </a:r>
                      <a:endParaRPr lang="en-AU" sz="1400">
                        <a:solidFill>
                          <a:schemeClr val="tx1">
                            <a:lumMod val="65000"/>
                            <a:lumOff val="35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marL="0" marR="0" marT="0" marB="0">
                    <a:lnL w="12700" cap="flat" cmpd="sng" algn="ctr">
                      <a:solidFill>
                        <a:schemeClr val="bg1"/>
                      </a:solidFill>
                      <a:prstDash val="solid"/>
                      <a:round/>
                      <a:headEnd type="none" w="med" len="med"/>
                      <a:tailEnd type="none" w="med" len="med"/>
                    </a:lnL>
                    <a:lnR>
                      <a:noFill/>
                    </a:lnR>
                    <a:lnT>
                      <a:noFill/>
                    </a:lnT>
                    <a:lnB w="12700" cap="flat" cmpd="sng" algn="ctr">
                      <a:solidFill>
                        <a:srgbClr val="B3B3B3"/>
                      </a:solidFill>
                      <a:prstDash val="solid"/>
                      <a:round/>
                      <a:headEnd type="none" w="med" len="med"/>
                      <a:tailEnd type="none" w="med" len="med"/>
                    </a:lnB>
                    <a:solidFill>
                      <a:srgbClr val="F2F2F2"/>
                    </a:solidFill>
                  </a:tcPr>
                </a:tc>
                <a:extLst>
                  <a:ext uri="{0D108BD9-81ED-4DB2-BD59-A6C34878D82A}">
                    <a16:rowId xmlns:a16="http://schemas.microsoft.com/office/drawing/2014/main" val="801536595"/>
                  </a:ext>
                </a:extLst>
              </a:tr>
            </a:tbl>
          </a:graphicData>
        </a:graphic>
      </p:graphicFrame>
      <p:sp>
        <p:nvSpPr>
          <p:cNvPr id="3" name="Slide Number Placeholder 2">
            <a:extLst>
              <a:ext uri="{FF2B5EF4-FFF2-40B4-BE49-F238E27FC236}">
                <a16:creationId xmlns:a16="http://schemas.microsoft.com/office/drawing/2014/main" id="{5FFC4B67-25A6-21A1-697C-BAF847A0E5E7}"/>
              </a:ext>
            </a:extLst>
          </p:cNvPr>
          <p:cNvSpPr>
            <a:spLocks noGrp="1"/>
          </p:cNvSpPr>
          <p:nvPr>
            <p:ph type="sldNum" sz="quarter" idx="4"/>
          </p:nvPr>
        </p:nvSpPr>
        <p:spPr/>
        <p:txBody>
          <a:bodyPr/>
          <a:lstStyle/>
          <a:p>
            <a:fld id="{3FE8A0A5-0893-3B4E-9EB9-FE67329D76D6}" type="slidenum">
              <a:rPr lang="en-US" smtClean="0"/>
              <a:pPr/>
              <a:t>22</a:t>
            </a:fld>
            <a:endParaRPr lang="en-US"/>
          </a:p>
        </p:txBody>
      </p:sp>
      <p:sp>
        <p:nvSpPr>
          <p:cNvPr id="4" name="TextBox 3">
            <a:extLst>
              <a:ext uri="{FF2B5EF4-FFF2-40B4-BE49-F238E27FC236}">
                <a16:creationId xmlns:a16="http://schemas.microsoft.com/office/drawing/2014/main" id="{6FE3FA18-C70E-8374-DF1E-2FB361F55224}"/>
              </a:ext>
            </a:extLst>
          </p:cNvPr>
          <p:cNvSpPr txBox="1"/>
          <p:nvPr/>
        </p:nvSpPr>
        <p:spPr>
          <a:xfrm>
            <a:off x="651163" y="5992091"/>
            <a:ext cx="10136878" cy="276999"/>
          </a:xfrm>
          <a:prstGeom prst="rect">
            <a:avLst/>
          </a:prstGeom>
          <a:noFill/>
        </p:spPr>
        <p:txBody>
          <a:bodyPr wrap="none" rtlCol="0">
            <a:spAutoFit/>
          </a:bodyPr>
          <a:lstStyle/>
          <a:p>
            <a:r>
              <a:rPr lang="en-US" sz="1200" baseline="30000" err="1"/>
              <a:t>a</a:t>
            </a:r>
            <a:r>
              <a:rPr lang="en-US" sz="1200" err="1"/>
              <a:t>Two</a:t>
            </a:r>
            <a:r>
              <a:rPr lang="en-US" sz="1200"/>
              <a:t> reports have been compiled but did not meet the required timelines due to delays in jurisdictions providing information to the NMHC</a:t>
            </a:r>
            <a:endParaRPr lang="en-AU" sz="1200"/>
          </a:p>
        </p:txBody>
      </p:sp>
    </p:spTree>
    <p:extLst>
      <p:ext uri="{BB962C8B-B14F-4D97-AF65-F5344CB8AC3E}">
        <p14:creationId xmlns:p14="http://schemas.microsoft.com/office/powerpoint/2010/main" val="5710889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E2D76D7-62B9-60CC-E456-E2366ECCEBDD}"/>
            </a:ext>
          </a:extLst>
        </p:cNvPr>
        <p:cNvGrpSpPr/>
        <p:nvPr/>
      </p:nvGrpSpPr>
      <p:grpSpPr>
        <a:xfrm>
          <a:off x="0" y="0"/>
          <a:ext cx="0" cy="0"/>
          <a:chOff x="0" y="0"/>
          <a:chExt cx="0" cy="0"/>
        </a:xfrm>
      </p:grpSpPr>
      <p:sp>
        <p:nvSpPr>
          <p:cNvPr id="7" name="Freeform 45">
            <a:extLst>
              <a:ext uri="{FF2B5EF4-FFF2-40B4-BE49-F238E27FC236}">
                <a16:creationId xmlns:a16="http://schemas.microsoft.com/office/drawing/2014/main" id="{5856F1B8-D667-22CC-809D-E08EE0F3D77C}"/>
              </a:ext>
            </a:extLst>
          </p:cNvPr>
          <p:cNvSpPr/>
          <p:nvPr/>
        </p:nvSpPr>
        <p:spPr>
          <a:xfrm>
            <a:off x="694550" y="5065044"/>
            <a:ext cx="590401" cy="590750"/>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bg1">
              <a:lumMod val="85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3" name="Title 2">
            <a:extLst>
              <a:ext uri="{FF2B5EF4-FFF2-40B4-BE49-F238E27FC236}">
                <a16:creationId xmlns:a16="http://schemas.microsoft.com/office/drawing/2014/main" id="{FD5C1A7B-123F-BFA8-8DC1-0F141C03801C}"/>
              </a:ext>
            </a:extLst>
          </p:cNvPr>
          <p:cNvSpPr>
            <a:spLocks noGrp="1"/>
          </p:cNvSpPr>
          <p:nvPr>
            <p:ph type="ctrTitle"/>
          </p:nvPr>
        </p:nvSpPr>
        <p:spPr>
          <a:xfrm>
            <a:off x="569994" y="507634"/>
            <a:ext cx="11082431" cy="515848"/>
          </a:xfrm>
        </p:spPr>
        <p:txBody>
          <a:bodyPr/>
          <a:lstStyle/>
          <a:p>
            <a:r>
              <a:rPr lang="en-US"/>
              <a:t>Key commitments have not been fulfilled</a:t>
            </a:r>
          </a:p>
        </p:txBody>
      </p:sp>
      <p:sp>
        <p:nvSpPr>
          <p:cNvPr id="4" name="TextBox 3">
            <a:extLst>
              <a:ext uri="{FF2B5EF4-FFF2-40B4-BE49-F238E27FC236}">
                <a16:creationId xmlns:a16="http://schemas.microsoft.com/office/drawing/2014/main" id="{2EC4F2B7-A627-FDDD-C1DC-0F2A4DA857F0}"/>
              </a:ext>
            </a:extLst>
          </p:cNvPr>
          <p:cNvSpPr txBox="1"/>
          <p:nvPr/>
        </p:nvSpPr>
        <p:spPr>
          <a:xfrm>
            <a:off x="1190069" y="1320438"/>
            <a:ext cx="9811862" cy="1078009"/>
          </a:xfrm>
          <a:prstGeom prst="rect">
            <a:avLst/>
          </a:prstGeom>
          <a:solidFill>
            <a:schemeClr val="bg2">
              <a:lumMod val="20000"/>
              <a:lumOff val="80000"/>
            </a:schemeClr>
          </a:solidFill>
        </p:spPr>
        <p:txBody>
          <a:bodyPr wrap="square" lIns="540000" rtlCol="0" anchor="ctr" anchorCtr="0">
            <a:noAutofit/>
          </a:bodyPr>
          <a:lstStyle/>
          <a:p>
            <a:pPr algn="l">
              <a:spcAft>
                <a:spcPts val="450"/>
              </a:spcAft>
            </a:pPr>
            <a:r>
              <a:rPr lang="en-US" b="1">
                <a:latin typeface="Arial" panose="020B0604020202020204" pitchFamily="34" charset="0"/>
                <a:cs typeface="Arial" panose="020B0604020202020204" pitchFamily="34" charset="0"/>
              </a:rPr>
              <a:t>Psychosocial Supports outside the NDIS: </a:t>
            </a:r>
            <a:r>
              <a:rPr lang="en-AU">
                <a:latin typeface="Arial" panose="020B0604020202020204" pitchFamily="34" charset="0"/>
                <a:cs typeface="Arial" panose="020B0604020202020204" pitchFamily="34" charset="0"/>
              </a:rPr>
              <a:t>There remains a critical gap in support for about 500,000 people </a:t>
            </a:r>
            <a:endParaRPr lang="en-US">
              <a:latin typeface="Arial" panose="020B0604020202020204" pitchFamily="34" charset="0"/>
              <a:cs typeface="Arial" panose="020B0604020202020204" pitchFamily="34" charset="0"/>
            </a:endParaRPr>
          </a:p>
        </p:txBody>
      </p:sp>
      <p:sp>
        <p:nvSpPr>
          <p:cNvPr id="14" name="TextBox 13">
            <a:extLst>
              <a:ext uri="{FF2B5EF4-FFF2-40B4-BE49-F238E27FC236}">
                <a16:creationId xmlns:a16="http://schemas.microsoft.com/office/drawing/2014/main" id="{5B7CDDD0-EE49-7D49-F7B3-91A2174BC555}"/>
              </a:ext>
            </a:extLst>
          </p:cNvPr>
          <p:cNvSpPr txBox="1"/>
          <p:nvPr/>
        </p:nvSpPr>
        <p:spPr>
          <a:xfrm>
            <a:off x="1190069" y="2486083"/>
            <a:ext cx="9811862" cy="1078009"/>
          </a:xfrm>
          <a:prstGeom prst="rect">
            <a:avLst/>
          </a:prstGeom>
          <a:solidFill>
            <a:schemeClr val="accent1">
              <a:lumMod val="20000"/>
              <a:lumOff val="80000"/>
            </a:schemeClr>
          </a:solidFill>
        </p:spPr>
        <p:txBody>
          <a:bodyPr wrap="square" lIns="540000" rtlCol="0" anchor="ctr" anchorCtr="0">
            <a:noAutofit/>
          </a:bodyPr>
          <a:lstStyle/>
          <a:p>
            <a:pPr algn="l">
              <a:spcAft>
                <a:spcPts val="450"/>
              </a:spcAft>
            </a:pPr>
            <a:r>
              <a:rPr lang="en-US" b="1">
                <a:latin typeface="Arial" panose="020B0604020202020204" pitchFamily="34" charset="0"/>
                <a:cs typeface="Arial" panose="020B0604020202020204" pitchFamily="34" charset="0"/>
              </a:rPr>
              <a:t>National Guidelines on Regional Commissioning and Planning: </a:t>
            </a:r>
            <a:r>
              <a:rPr lang="en-US">
                <a:latin typeface="Arial" panose="020B0604020202020204" pitchFamily="34" charset="0"/>
                <a:cs typeface="Arial" panose="020B0604020202020204" pitchFamily="34" charset="0"/>
              </a:rPr>
              <a:t>Detailed guidelines have not been released</a:t>
            </a:r>
          </a:p>
        </p:txBody>
      </p:sp>
      <p:sp>
        <p:nvSpPr>
          <p:cNvPr id="15" name="TextBox 14">
            <a:extLst>
              <a:ext uri="{FF2B5EF4-FFF2-40B4-BE49-F238E27FC236}">
                <a16:creationId xmlns:a16="http://schemas.microsoft.com/office/drawing/2014/main" id="{90D3E7EE-F540-D6DB-F6C0-1317A7FD5F71}"/>
              </a:ext>
            </a:extLst>
          </p:cNvPr>
          <p:cNvSpPr txBox="1"/>
          <p:nvPr/>
        </p:nvSpPr>
        <p:spPr>
          <a:xfrm>
            <a:off x="1190069" y="3651728"/>
            <a:ext cx="9811862" cy="1078009"/>
          </a:xfrm>
          <a:prstGeom prst="rect">
            <a:avLst/>
          </a:prstGeom>
          <a:solidFill>
            <a:schemeClr val="accent2">
              <a:lumMod val="20000"/>
              <a:lumOff val="80000"/>
            </a:schemeClr>
          </a:solidFill>
        </p:spPr>
        <p:txBody>
          <a:bodyPr wrap="square" lIns="540000" rtlCol="0" anchor="ctr" anchorCtr="0">
            <a:noAutofit/>
          </a:bodyPr>
          <a:lstStyle/>
          <a:p>
            <a:pPr>
              <a:spcAft>
                <a:spcPts val="450"/>
              </a:spcAft>
            </a:pPr>
            <a:r>
              <a:rPr lang="en-US" b="1">
                <a:latin typeface="Arial" panose="020B0604020202020204" pitchFamily="34" charset="0"/>
                <a:cs typeface="Arial" panose="020B0604020202020204" pitchFamily="34" charset="0"/>
              </a:rPr>
              <a:t>National Stigma and Discrimination Reduction Strategy: </a:t>
            </a:r>
            <a:r>
              <a:rPr lang="en-US">
                <a:latin typeface="Arial" panose="020B0604020202020204" pitchFamily="34" charset="0"/>
                <a:cs typeface="Arial" panose="020B0604020202020204" pitchFamily="34" charset="0"/>
              </a:rPr>
              <a:t>The draft strategy was delivered to Government in June 2023 following a consultation process but is yet to be published</a:t>
            </a:r>
          </a:p>
        </p:txBody>
      </p:sp>
      <p:grpSp>
        <p:nvGrpSpPr>
          <p:cNvPr id="59" name="Group 58">
            <a:extLst>
              <a:ext uri="{FF2B5EF4-FFF2-40B4-BE49-F238E27FC236}">
                <a16:creationId xmlns:a16="http://schemas.microsoft.com/office/drawing/2014/main" id="{E6044EA5-A208-272E-C6C1-F14B82CF8E5E}"/>
              </a:ext>
            </a:extLst>
          </p:cNvPr>
          <p:cNvGrpSpPr/>
          <p:nvPr/>
        </p:nvGrpSpPr>
        <p:grpSpPr>
          <a:xfrm>
            <a:off x="683471" y="1602602"/>
            <a:ext cx="630000" cy="631030"/>
            <a:chOff x="249782" y="4641975"/>
            <a:chExt cx="478108" cy="644412"/>
          </a:xfrm>
        </p:grpSpPr>
        <p:sp>
          <p:nvSpPr>
            <p:cNvPr id="57" name="Freeform 45">
              <a:extLst>
                <a:ext uri="{FF2B5EF4-FFF2-40B4-BE49-F238E27FC236}">
                  <a16:creationId xmlns:a16="http://schemas.microsoft.com/office/drawing/2014/main" id="{940D1C7D-0BC3-50DF-970A-86C3C027E4D8}"/>
                </a:ext>
              </a:extLst>
            </p:cNvPr>
            <p:cNvSpPr/>
            <p:nvPr/>
          </p:nvSpPr>
          <p:spPr>
            <a:xfrm>
              <a:off x="268895" y="4662542"/>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bg2">
                <a:lumMod val="20000"/>
                <a:lumOff val="8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nvGrpSpPr>
            <p:cNvPr id="54" name="Graphic 63">
              <a:extLst>
                <a:ext uri="{FF2B5EF4-FFF2-40B4-BE49-F238E27FC236}">
                  <a16:creationId xmlns:a16="http://schemas.microsoft.com/office/drawing/2014/main" id="{A0293127-6698-4BE0-5A72-BEE35C10715D}"/>
                </a:ext>
              </a:extLst>
            </p:cNvPr>
            <p:cNvGrpSpPr/>
            <p:nvPr/>
          </p:nvGrpSpPr>
          <p:grpSpPr>
            <a:xfrm>
              <a:off x="387595" y="4858665"/>
              <a:ext cx="210656" cy="211033"/>
              <a:chOff x="346272" y="225007"/>
              <a:chExt cx="33576" cy="33636"/>
            </a:xfrm>
            <a:solidFill>
              <a:srgbClr val="265A9A"/>
            </a:solidFill>
          </p:grpSpPr>
          <p:sp>
            <p:nvSpPr>
              <p:cNvPr id="55" name="Freeform 49">
                <a:extLst>
                  <a:ext uri="{FF2B5EF4-FFF2-40B4-BE49-F238E27FC236}">
                    <a16:creationId xmlns:a16="http://schemas.microsoft.com/office/drawing/2014/main" id="{DE429F86-911E-8F39-3693-46639124B81A}"/>
                  </a:ext>
                </a:extLst>
              </p:cNvPr>
              <p:cNvSpPr/>
              <p:nvPr/>
            </p:nvSpPr>
            <p:spPr>
              <a:xfrm>
                <a:off x="346272"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rgbClr val="265A9A"/>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56" name="Freeform 50">
                <a:extLst>
                  <a:ext uri="{FF2B5EF4-FFF2-40B4-BE49-F238E27FC236}">
                    <a16:creationId xmlns:a16="http://schemas.microsoft.com/office/drawing/2014/main" id="{45465851-86A0-021E-A9CF-FA70E340210A}"/>
                  </a:ext>
                </a:extLst>
              </p:cNvPr>
              <p:cNvSpPr/>
              <p:nvPr/>
            </p:nvSpPr>
            <p:spPr>
              <a:xfrm>
                <a:off x="347286"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rgbClr val="265A9A"/>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sp>
          <p:nvSpPr>
            <p:cNvPr id="50" name="Freeform 47">
              <a:extLst>
                <a:ext uri="{FF2B5EF4-FFF2-40B4-BE49-F238E27FC236}">
                  <a16:creationId xmlns:a16="http://schemas.microsoft.com/office/drawing/2014/main" id="{8D0DBD2E-D7E3-0530-7D1F-FFEACE0D5436}"/>
                </a:ext>
              </a:extLst>
            </p:cNvPr>
            <p:cNvSpPr/>
            <p:nvPr/>
          </p:nvSpPr>
          <p:spPr>
            <a:xfrm>
              <a:off x="249782"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grpSp>
        <p:nvGrpSpPr>
          <p:cNvPr id="60" name="Group 59">
            <a:extLst>
              <a:ext uri="{FF2B5EF4-FFF2-40B4-BE49-F238E27FC236}">
                <a16:creationId xmlns:a16="http://schemas.microsoft.com/office/drawing/2014/main" id="{281F2B7A-7C78-92E4-F59A-4839081BEC7F}"/>
              </a:ext>
            </a:extLst>
          </p:cNvPr>
          <p:cNvGrpSpPr/>
          <p:nvPr/>
        </p:nvGrpSpPr>
        <p:grpSpPr>
          <a:xfrm>
            <a:off x="661942" y="3896365"/>
            <a:ext cx="630000" cy="631030"/>
            <a:chOff x="249782" y="4641975"/>
            <a:chExt cx="478108" cy="644412"/>
          </a:xfrm>
        </p:grpSpPr>
        <p:sp>
          <p:nvSpPr>
            <p:cNvPr id="61" name="Freeform 45">
              <a:extLst>
                <a:ext uri="{FF2B5EF4-FFF2-40B4-BE49-F238E27FC236}">
                  <a16:creationId xmlns:a16="http://schemas.microsoft.com/office/drawing/2014/main" id="{2FD9558A-BE1B-AB29-C9A3-13AC731BC83E}"/>
                </a:ext>
              </a:extLst>
            </p:cNvPr>
            <p:cNvSpPr/>
            <p:nvPr/>
          </p:nvSpPr>
          <p:spPr>
            <a:xfrm>
              <a:off x="258712" y="4647407"/>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accent6">
                <a:lumMod val="20000"/>
                <a:lumOff val="8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nvGrpSpPr>
            <p:cNvPr id="62" name="Graphic 63">
              <a:extLst>
                <a:ext uri="{FF2B5EF4-FFF2-40B4-BE49-F238E27FC236}">
                  <a16:creationId xmlns:a16="http://schemas.microsoft.com/office/drawing/2014/main" id="{C99CF458-02C7-AFAE-FA94-9E9EE3426681}"/>
                </a:ext>
              </a:extLst>
            </p:cNvPr>
            <p:cNvGrpSpPr/>
            <p:nvPr/>
          </p:nvGrpSpPr>
          <p:grpSpPr>
            <a:xfrm>
              <a:off x="377413" y="4858665"/>
              <a:ext cx="210656" cy="211033"/>
              <a:chOff x="344649" y="225007"/>
              <a:chExt cx="33576" cy="33636"/>
            </a:xfrm>
            <a:solidFill>
              <a:srgbClr val="265A9A"/>
            </a:solidFill>
          </p:grpSpPr>
          <p:sp>
            <p:nvSpPr>
              <p:cNvPr id="65" name="Freeform 50">
                <a:extLst>
                  <a:ext uri="{FF2B5EF4-FFF2-40B4-BE49-F238E27FC236}">
                    <a16:creationId xmlns:a16="http://schemas.microsoft.com/office/drawing/2014/main" id="{5A91EEBF-E1C9-A668-3125-817196BC5396}"/>
                  </a:ext>
                </a:extLst>
              </p:cNvPr>
              <p:cNvSpPr/>
              <p:nvPr/>
            </p:nvSpPr>
            <p:spPr>
              <a:xfrm>
                <a:off x="345663"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chemeClr val="accent2"/>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solidFill>
                    <a:schemeClr val="accent2"/>
                  </a:solidFill>
                </a:endParaRPr>
              </a:p>
            </p:txBody>
          </p:sp>
          <p:sp>
            <p:nvSpPr>
              <p:cNvPr id="64" name="Freeform 49">
                <a:extLst>
                  <a:ext uri="{FF2B5EF4-FFF2-40B4-BE49-F238E27FC236}">
                    <a16:creationId xmlns:a16="http://schemas.microsoft.com/office/drawing/2014/main" id="{F0BBD8F4-D08F-A8C9-9513-E1D5DE6635C4}"/>
                  </a:ext>
                </a:extLst>
              </p:cNvPr>
              <p:cNvSpPr/>
              <p:nvPr/>
            </p:nvSpPr>
            <p:spPr>
              <a:xfrm>
                <a:off x="344649"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chemeClr val="accent2"/>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solidFill>
                    <a:schemeClr val="accent2"/>
                  </a:solidFill>
                </a:endParaRPr>
              </a:p>
            </p:txBody>
          </p:sp>
        </p:grpSp>
        <p:sp>
          <p:nvSpPr>
            <p:cNvPr id="63" name="Freeform 47">
              <a:extLst>
                <a:ext uri="{FF2B5EF4-FFF2-40B4-BE49-F238E27FC236}">
                  <a16:creationId xmlns:a16="http://schemas.microsoft.com/office/drawing/2014/main" id="{7DAF7DCC-4427-767E-D944-F3FA2F0B36D6}"/>
                </a:ext>
              </a:extLst>
            </p:cNvPr>
            <p:cNvSpPr/>
            <p:nvPr/>
          </p:nvSpPr>
          <p:spPr>
            <a:xfrm>
              <a:off x="249782"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accent2"/>
            </a:solidFill>
            <a:ln w="1793" cap="flat">
              <a:solidFill>
                <a:schemeClr val="accent6"/>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grpSp>
        <p:nvGrpSpPr>
          <p:cNvPr id="66" name="Group 65">
            <a:extLst>
              <a:ext uri="{FF2B5EF4-FFF2-40B4-BE49-F238E27FC236}">
                <a16:creationId xmlns:a16="http://schemas.microsoft.com/office/drawing/2014/main" id="{B4AA0F71-11F6-D1F6-9A07-A8F2B6340E81}"/>
              </a:ext>
            </a:extLst>
          </p:cNvPr>
          <p:cNvGrpSpPr/>
          <p:nvPr/>
        </p:nvGrpSpPr>
        <p:grpSpPr>
          <a:xfrm>
            <a:off x="682784" y="2740644"/>
            <a:ext cx="629999" cy="631030"/>
            <a:chOff x="249782" y="4641975"/>
            <a:chExt cx="478108" cy="644412"/>
          </a:xfrm>
        </p:grpSpPr>
        <p:sp>
          <p:nvSpPr>
            <p:cNvPr id="67" name="Freeform 45">
              <a:extLst>
                <a:ext uri="{FF2B5EF4-FFF2-40B4-BE49-F238E27FC236}">
                  <a16:creationId xmlns:a16="http://schemas.microsoft.com/office/drawing/2014/main" id="{1400C28A-EFA3-B157-8791-51548F0F71FC}"/>
                </a:ext>
              </a:extLst>
            </p:cNvPr>
            <p:cNvSpPr/>
            <p:nvPr/>
          </p:nvSpPr>
          <p:spPr>
            <a:xfrm>
              <a:off x="258712" y="4647407"/>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accent4">
                <a:lumMod val="40000"/>
                <a:lumOff val="6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nvGrpSpPr>
            <p:cNvPr id="68" name="Graphic 63">
              <a:extLst>
                <a:ext uri="{FF2B5EF4-FFF2-40B4-BE49-F238E27FC236}">
                  <a16:creationId xmlns:a16="http://schemas.microsoft.com/office/drawing/2014/main" id="{CEB081C3-87B3-8F93-2441-55C4FECE27F4}"/>
                </a:ext>
              </a:extLst>
            </p:cNvPr>
            <p:cNvGrpSpPr/>
            <p:nvPr/>
          </p:nvGrpSpPr>
          <p:grpSpPr>
            <a:xfrm>
              <a:off x="377413" y="4858665"/>
              <a:ext cx="210656" cy="211033"/>
              <a:chOff x="344649" y="225007"/>
              <a:chExt cx="33576" cy="33636"/>
            </a:xfrm>
            <a:solidFill>
              <a:srgbClr val="265A9A"/>
            </a:solidFill>
          </p:grpSpPr>
          <p:sp>
            <p:nvSpPr>
              <p:cNvPr id="70" name="Freeform 50">
                <a:extLst>
                  <a:ext uri="{FF2B5EF4-FFF2-40B4-BE49-F238E27FC236}">
                    <a16:creationId xmlns:a16="http://schemas.microsoft.com/office/drawing/2014/main" id="{DD29C68C-32BC-39D9-F8F4-32DA1D4E9B36}"/>
                  </a:ext>
                </a:extLst>
              </p:cNvPr>
              <p:cNvSpPr/>
              <p:nvPr/>
            </p:nvSpPr>
            <p:spPr>
              <a:xfrm>
                <a:off x="345663"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chemeClr val="accent4">
                  <a:lumMod val="50000"/>
                </a:schemeClr>
              </a:solidFill>
              <a:ln w="1793" cap="flat">
                <a:solidFill>
                  <a:schemeClr val="accent4">
                    <a:lumMod val="50000"/>
                  </a:schemeClr>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71" name="Freeform 49">
                <a:extLst>
                  <a:ext uri="{FF2B5EF4-FFF2-40B4-BE49-F238E27FC236}">
                    <a16:creationId xmlns:a16="http://schemas.microsoft.com/office/drawing/2014/main" id="{B495B52E-2683-F117-4DA9-DAE3DB152A68}"/>
                  </a:ext>
                </a:extLst>
              </p:cNvPr>
              <p:cNvSpPr/>
              <p:nvPr/>
            </p:nvSpPr>
            <p:spPr>
              <a:xfrm>
                <a:off x="344649"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chemeClr val="accent4">
                  <a:lumMod val="50000"/>
                </a:schemeClr>
              </a:solidFill>
              <a:ln w="1793" cap="flat">
                <a:solidFill>
                  <a:schemeClr val="accent4">
                    <a:lumMod val="50000"/>
                  </a:schemeClr>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sp>
          <p:nvSpPr>
            <p:cNvPr id="69" name="Freeform 47">
              <a:extLst>
                <a:ext uri="{FF2B5EF4-FFF2-40B4-BE49-F238E27FC236}">
                  <a16:creationId xmlns:a16="http://schemas.microsoft.com/office/drawing/2014/main" id="{BDC761CA-7FC2-CE35-AA80-BDC84D6CD1FE}"/>
                </a:ext>
              </a:extLst>
            </p:cNvPr>
            <p:cNvSpPr/>
            <p:nvPr/>
          </p:nvSpPr>
          <p:spPr>
            <a:xfrm>
              <a:off x="249782"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tx2"/>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sp>
        <p:nvSpPr>
          <p:cNvPr id="5" name="TextBox 4">
            <a:extLst>
              <a:ext uri="{FF2B5EF4-FFF2-40B4-BE49-F238E27FC236}">
                <a16:creationId xmlns:a16="http://schemas.microsoft.com/office/drawing/2014/main" id="{8F28ED0B-603A-60D1-B2AA-1AD4F7A83E27}"/>
              </a:ext>
            </a:extLst>
          </p:cNvPr>
          <p:cNvSpPr txBox="1"/>
          <p:nvPr/>
        </p:nvSpPr>
        <p:spPr>
          <a:xfrm>
            <a:off x="1190068" y="4822219"/>
            <a:ext cx="9811861" cy="1076400"/>
          </a:xfrm>
          <a:prstGeom prst="rect">
            <a:avLst/>
          </a:prstGeom>
          <a:solidFill>
            <a:schemeClr val="bg1">
              <a:lumMod val="85000"/>
            </a:schemeClr>
          </a:solidFill>
        </p:spPr>
        <p:txBody>
          <a:bodyPr wrap="square" lIns="540000" rtlCol="0" anchor="ctr" anchorCtr="0">
            <a:noAutofit/>
          </a:bodyPr>
          <a:lstStyle/>
          <a:p>
            <a:pPr>
              <a:spcAft>
                <a:spcPts val="450"/>
              </a:spcAft>
            </a:pPr>
            <a:r>
              <a:rPr lang="en-US" b="1">
                <a:latin typeface="Arial" panose="020B0604020202020204" pitchFamily="34" charset="0"/>
                <a:cs typeface="Arial" panose="020B0604020202020204" pitchFamily="34" charset="0"/>
              </a:rPr>
              <a:t>Workforce issues: </a:t>
            </a:r>
            <a:r>
              <a:rPr lang="en-US">
                <a:latin typeface="Arial" panose="020B0604020202020204" pitchFamily="34" charset="0"/>
                <a:cs typeface="Arial" panose="020B0604020202020204" pitchFamily="34" charset="0"/>
              </a:rPr>
              <a:t>Actions have failed to impact chronic workforce shortages</a:t>
            </a:r>
          </a:p>
        </p:txBody>
      </p:sp>
      <p:sp>
        <p:nvSpPr>
          <p:cNvPr id="6" name="Freeform 47">
            <a:extLst>
              <a:ext uri="{FF2B5EF4-FFF2-40B4-BE49-F238E27FC236}">
                <a16:creationId xmlns:a16="http://schemas.microsoft.com/office/drawing/2014/main" id="{F1448A34-D277-2ED6-505C-43431F9225DC}"/>
              </a:ext>
            </a:extLst>
          </p:cNvPr>
          <p:cNvSpPr/>
          <p:nvPr/>
        </p:nvSpPr>
        <p:spPr>
          <a:xfrm>
            <a:off x="682783" y="5044904"/>
            <a:ext cx="630000" cy="631030"/>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bg1">
              <a:lumMod val="5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8" name="Freeform 49">
            <a:extLst>
              <a:ext uri="{FF2B5EF4-FFF2-40B4-BE49-F238E27FC236}">
                <a16:creationId xmlns:a16="http://schemas.microsoft.com/office/drawing/2014/main" id="{29F5C6EE-3D1D-8616-5C09-3982E03AB88D}"/>
              </a:ext>
            </a:extLst>
          </p:cNvPr>
          <p:cNvSpPr/>
          <p:nvPr/>
        </p:nvSpPr>
        <p:spPr>
          <a:xfrm>
            <a:off x="850960" y="5263336"/>
            <a:ext cx="277580" cy="194167"/>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chemeClr val="bg1">
              <a:lumMod val="5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solidFill>
                <a:schemeClr val="accent2"/>
              </a:solidFill>
            </a:endParaRPr>
          </a:p>
        </p:txBody>
      </p:sp>
      <p:sp>
        <p:nvSpPr>
          <p:cNvPr id="11" name="Freeform 50">
            <a:extLst>
              <a:ext uri="{FF2B5EF4-FFF2-40B4-BE49-F238E27FC236}">
                <a16:creationId xmlns:a16="http://schemas.microsoft.com/office/drawing/2014/main" id="{3D8B01CC-3DCD-08B5-16A6-01919780EBB0}"/>
              </a:ext>
            </a:extLst>
          </p:cNvPr>
          <p:cNvSpPr/>
          <p:nvPr/>
        </p:nvSpPr>
        <p:spPr>
          <a:xfrm>
            <a:off x="859343" y="5257094"/>
            <a:ext cx="260815" cy="206651"/>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chemeClr val="bg1">
              <a:lumMod val="5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solidFill>
                <a:schemeClr val="accent2"/>
              </a:solidFill>
            </a:endParaRPr>
          </a:p>
        </p:txBody>
      </p:sp>
      <p:sp>
        <p:nvSpPr>
          <p:cNvPr id="2" name="Slide Number Placeholder 1">
            <a:extLst>
              <a:ext uri="{FF2B5EF4-FFF2-40B4-BE49-F238E27FC236}">
                <a16:creationId xmlns:a16="http://schemas.microsoft.com/office/drawing/2014/main" id="{062E6CB4-7DB8-1D07-81BD-C9AC8A59CF26}"/>
              </a:ext>
            </a:extLst>
          </p:cNvPr>
          <p:cNvSpPr>
            <a:spLocks noGrp="1"/>
          </p:cNvSpPr>
          <p:nvPr>
            <p:ph type="sldNum" sz="quarter" idx="4"/>
          </p:nvPr>
        </p:nvSpPr>
        <p:spPr/>
        <p:txBody>
          <a:bodyPr/>
          <a:lstStyle/>
          <a:p>
            <a:fld id="{3FE8A0A5-0893-3B4E-9EB9-FE67329D76D6}" type="slidenum">
              <a:rPr lang="en-US" smtClean="0"/>
              <a:pPr/>
              <a:t>23</a:t>
            </a:fld>
            <a:endParaRPr lang="en-US"/>
          </a:p>
        </p:txBody>
      </p:sp>
    </p:spTree>
    <p:custDataLst>
      <p:custData r:id="rId1"/>
      <p:custData r:id="rId2"/>
    </p:custDataLst>
    <p:extLst>
      <p:ext uri="{BB962C8B-B14F-4D97-AF65-F5344CB8AC3E}">
        <p14:creationId xmlns:p14="http://schemas.microsoft.com/office/powerpoint/2010/main" val="4086347727"/>
      </p:ext>
    </p:extLst>
  </p:cSld>
  <p:clrMapOvr>
    <a:masterClrMapping/>
  </p:clrMapOvr>
  <p:extLst>
    <p:ext uri="{6950BFC3-D8DA-4A85-94F7-54DA5524770B}">
      <p188:commentRel xmlns:p188="http://schemas.microsoft.com/office/powerpoint/2018/8/main" r:id="rId4"/>
    </p:ext>
  </p:extLs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E136328-D897-EE8F-00DD-72ADC0CFB14D}"/>
            </a:ext>
          </a:extLst>
        </p:cNvPr>
        <p:cNvGrpSpPr/>
        <p:nvPr/>
      </p:nvGrpSpPr>
      <p:grpSpPr>
        <a:xfrm>
          <a:off x="0" y="0"/>
          <a:ext cx="0" cy="0"/>
          <a:chOff x="0" y="0"/>
          <a:chExt cx="0" cy="0"/>
        </a:xfrm>
      </p:grpSpPr>
      <p:pic>
        <p:nvPicPr>
          <p:cNvPr id="7" name="Picture 6">
            <a:extLst>
              <a:ext uri="{FF2B5EF4-FFF2-40B4-BE49-F238E27FC236}">
                <a16:creationId xmlns:a16="http://schemas.microsoft.com/office/drawing/2014/main" id="{9202EF3F-91B3-F2FF-40B7-3FC941BEABC3}"/>
              </a:ext>
            </a:extLst>
          </p:cNvPr>
          <p:cNvPicPr>
            <a:picLocks noChangeAspect="1"/>
          </p:cNvPicPr>
          <p:nvPr/>
        </p:nvPicPr>
        <p:blipFill>
          <a:blip r:embed="rId5"/>
          <a:srcRect/>
          <a:stretch/>
        </p:blipFill>
        <p:spPr>
          <a:xfrm>
            <a:off x="0" y="-140109"/>
            <a:ext cx="12690165" cy="7138218"/>
          </a:xfrm>
          <a:prstGeom prst="rect">
            <a:avLst/>
          </a:prstGeom>
        </p:spPr>
      </p:pic>
      <p:sp>
        <p:nvSpPr>
          <p:cNvPr id="8" name="Title 7">
            <a:extLst>
              <a:ext uri="{FF2B5EF4-FFF2-40B4-BE49-F238E27FC236}">
                <a16:creationId xmlns:a16="http://schemas.microsoft.com/office/drawing/2014/main" id="{2FACA15C-6DDA-66A3-D789-37979678BEAB}"/>
              </a:ext>
            </a:extLst>
          </p:cNvPr>
          <p:cNvSpPr>
            <a:spLocks noGrp="1"/>
          </p:cNvSpPr>
          <p:nvPr>
            <p:ph type="ctrTitle"/>
          </p:nvPr>
        </p:nvSpPr>
        <p:spPr>
          <a:xfrm>
            <a:off x="716834" y="2882804"/>
            <a:ext cx="6653032" cy="1574193"/>
          </a:xfrm>
        </p:spPr>
        <p:txBody>
          <a:bodyPr/>
          <a:lstStyle/>
          <a:p>
            <a:r>
              <a:rPr lang="en-US"/>
              <a:t>Why has the Agreement lacked effectiveness?</a:t>
            </a:r>
          </a:p>
        </p:txBody>
      </p:sp>
      <p:sp>
        <p:nvSpPr>
          <p:cNvPr id="6" name="Rectangle 5">
            <a:extLst>
              <a:ext uri="{FF2B5EF4-FFF2-40B4-BE49-F238E27FC236}">
                <a16:creationId xmlns:a16="http://schemas.microsoft.com/office/drawing/2014/main" id="{20AFBF5A-C349-8F92-73EA-64D5281C40B4}"/>
              </a:ext>
            </a:extLst>
          </p:cNvPr>
          <p:cNvSpPr/>
          <p:nvPr/>
        </p:nvSpPr>
        <p:spPr>
          <a:xfrm>
            <a:off x="484742" y="473725"/>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1" name="Rectangle 10">
            <a:extLst>
              <a:ext uri="{FF2B5EF4-FFF2-40B4-BE49-F238E27FC236}">
                <a16:creationId xmlns:a16="http://schemas.microsoft.com/office/drawing/2014/main" id="{FEFCCA00-76F1-9487-4EE1-447698031657}"/>
              </a:ext>
            </a:extLst>
          </p:cNvPr>
          <p:cNvSpPr/>
          <p:nvPr/>
        </p:nvSpPr>
        <p:spPr>
          <a:xfrm>
            <a:off x="328670" y="5143041"/>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Tree>
    <p:custDataLst>
      <p:custData r:id="rId1"/>
      <p:custData r:id="rId2"/>
    </p:custDataLst>
    <p:extLst>
      <p:ext uri="{BB962C8B-B14F-4D97-AF65-F5344CB8AC3E}">
        <p14:creationId xmlns:p14="http://schemas.microsoft.com/office/powerpoint/2010/main" val="289103840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6058BA-73EC-663E-66FD-BB9F234A6244}"/>
            </a:ext>
          </a:extLst>
        </p:cNvPr>
        <p:cNvGrpSpPr/>
        <p:nvPr/>
      </p:nvGrpSpPr>
      <p:grpSpPr>
        <a:xfrm>
          <a:off x="0" y="0"/>
          <a:ext cx="0" cy="0"/>
          <a:chOff x="0" y="0"/>
          <a:chExt cx="0" cy="0"/>
        </a:xfrm>
      </p:grpSpPr>
      <p:sp>
        <p:nvSpPr>
          <p:cNvPr id="34" name="Oval 33">
            <a:extLst>
              <a:ext uri="{FF2B5EF4-FFF2-40B4-BE49-F238E27FC236}">
                <a16:creationId xmlns:a16="http://schemas.microsoft.com/office/drawing/2014/main" id="{7EC9ED58-9606-9F2C-83C1-2C49E2708A99}"/>
              </a:ext>
            </a:extLst>
          </p:cNvPr>
          <p:cNvSpPr/>
          <p:nvPr/>
        </p:nvSpPr>
        <p:spPr>
          <a:xfrm>
            <a:off x="5502410" y="3194534"/>
            <a:ext cx="1187180" cy="1240469"/>
          </a:xfrm>
          <a:prstGeom prst="ellipse">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3" name="Title 2">
            <a:extLst>
              <a:ext uri="{FF2B5EF4-FFF2-40B4-BE49-F238E27FC236}">
                <a16:creationId xmlns:a16="http://schemas.microsoft.com/office/drawing/2014/main" id="{01B6EA59-336D-9B1F-10CC-72F5B6177EED}"/>
              </a:ext>
            </a:extLst>
          </p:cNvPr>
          <p:cNvSpPr>
            <a:spLocks noGrp="1"/>
          </p:cNvSpPr>
          <p:nvPr>
            <p:ph type="ctrTitle"/>
          </p:nvPr>
        </p:nvSpPr>
        <p:spPr>
          <a:xfrm>
            <a:off x="569994" y="507634"/>
            <a:ext cx="11082431" cy="515848"/>
          </a:xfrm>
        </p:spPr>
        <p:txBody>
          <a:bodyPr/>
          <a:lstStyle/>
          <a:p>
            <a:r>
              <a:rPr lang="en-US"/>
              <a:t>Key barriers to effectiveness</a:t>
            </a:r>
          </a:p>
        </p:txBody>
      </p:sp>
      <p:grpSp>
        <p:nvGrpSpPr>
          <p:cNvPr id="2" name="Group 1">
            <a:extLst>
              <a:ext uri="{FF2B5EF4-FFF2-40B4-BE49-F238E27FC236}">
                <a16:creationId xmlns:a16="http://schemas.microsoft.com/office/drawing/2014/main" id="{47E3F9A4-0045-0D44-A44E-641D74A6DC4D}"/>
              </a:ext>
            </a:extLst>
          </p:cNvPr>
          <p:cNvGrpSpPr/>
          <p:nvPr/>
        </p:nvGrpSpPr>
        <p:grpSpPr>
          <a:xfrm>
            <a:off x="404812" y="1057307"/>
            <a:ext cx="11164555" cy="5562774"/>
            <a:chOff x="128735" y="1267936"/>
            <a:chExt cx="5709995" cy="2821357"/>
          </a:xfrm>
        </p:grpSpPr>
        <p:sp>
          <p:nvSpPr>
            <p:cNvPr id="4" name="Freeform 728">
              <a:extLst>
                <a:ext uri="{FF2B5EF4-FFF2-40B4-BE49-F238E27FC236}">
                  <a16:creationId xmlns:a16="http://schemas.microsoft.com/office/drawing/2014/main" id="{78F5151B-0062-678F-9336-1E3B57B6CB18}"/>
                </a:ext>
              </a:extLst>
            </p:cNvPr>
            <p:cNvSpPr>
              <a:spLocks/>
            </p:cNvSpPr>
            <p:nvPr/>
          </p:nvSpPr>
          <p:spPr bwMode="auto">
            <a:xfrm rot="18900000">
              <a:off x="3136649" y="1389101"/>
              <a:ext cx="901800" cy="1513318"/>
            </a:xfrm>
            <a:custGeom>
              <a:avLst/>
              <a:gdLst>
                <a:gd name="T0" fmla="*/ 759 w 1369"/>
                <a:gd name="T1" fmla="*/ 2297 h 2297"/>
                <a:gd name="T2" fmla="*/ 678 w 1369"/>
                <a:gd name="T3" fmla="*/ 2216 h 2297"/>
                <a:gd name="T4" fmla="*/ 135 w 1369"/>
                <a:gd name="T5" fmla="*/ 1671 h 2297"/>
                <a:gd name="T6" fmla="*/ 0 w 1369"/>
                <a:gd name="T7" fmla="*/ 1536 h 2297"/>
                <a:gd name="T8" fmla="*/ 145 w 1369"/>
                <a:gd name="T9" fmla="*/ 1149 h 2297"/>
                <a:gd name="T10" fmla="*/ 0 w 1369"/>
                <a:gd name="T11" fmla="*/ 762 h 2297"/>
                <a:gd name="T12" fmla="*/ 131 w 1369"/>
                <a:gd name="T13" fmla="*/ 631 h 2297"/>
                <a:gd name="T14" fmla="*/ 674 w 1369"/>
                <a:gd name="T15" fmla="*/ 86 h 2297"/>
                <a:gd name="T16" fmla="*/ 759 w 1369"/>
                <a:gd name="T17" fmla="*/ 0 h 2297"/>
                <a:gd name="T18" fmla="*/ 759 w 1369"/>
                <a:gd name="T19" fmla="*/ 2297 h 2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369" h="2297">
                  <a:moveTo>
                    <a:pt x="759" y="2297"/>
                  </a:moveTo>
                  <a:cubicBezTo>
                    <a:pt x="759" y="2297"/>
                    <a:pt x="759" y="2297"/>
                    <a:pt x="678" y="2216"/>
                  </a:cubicBezTo>
                  <a:cubicBezTo>
                    <a:pt x="599" y="2137"/>
                    <a:pt x="443" y="1980"/>
                    <a:pt x="135" y="1671"/>
                  </a:cubicBezTo>
                  <a:cubicBezTo>
                    <a:pt x="93" y="1629"/>
                    <a:pt x="48" y="1584"/>
                    <a:pt x="0" y="1536"/>
                  </a:cubicBezTo>
                  <a:cubicBezTo>
                    <a:pt x="93" y="1429"/>
                    <a:pt x="145" y="1293"/>
                    <a:pt x="145" y="1149"/>
                  </a:cubicBezTo>
                  <a:cubicBezTo>
                    <a:pt x="145" y="1005"/>
                    <a:pt x="93" y="868"/>
                    <a:pt x="0" y="762"/>
                  </a:cubicBezTo>
                  <a:cubicBezTo>
                    <a:pt x="0" y="762"/>
                    <a:pt x="0" y="762"/>
                    <a:pt x="131" y="631"/>
                  </a:cubicBezTo>
                  <a:cubicBezTo>
                    <a:pt x="225" y="536"/>
                    <a:pt x="390" y="370"/>
                    <a:pt x="674" y="86"/>
                  </a:cubicBezTo>
                  <a:cubicBezTo>
                    <a:pt x="701" y="58"/>
                    <a:pt x="729" y="30"/>
                    <a:pt x="759" y="0"/>
                  </a:cubicBezTo>
                  <a:cubicBezTo>
                    <a:pt x="1369" y="639"/>
                    <a:pt x="1369" y="1660"/>
                    <a:pt x="759" y="2297"/>
                  </a:cubicBezTo>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4" name="Freeform 729">
              <a:extLst>
                <a:ext uri="{FF2B5EF4-FFF2-40B4-BE49-F238E27FC236}">
                  <a16:creationId xmlns:a16="http://schemas.microsoft.com/office/drawing/2014/main" id="{5BB13A8F-BFEB-3558-E09D-F7F10D480328}"/>
                </a:ext>
              </a:extLst>
            </p:cNvPr>
            <p:cNvSpPr>
              <a:spLocks/>
            </p:cNvSpPr>
            <p:nvPr/>
          </p:nvSpPr>
          <p:spPr bwMode="auto">
            <a:xfrm rot="18900000">
              <a:off x="2076698" y="2445752"/>
              <a:ext cx="906541" cy="1519173"/>
            </a:xfrm>
            <a:custGeom>
              <a:avLst/>
              <a:gdLst>
                <a:gd name="T0" fmla="*/ 1376 w 1376"/>
                <a:gd name="T1" fmla="*/ 1535 h 2306"/>
                <a:gd name="T2" fmla="*/ 1233 w 1376"/>
                <a:gd name="T3" fmla="*/ 1678 h 2306"/>
                <a:gd name="T4" fmla="*/ 692 w 1376"/>
                <a:gd name="T5" fmla="*/ 2219 h 2306"/>
                <a:gd name="T6" fmla="*/ 605 w 1376"/>
                <a:gd name="T7" fmla="*/ 2306 h 2306"/>
                <a:gd name="T8" fmla="*/ 605 w 1376"/>
                <a:gd name="T9" fmla="*/ 0 h 2306"/>
                <a:gd name="T10" fmla="*/ 692 w 1376"/>
                <a:gd name="T11" fmla="*/ 87 h 2306"/>
                <a:gd name="T12" fmla="*/ 1234 w 1376"/>
                <a:gd name="T13" fmla="*/ 630 h 2306"/>
                <a:gd name="T14" fmla="*/ 1366 w 1376"/>
                <a:gd name="T15" fmla="*/ 762 h 2306"/>
                <a:gd name="T16" fmla="*/ 1225 w 1376"/>
                <a:gd name="T17" fmla="*/ 1149 h 2306"/>
                <a:gd name="T18" fmla="*/ 1376 w 1376"/>
                <a:gd name="T19" fmla="*/ 1535 h 2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376" h="2306">
                  <a:moveTo>
                    <a:pt x="1376" y="1535"/>
                  </a:moveTo>
                  <a:cubicBezTo>
                    <a:pt x="1233" y="1678"/>
                    <a:pt x="1233" y="1678"/>
                    <a:pt x="1233" y="1678"/>
                  </a:cubicBezTo>
                  <a:cubicBezTo>
                    <a:pt x="692" y="2219"/>
                    <a:pt x="692" y="2219"/>
                    <a:pt x="692" y="2219"/>
                  </a:cubicBezTo>
                  <a:cubicBezTo>
                    <a:pt x="605" y="2306"/>
                    <a:pt x="605" y="2306"/>
                    <a:pt x="605" y="2306"/>
                  </a:cubicBezTo>
                  <a:cubicBezTo>
                    <a:pt x="0" y="1656"/>
                    <a:pt x="0" y="631"/>
                    <a:pt x="605" y="0"/>
                  </a:cubicBezTo>
                  <a:cubicBezTo>
                    <a:pt x="605" y="0"/>
                    <a:pt x="605" y="0"/>
                    <a:pt x="692" y="87"/>
                  </a:cubicBezTo>
                  <a:cubicBezTo>
                    <a:pt x="773" y="169"/>
                    <a:pt x="930" y="327"/>
                    <a:pt x="1234" y="630"/>
                  </a:cubicBezTo>
                  <a:cubicBezTo>
                    <a:pt x="1275" y="671"/>
                    <a:pt x="1320" y="715"/>
                    <a:pt x="1366" y="762"/>
                  </a:cubicBezTo>
                  <a:cubicBezTo>
                    <a:pt x="1273" y="868"/>
                    <a:pt x="1223" y="1004"/>
                    <a:pt x="1225" y="1149"/>
                  </a:cubicBezTo>
                  <a:cubicBezTo>
                    <a:pt x="1227" y="1292"/>
                    <a:pt x="1280" y="1429"/>
                    <a:pt x="1376" y="1535"/>
                  </a:cubicBezTo>
                </a:path>
              </a:pathLst>
            </a:custGeom>
            <a:solidFill>
              <a:schemeClr val="accent1">
                <a:lumMod val="20000"/>
                <a:lumOff val="8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5" name="Freeform 730">
              <a:extLst>
                <a:ext uri="{FF2B5EF4-FFF2-40B4-BE49-F238E27FC236}">
                  <a16:creationId xmlns:a16="http://schemas.microsoft.com/office/drawing/2014/main" id="{3FD4B2B0-45EB-0EAB-B058-15513CB3937E}"/>
                </a:ext>
              </a:extLst>
            </p:cNvPr>
            <p:cNvSpPr>
              <a:spLocks/>
            </p:cNvSpPr>
            <p:nvPr/>
          </p:nvSpPr>
          <p:spPr bwMode="auto">
            <a:xfrm rot="18900000">
              <a:off x="2792365" y="2766861"/>
              <a:ext cx="1520568" cy="809222"/>
            </a:xfrm>
            <a:custGeom>
              <a:avLst/>
              <a:gdLst>
                <a:gd name="T0" fmla="*/ 2308 w 2308"/>
                <a:gd name="T1" fmla="*/ 771 h 1228"/>
                <a:gd name="T2" fmla="*/ 1782 w 2308"/>
                <a:gd name="T3" fmla="*/ 1110 h 1228"/>
                <a:gd name="T4" fmla="*/ 1162 w 2308"/>
                <a:gd name="T5" fmla="*/ 1228 h 1228"/>
                <a:gd name="T6" fmla="*/ 0 w 2308"/>
                <a:gd name="T7" fmla="*/ 771 h 1228"/>
                <a:gd name="T8" fmla="*/ 87 w 2308"/>
                <a:gd name="T9" fmla="*/ 684 h 1228"/>
                <a:gd name="T10" fmla="*/ 632 w 2308"/>
                <a:gd name="T11" fmla="*/ 146 h 1228"/>
                <a:gd name="T12" fmla="*/ 771 w 2308"/>
                <a:gd name="T13" fmla="*/ 8 h 1228"/>
                <a:gd name="T14" fmla="*/ 1153 w 2308"/>
                <a:gd name="T15" fmla="*/ 146 h 1228"/>
                <a:gd name="T16" fmla="*/ 1545 w 2308"/>
                <a:gd name="T17" fmla="*/ 0 h 1228"/>
                <a:gd name="T18" fmla="*/ 1681 w 2308"/>
                <a:gd name="T19" fmla="*/ 137 h 1228"/>
                <a:gd name="T20" fmla="*/ 2222 w 2308"/>
                <a:gd name="T21" fmla="*/ 684 h 1228"/>
                <a:gd name="T22" fmla="*/ 2308 w 2308"/>
                <a:gd name="T23" fmla="*/ 771 h 1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08" h="1228">
                  <a:moveTo>
                    <a:pt x="2308" y="771"/>
                  </a:moveTo>
                  <a:cubicBezTo>
                    <a:pt x="2154" y="918"/>
                    <a:pt x="1975" y="1032"/>
                    <a:pt x="1782" y="1110"/>
                  </a:cubicBezTo>
                  <a:cubicBezTo>
                    <a:pt x="1588" y="1187"/>
                    <a:pt x="1378" y="1228"/>
                    <a:pt x="1162" y="1228"/>
                  </a:cubicBezTo>
                  <a:cubicBezTo>
                    <a:pt x="727" y="1228"/>
                    <a:pt x="316" y="1066"/>
                    <a:pt x="0" y="771"/>
                  </a:cubicBezTo>
                  <a:cubicBezTo>
                    <a:pt x="0" y="771"/>
                    <a:pt x="0" y="771"/>
                    <a:pt x="87" y="684"/>
                  </a:cubicBezTo>
                  <a:cubicBezTo>
                    <a:pt x="168" y="603"/>
                    <a:pt x="327" y="446"/>
                    <a:pt x="632" y="146"/>
                  </a:cubicBezTo>
                  <a:cubicBezTo>
                    <a:pt x="675" y="103"/>
                    <a:pt x="721" y="57"/>
                    <a:pt x="771" y="8"/>
                  </a:cubicBezTo>
                  <a:cubicBezTo>
                    <a:pt x="877" y="97"/>
                    <a:pt x="1011" y="146"/>
                    <a:pt x="1153" y="146"/>
                  </a:cubicBezTo>
                  <a:cubicBezTo>
                    <a:pt x="1300" y="146"/>
                    <a:pt x="1439" y="94"/>
                    <a:pt x="1545" y="0"/>
                  </a:cubicBezTo>
                  <a:cubicBezTo>
                    <a:pt x="1545" y="0"/>
                    <a:pt x="1545" y="0"/>
                    <a:pt x="1681" y="137"/>
                  </a:cubicBezTo>
                  <a:cubicBezTo>
                    <a:pt x="1778" y="234"/>
                    <a:pt x="1941" y="400"/>
                    <a:pt x="2222" y="684"/>
                  </a:cubicBezTo>
                  <a:cubicBezTo>
                    <a:pt x="2249" y="711"/>
                    <a:pt x="2278" y="740"/>
                    <a:pt x="2308" y="771"/>
                  </a:cubicBezTo>
                </a:path>
              </a:pathLst>
            </a:custGeom>
            <a:solidFill>
              <a:schemeClr val="accent2">
                <a:lumMod val="20000"/>
                <a:lumOff val="8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6" name="Freeform 731">
              <a:extLst>
                <a:ext uri="{FF2B5EF4-FFF2-40B4-BE49-F238E27FC236}">
                  <a16:creationId xmlns:a16="http://schemas.microsoft.com/office/drawing/2014/main" id="{3FD96869-1EC4-ED40-DBE6-EB2C6503E2E8}"/>
                </a:ext>
              </a:extLst>
            </p:cNvPr>
            <p:cNvSpPr>
              <a:spLocks/>
            </p:cNvSpPr>
            <p:nvPr/>
          </p:nvSpPr>
          <p:spPr bwMode="auto">
            <a:xfrm rot="18900000">
              <a:off x="1789896" y="1773434"/>
              <a:ext cx="1520568" cy="805876"/>
            </a:xfrm>
            <a:custGeom>
              <a:avLst/>
              <a:gdLst>
                <a:gd name="T0" fmla="*/ 2308 w 2308"/>
                <a:gd name="T1" fmla="*/ 461 h 1223"/>
                <a:gd name="T2" fmla="*/ 2223 w 2308"/>
                <a:gd name="T3" fmla="*/ 546 h 1223"/>
                <a:gd name="T4" fmla="*/ 1677 w 2308"/>
                <a:gd name="T5" fmla="*/ 1091 h 1223"/>
                <a:gd name="T6" fmla="*/ 1545 w 2308"/>
                <a:gd name="T7" fmla="*/ 1223 h 1223"/>
                <a:gd name="T8" fmla="*/ 1158 w 2308"/>
                <a:gd name="T9" fmla="*/ 1077 h 1223"/>
                <a:gd name="T10" fmla="*/ 771 w 2308"/>
                <a:gd name="T11" fmla="*/ 1223 h 1223"/>
                <a:gd name="T12" fmla="*/ 634 w 2308"/>
                <a:gd name="T13" fmla="*/ 1087 h 1223"/>
                <a:gd name="T14" fmla="*/ 87 w 2308"/>
                <a:gd name="T15" fmla="*/ 547 h 1223"/>
                <a:gd name="T16" fmla="*/ 0 w 2308"/>
                <a:gd name="T17" fmla="*/ 461 h 1223"/>
                <a:gd name="T18" fmla="*/ 1157 w 2308"/>
                <a:gd name="T19" fmla="*/ 0 h 1223"/>
                <a:gd name="T20" fmla="*/ 2308 w 2308"/>
                <a:gd name="T21" fmla="*/ 461 h 1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08" h="1223">
                  <a:moveTo>
                    <a:pt x="2308" y="461"/>
                  </a:moveTo>
                  <a:cubicBezTo>
                    <a:pt x="2308" y="461"/>
                    <a:pt x="2308" y="461"/>
                    <a:pt x="2223" y="546"/>
                  </a:cubicBezTo>
                  <a:cubicBezTo>
                    <a:pt x="2142" y="627"/>
                    <a:pt x="1984" y="785"/>
                    <a:pt x="1677" y="1091"/>
                  </a:cubicBezTo>
                  <a:cubicBezTo>
                    <a:pt x="1635" y="1133"/>
                    <a:pt x="1592" y="1176"/>
                    <a:pt x="1545" y="1223"/>
                  </a:cubicBezTo>
                  <a:cubicBezTo>
                    <a:pt x="1440" y="1129"/>
                    <a:pt x="1302" y="1077"/>
                    <a:pt x="1158" y="1077"/>
                  </a:cubicBezTo>
                  <a:cubicBezTo>
                    <a:pt x="1014" y="1077"/>
                    <a:pt x="877" y="1129"/>
                    <a:pt x="771" y="1223"/>
                  </a:cubicBezTo>
                  <a:cubicBezTo>
                    <a:pt x="771" y="1223"/>
                    <a:pt x="771" y="1223"/>
                    <a:pt x="634" y="1087"/>
                  </a:cubicBezTo>
                  <a:cubicBezTo>
                    <a:pt x="536" y="991"/>
                    <a:pt x="370" y="827"/>
                    <a:pt x="87" y="547"/>
                  </a:cubicBezTo>
                  <a:cubicBezTo>
                    <a:pt x="58" y="519"/>
                    <a:pt x="29" y="491"/>
                    <a:pt x="0" y="461"/>
                  </a:cubicBezTo>
                  <a:cubicBezTo>
                    <a:pt x="313" y="163"/>
                    <a:pt x="724" y="0"/>
                    <a:pt x="1157" y="0"/>
                  </a:cubicBezTo>
                  <a:cubicBezTo>
                    <a:pt x="1590" y="0"/>
                    <a:pt x="1998" y="163"/>
                    <a:pt x="2308" y="461"/>
                  </a:cubicBezTo>
                </a:path>
              </a:pathLst>
            </a:custGeom>
            <a:solidFill>
              <a:schemeClr val="bg2">
                <a:lumMod val="20000"/>
                <a:lumOff val="8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7" name="Freeform 792">
              <a:extLst>
                <a:ext uri="{FF2B5EF4-FFF2-40B4-BE49-F238E27FC236}">
                  <a16:creationId xmlns:a16="http://schemas.microsoft.com/office/drawing/2014/main" id="{0AE6C877-2D35-07BA-FB4C-639A9274338C}"/>
                </a:ext>
              </a:extLst>
            </p:cNvPr>
            <p:cNvSpPr>
              <a:spLocks/>
            </p:cNvSpPr>
            <p:nvPr/>
          </p:nvSpPr>
          <p:spPr bwMode="auto">
            <a:xfrm rot="18900000">
              <a:off x="1632449" y="1838650"/>
              <a:ext cx="1520568" cy="360553"/>
            </a:xfrm>
            <a:custGeom>
              <a:avLst/>
              <a:gdLst>
                <a:gd name="T0" fmla="*/ 1157 w 2308"/>
                <a:gd name="T1" fmla="*/ 0 h 547"/>
                <a:gd name="T2" fmla="*/ 0 w 2308"/>
                <a:gd name="T3" fmla="*/ 461 h 547"/>
                <a:gd name="T4" fmla="*/ 87 w 2308"/>
                <a:gd name="T5" fmla="*/ 547 h 547"/>
                <a:gd name="T6" fmla="*/ 1155 w 2308"/>
                <a:gd name="T7" fmla="*/ 120 h 547"/>
                <a:gd name="T8" fmla="*/ 2223 w 2308"/>
                <a:gd name="T9" fmla="*/ 546 h 547"/>
                <a:gd name="T10" fmla="*/ 2308 w 2308"/>
                <a:gd name="T11" fmla="*/ 461 h 547"/>
                <a:gd name="T12" fmla="*/ 1157 w 2308"/>
                <a:gd name="T13" fmla="*/ 0 h 547"/>
              </a:gdLst>
              <a:ahLst/>
              <a:cxnLst>
                <a:cxn ang="0">
                  <a:pos x="T0" y="T1"/>
                </a:cxn>
                <a:cxn ang="0">
                  <a:pos x="T2" y="T3"/>
                </a:cxn>
                <a:cxn ang="0">
                  <a:pos x="T4" y="T5"/>
                </a:cxn>
                <a:cxn ang="0">
                  <a:pos x="T6" y="T7"/>
                </a:cxn>
                <a:cxn ang="0">
                  <a:pos x="T8" y="T9"/>
                </a:cxn>
                <a:cxn ang="0">
                  <a:pos x="T10" y="T11"/>
                </a:cxn>
                <a:cxn ang="0">
                  <a:pos x="T12" y="T13"/>
                </a:cxn>
              </a:cxnLst>
              <a:rect l="0" t="0" r="r" b="b"/>
              <a:pathLst>
                <a:path w="2308" h="547">
                  <a:moveTo>
                    <a:pt x="1157" y="0"/>
                  </a:moveTo>
                  <a:cubicBezTo>
                    <a:pt x="724" y="0"/>
                    <a:pt x="313" y="163"/>
                    <a:pt x="0" y="461"/>
                  </a:cubicBezTo>
                  <a:cubicBezTo>
                    <a:pt x="29" y="491"/>
                    <a:pt x="58" y="519"/>
                    <a:pt x="87" y="547"/>
                  </a:cubicBezTo>
                  <a:cubicBezTo>
                    <a:pt x="365" y="282"/>
                    <a:pt x="741" y="120"/>
                    <a:pt x="1155" y="120"/>
                  </a:cubicBezTo>
                  <a:cubicBezTo>
                    <a:pt x="1568" y="120"/>
                    <a:pt x="1944" y="282"/>
                    <a:pt x="2223" y="546"/>
                  </a:cubicBezTo>
                  <a:cubicBezTo>
                    <a:pt x="2308" y="461"/>
                    <a:pt x="2308" y="461"/>
                    <a:pt x="2308" y="461"/>
                  </a:cubicBezTo>
                  <a:cubicBezTo>
                    <a:pt x="1998" y="163"/>
                    <a:pt x="1590" y="0"/>
                    <a:pt x="1157" y="0"/>
                  </a:cubicBezTo>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8" name="Freeform 793">
              <a:extLst>
                <a:ext uri="{FF2B5EF4-FFF2-40B4-BE49-F238E27FC236}">
                  <a16:creationId xmlns:a16="http://schemas.microsoft.com/office/drawing/2014/main" id="{AE2925DC-EDED-176D-DC6C-6B135DEB3436}"/>
                </a:ext>
              </a:extLst>
            </p:cNvPr>
            <p:cNvSpPr>
              <a:spLocks/>
            </p:cNvSpPr>
            <p:nvPr/>
          </p:nvSpPr>
          <p:spPr bwMode="auto">
            <a:xfrm rot="18900000">
              <a:off x="3529832" y="1267936"/>
              <a:ext cx="357764" cy="1513318"/>
            </a:xfrm>
            <a:custGeom>
              <a:avLst/>
              <a:gdLst>
                <a:gd name="T0" fmla="*/ 85 w 543"/>
                <a:gd name="T1" fmla="*/ 0 h 2297"/>
                <a:gd name="T2" fmla="*/ 0 w 543"/>
                <a:gd name="T3" fmla="*/ 86 h 2297"/>
                <a:gd name="T4" fmla="*/ 424 w 543"/>
                <a:gd name="T5" fmla="*/ 1153 h 2297"/>
                <a:gd name="T6" fmla="*/ 4 w 543"/>
                <a:gd name="T7" fmla="*/ 2216 h 2297"/>
                <a:gd name="T8" fmla="*/ 85 w 543"/>
                <a:gd name="T9" fmla="*/ 2297 h 2297"/>
                <a:gd name="T10" fmla="*/ 543 w 543"/>
                <a:gd name="T11" fmla="*/ 1149 h 2297"/>
                <a:gd name="T12" fmla="*/ 85 w 543"/>
                <a:gd name="T13" fmla="*/ 0 h 2297"/>
              </a:gdLst>
              <a:ahLst/>
              <a:cxnLst>
                <a:cxn ang="0">
                  <a:pos x="T0" y="T1"/>
                </a:cxn>
                <a:cxn ang="0">
                  <a:pos x="T2" y="T3"/>
                </a:cxn>
                <a:cxn ang="0">
                  <a:pos x="T4" y="T5"/>
                </a:cxn>
                <a:cxn ang="0">
                  <a:pos x="T6" y="T7"/>
                </a:cxn>
                <a:cxn ang="0">
                  <a:pos x="T8" y="T9"/>
                </a:cxn>
                <a:cxn ang="0">
                  <a:pos x="T10" y="T11"/>
                </a:cxn>
                <a:cxn ang="0">
                  <a:pos x="T12" y="T13"/>
                </a:cxn>
              </a:cxnLst>
              <a:rect l="0" t="0" r="r" b="b"/>
              <a:pathLst>
                <a:path w="543" h="2297">
                  <a:moveTo>
                    <a:pt x="85" y="0"/>
                  </a:moveTo>
                  <a:cubicBezTo>
                    <a:pt x="55" y="30"/>
                    <a:pt x="27" y="58"/>
                    <a:pt x="0" y="86"/>
                  </a:cubicBezTo>
                  <a:cubicBezTo>
                    <a:pt x="263" y="364"/>
                    <a:pt x="424" y="740"/>
                    <a:pt x="424" y="1153"/>
                  </a:cubicBezTo>
                  <a:cubicBezTo>
                    <a:pt x="424" y="1564"/>
                    <a:pt x="264" y="1939"/>
                    <a:pt x="4" y="2216"/>
                  </a:cubicBezTo>
                  <a:cubicBezTo>
                    <a:pt x="85" y="2297"/>
                    <a:pt x="85" y="2297"/>
                    <a:pt x="85" y="2297"/>
                  </a:cubicBezTo>
                  <a:cubicBezTo>
                    <a:pt x="390" y="1979"/>
                    <a:pt x="543" y="1564"/>
                    <a:pt x="543" y="1149"/>
                  </a:cubicBezTo>
                  <a:cubicBezTo>
                    <a:pt x="543" y="734"/>
                    <a:pt x="390" y="319"/>
                    <a:pt x="85" y="0"/>
                  </a:cubicBezTo>
                </a:path>
              </a:pathLst>
            </a:custGeom>
            <a:solidFill>
              <a:schemeClr val="bg1">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19" name="Freeform 794">
              <a:extLst>
                <a:ext uri="{FF2B5EF4-FFF2-40B4-BE49-F238E27FC236}">
                  <a16:creationId xmlns:a16="http://schemas.microsoft.com/office/drawing/2014/main" id="{3D8944AA-5D85-2FF4-FCFA-D9F9D5A7A91D}"/>
                </a:ext>
              </a:extLst>
            </p:cNvPr>
            <p:cNvSpPr>
              <a:spLocks/>
            </p:cNvSpPr>
            <p:nvPr/>
          </p:nvSpPr>
          <p:spPr bwMode="auto">
            <a:xfrm rot="18900000">
              <a:off x="2229559" y="2570120"/>
              <a:ext cx="356370" cy="1519173"/>
            </a:xfrm>
            <a:custGeom>
              <a:avLst/>
              <a:gdLst>
                <a:gd name="T0" fmla="*/ 454 w 541"/>
                <a:gd name="T1" fmla="*/ 0 h 2306"/>
                <a:gd name="T2" fmla="*/ 0 w 541"/>
                <a:gd name="T3" fmla="*/ 1146 h 2306"/>
                <a:gd name="T4" fmla="*/ 454 w 541"/>
                <a:gd name="T5" fmla="*/ 2306 h 2306"/>
                <a:gd name="T6" fmla="*/ 541 w 541"/>
                <a:gd name="T7" fmla="*/ 2219 h 2306"/>
                <a:gd name="T8" fmla="*/ 118 w 541"/>
                <a:gd name="T9" fmla="*/ 1153 h 2306"/>
                <a:gd name="T10" fmla="*/ 541 w 541"/>
                <a:gd name="T11" fmla="*/ 87 h 2306"/>
                <a:gd name="T12" fmla="*/ 454 w 541"/>
                <a:gd name="T13" fmla="*/ 0 h 2306"/>
              </a:gdLst>
              <a:ahLst/>
              <a:cxnLst>
                <a:cxn ang="0">
                  <a:pos x="T0" y="T1"/>
                </a:cxn>
                <a:cxn ang="0">
                  <a:pos x="T2" y="T3"/>
                </a:cxn>
                <a:cxn ang="0">
                  <a:pos x="T4" y="T5"/>
                </a:cxn>
                <a:cxn ang="0">
                  <a:pos x="T6" y="T7"/>
                </a:cxn>
                <a:cxn ang="0">
                  <a:pos x="T8" y="T9"/>
                </a:cxn>
                <a:cxn ang="0">
                  <a:pos x="T10" y="T11"/>
                </a:cxn>
                <a:cxn ang="0">
                  <a:pos x="T12" y="T13"/>
                </a:cxn>
              </a:cxnLst>
              <a:rect l="0" t="0" r="r" b="b"/>
              <a:pathLst>
                <a:path w="541" h="2306">
                  <a:moveTo>
                    <a:pt x="454" y="0"/>
                  </a:moveTo>
                  <a:cubicBezTo>
                    <a:pt x="152" y="316"/>
                    <a:pt x="0" y="730"/>
                    <a:pt x="0" y="1146"/>
                  </a:cubicBezTo>
                  <a:cubicBezTo>
                    <a:pt x="0" y="1563"/>
                    <a:pt x="152" y="1981"/>
                    <a:pt x="454" y="2306"/>
                  </a:cubicBezTo>
                  <a:cubicBezTo>
                    <a:pt x="541" y="2219"/>
                    <a:pt x="541" y="2219"/>
                    <a:pt x="541" y="2219"/>
                  </a:cubicBezTo>
                  <a:cubicBezTo>
                    <a:pt x="279" y="1941"/>
                    <a:pt x="118" y="1566"/>
                    <a:pt x="118" y="1153"/>
                  </a:cubicBezTo>
                  <a:cubicBezTo>
                    <a:pt x="118" y="740"/>
                    <a:pt x="279" y="366"/>
                    <a:pt x="541" y="87"/>
                  </a:cubicBezTo>
                  <a:cubicBezTo>
                    <a:pt x="454" y="0"/>
                    <a:pt x="454" y="0"/>
                    <a:pt x="454" y="0"/>
                  </a:cubicBezTo>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20" name="Freeform 795">
              <a:extLst>
                <a:ext uri="{FF2B5EF4-FFF2-40B4-BE49-F238E27FC236}">
                  <a16:creationId xmlns:a16="http://schemas.microsoft.com/office/drawing/2014/main" id="{F36A8426-2095-6175-FA2A-D2C84F98E6C8}"/>
                </a:ext>
              </a:extLst>
            </p:cNvPr>
            <p:cNvSpPr>
              <a:spLocks/>
            </p:cNvSpPr>
            <p:nvPr/>
          </p:nvSpPr>
          <p:spPr bwMode="auto">
            <a:xfrm rot="18900000">
              <a:off x="2951487" y="3151014"/>
              <a:ext cx="1520568" cy="359158"/>
            </a:xfrm>
            <a:custGeom>
              <a:avLst/>
              <a:gdLst>
                <a:gd name="T0" fmla="*/ 87 w 2308"/>
                <a:gd name="T1" fmla="*/ 0 h 545"/>
                <a:gd name="T2" fmla="*/ 87 w 2308"/>
                <a:gd name="T3" fmla="*/ 0 h 545"/>
                <a:gd name="T4" fmla="*/ 0 w 2308"/>
                <a:gd name="T5" fmla="*/ 87 h 545"/>
                <a:gd name="T6" fmla="*/ 1162 w 2308"/>
                <a:gd name="T7" fmla="*/ 545 h 545"/>
                <a:gd name="T8" fmla="*/ 1782 w 2308"/>
                <a:gd name="T9" fmla="*/ 427 h 545"/>
                <a:gd name="T10" fmla="*/ 2308 w 2308"/>
                <a:gd name="T11" fmla="*/ 87 h 545"/>
                <a:gd name="T12" fmla="*/ 2222 w 2308"/>
                <a:gd name="T13" fmla="*/ 0 h 545"/>
                <a:gd name="T14" fmla="*/ 2222 w 2308"/>
                <a:gd name="T15" fmla="*/ 0 h 545"/>
                <a:gd name="T16" fmla="*/ 1155 w 2308"/>
                <a:gd name="T17" fmla="*/ 425 h 545"/>
                <a:gd name="T18" fmla="*/ 87 w 2308"/>
                <a:gd name="T19" fmla="*/ 0 h 5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08" h="545">
                  <a:moveTo>
                    <a:pt x="87" y="0"/>
                  </a:moveTo>
                  <a:cubicBezTo>
                    <a:pt x="87" y="0"/>
                    <a:pt x="87" y="0"/>
                    <a:pt x="87" y="0"/>
                  </a:cubicBezTo>
                  <a:cubicBezTo>
                    <a:pt x="0" y="87"/>
                    <a:pt x="0" y="87"/>
                    <a:pt x="0" y="87"/>
                  </a:cubicBezTo>
                  <a:cubicBezTo>
                    <a:pt x="316" y="383"/>
                    <a:pt x="727" y="545"/>
                    <a:pt x="1162" y="545"/>
                  </a:cubicBezTo>
                  <a:cubicBezTo>
                    <a:pt x="1378" y="545"/>
                    <a:pt x="1588" y="504"/>
                    <a:pt x="1782" y="427"/>
                  </a:cubicBezTo>
                  <a:cubicBezTo>
                    <a:pt x="1975" y="349"/>
                    <a:pt x="2154" y="235"/>
                    <a:pt x="2308" y="87"/>
                  </a:cubicBezTo>
                  <a:cubicBezTo>
                    <a:pt x="2278" y="56"/>
                    <a:pt x="2249" y="28"/>
                    <a:pt x="2222" y="0"/>
                  </a:cubicBezTo>
                  <a:cubicBezTo>
                    <a:pt x="2222" y="0"/>
                    <a:pt x="2222" y="0"/>
                    <a:pt x="2222" y="0"/>
                  </a:cubicBezTo>
                  <a:cubicBezTo>
                    <a:pt x="1943" y="263"/>
                    <a:pt x="1568" y="425"/>
                    <a:pt x="1155" y="425"/>
                  </a:cubicBezTo>
                  <a:cubicBezTo>
                    <a:pt x="741" y="425"/>
                    <a:pt x="366" y="263"/>
                    <a:pt x="87" y="0"/>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8016" tIns="64008" rIns="128016" bIns="64008" numCol="1" anchor="t" anchorCtr="0" compatLnSpc="1">
              <a:prstTxWarp prst="textNoShape">
                <a:avLst/>
              </a:prstTxWarp>
            </a:bodyPr>
            <a:lstStyle/>
            <a:p>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21" name="Rectangle 20">
              <a:extLst>
                <a:ext uri="{FF2B5EF4-FFF2-40B4-BE49-F238E27FC236}">
                  <a16:creationId xmlns:a16="http://schemas.microsoft.com/office/drawing/2014/main" id="{E1A6D4C1-2C28-9829-261A-434453EAA74F}"/>
                </a:ext>
              </a:extLst>
            </p:cNvPr>
            <p:cNvSpPr/>
            <p:nvPr/>
          </p:nvSpPr>
          <p:spPr>
            <a:xfrm>
              <a:off x="128735" y="3272807"/>
              <a:ext cx="1963443" cy="606545"/>
            </a:xfrm>
            <a:prstGeom prst="rect">
              <a:avLst/>
            </a:prstGeom>
          </p:spPr>
          <p:txBody>
            <a:bodyPr wrap="square" lIns="0" tIns="0" rIns="0" bIns="0" anchor="ctr">
              <a:spAutoFit/>
            </a:bodyPr>
            <a:lstStyle/>
            <a:p>
              <a:pPr algn="r">
                <a:spcAft>
                  <a:spcPts val="600"/>
                </a:spcAft>
              </a:pPr>
              <a:r>
                <a:rPr lang="en-US" b="1">
                  <a:solidFill>
                    <a:schemeClr val="tx2"/>
                  </a:solidFill>
                  <a:latin typeface="Open Sans" panose="020B0606030504020204" pitchFamily="34" charset="0"/>
                  <a:ea typeface="Open Sans" panose="020B0606030504020204" pitchFamily="34" charset="0"/>
                  <a:cs typeface="Open Sans" panose="020B0606030504020204" pitchFamily="34" charset="0"/>
                </a:rPr>
                <a:t>Governance arrangements</a:t>
              </a:r>
              <a:br>
                <a:rPr lang="en-US"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en-US" b="1">
                  <a:solidFill>
                    <a:schemeClr val="tx2"/>
                  </a:solidFill>
                  <a:latin typeface="Open Sans" panose="020B0606030504020204" pitchFamily="34" charset="0"/>
                  <a:ea typeface="Open Sans" panose="020B0606030504020204" pitchFamily="34" charset="0"/>
                  <a:cs typeface="Open Sans" panose="020B0606030504020204" pitchFamily="34" charset="0"/>
                </a:rPr>
                <a:t> were ineffective</a:t>
              </a:r>
              <a:endParaRPr lang="id-ID" b="1">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algn="r">
                <a:spcAft>
                  <a:spcPts val="600"/>
                </a:spcAft>
              </a:pPr>
              <a:endParaRPr lang="en-US" sz="1400">
                <a:latin typeface="Open Sans" panose="020B0606030504020204" pitchFamily="34" charset="0"/>
                <a:ea typeface="Open Sans" panose="020B0606030504020204" pitchFamily="34" charset="0"/>
                <a:cs typeface="Open Sans" panose="020B0606030504020204" pitchFamily="34" charset="0"/>
              </a:endParaRPr>
            </a:p>
            <a:p>
              <a:pPr algn="r">
                <a:lnSpc>
                  <a:spcPct val="140000"/>
                </a:lnSpc>
                <a:spcAft>
                  <a:spcPts val="600"/>
                </a:spcAft>
              </a:pPr>
              <a:r>
                <a:rPr lang="en-US" sz="1400">
                  <a:latin typeface="Open Sans" panose="020B0606030504020204" pitchFamily="34" charset="0"/>
                  <a:ea typeface="Open Sans" panose="020B0606030504020204" pitchFamily="34" charset="0"/>
                  <a:cs typeface="Open Sans" panose="020B0606030504020204" pitchFamily="34" charset="0"/>
                </a:rPr>
                <a:t> </a:t>
              </a:r>
            </a:p>
          </p:txBody>
        </p:sp>
        <p:sp>
          <p:nvSpPr>
            <p:cNvPr id="22" name="Rectangle 21">
              <a:extLst>
                <a:ext uri="{FF2B5EF4-FFF2-40B4-BE49-F238E27FC236}">
                  <a16:creationId xmlns:a16="http://schemas.microsoft.com/office/drawing/2014/main" id="{18AD53FD-22B2-48A9-AE17-B09E6A49030B}"/>
                </a:ext>
              </a:extLst>
            </p:cNvPr>
            <p:cNvSpPr/>
            <p:nvPr/>
          </p:nvSpPr>
          <p:spPr>
            <a:xfrm>
              <a:off x="4114480" y="3272807"/>
              <a:ext cx="1724250" cy="390249"/>
            </a:xfrm>
            <a:prstGeom prst="rect">
              <a:avLst/>
            </a:prstGeom>
          </p:spPr>
          <p:txBody>
            <a:bodyPr wrap="square" lIns="0" tIns="0" rIns="0" bIns="0" anchor="ctr">
              <a:spAutoFit/>
            </a:bodyPr>
            <a:lstStyle/>
            <a:p>
              <a:pPr>
                <a:spcAft>
                  <a:spcPts val="600"/>
                </a:spcAft>
              </a:pPr>
              <a:r>
                <a:rPr lang="en-US" b="1">
                  <a:solidFill>
                    <a:schemeClr val="accent2"/>
                  </a:solidFill>
                  <a:latin typeface="Open Sans" panose="020B0606030504020204" pitchFamily="34" charset="0"/>
                  <a:ea typeface="Open Sans" panose="020B0606030504020204" pitchFamily="34" charset="0"/>
                  <a:cs typeface="Open Sans" panose="020B0606030504020204" pitchFamily="34" charset="0"/>
                </a:rPr>
                <a:t>The Agreement did not support key reform enablers </a:t>
              </a:r>
              <a:br>
                <a:rPr lang="en-US" b="1">
                  <a:solidFill>
                    <a:schemeClr val="accent2"/>
                  </a:solidFill>
                  <a:latin typeface="Open Sans" panose="020B0606030504020204" pitchFamily="34" charset="0"/>
                  <a:ea typeface="Open Sans" panose="020B0606030504020204" pitchFamily="34" charset="0"/>
                  <a:cs typeface="Open Sans" panose="020B0606030504020204" pitchFamily="34" charset="0"/>
                </a:rPr>
              </a:br>
              <a:endParaRPr lang="en-US" sz="1400">
                <a:latin typeface="Open Sans" panose="020B0606030504020204" pitchFamily="34" charset="0"/>
                <a:ea typeface="Open Sans" panose="020B0606030504020204" pitchFamily="34" charset="0"/>
                <a:cs typeface="Open Sans" panose="020B0606030504020204" pitchFamily="34" charset="0"/>
              </a:endParaRPr>
            </a:p>
          </p:txBody>
        </p:sp>
        <p:sp>
          <p:nvSpPr>
            <p:cNvPr id="23" name="Rectangle 22">
              <a:extLst>
                <a:ext uri="{FF2B5EF4-FFF2-40B4-BE49-F238E27FC236}">
                  <a16:creationId xmlns:a16="http://schemas.microsoft.com/office/drawing/2014/main" id="{2006BC77-2BAE-0C8C-F684-3BBE8EF926FD}"/>
                </a:ext>
              </a:extLst>
            </p:cNvPr>
            <p:cNvSpPr/>
            <p:nvPr/>
          </p:nvSpPr>
          <p:spPr>
            <a:xfrm>
              <a:off x="4114480" y="1779211"/>
              <a:ext cx="1649824" cy="390249"/>
            </a:xfrm>
            <a:prstGeom prst="rect">
              <a:avLst/>
            </a:prstGeom>
          </p:spPr>
          <p:txBody>
            <a:bodyPr wrap="square" lIns="0" tIns="0" rIns="0" bIns="0" anchor="ctr">
              <a:spAutoFit/>
            </a:bodyPr>
            <a:lstStyle/>
            <a:p>
              <a:pPr>
                <a:lnSpc>
                  <a:spcPts val="1960"/>
                </a:lnSpc>
                <a:spcAft>
                  <a:spcPts val="600"/>
                </a:spcAft>
              </a:pPr>
              <a:r>
                <a:rPr lang="en-US" b="1">
                  <a:solidFill>
                    <a:schemeClr val="tx1">
                      <a:lumMod val="65000"/>
                      <a:lumOff val="35000"/>
                    </a:schemeClr>
                  </a:solidFill>
                  <a:latin typeface="Open Sans" panose="020B0606030504020204" pitchFamily="34" charset="0"/>
                  <a:ea typeface="Open Sans" panose="020B0606030504020204" pitchFamily="34" charset="0"/>
                  <a:cs typeface="Open Sans" panose="020B0606030504020204" pitchFamily="34" charset="0"/>
                </a:rPr>
                <a:t>There was inadequate inclusion of people with lived and living experience</a:t>
              </a:r>
            </a:p>
          </p:txBody>
        </p:sp>
        <p:sp>
          <p:nvSpPr>
            <p:cNvPr id="24" name="Rectangle 23">
              <a:extLst>
                <a:ext uri="{FF2B5EF4-FFF2-40B4-BE49-F238E27FC236}">
                  <a16:creationId xmlns:a16="http://schemas.microsoft.com/office/drawing/2014/main" id="{116FC2C6-7A02-557B-0FE0-1B6D19EBE809}"/>
                </a:ext>
              </a:extLst>
            </p:cNvPr>
            <p:cNvSpPr/>
            <p:nvPr/>
          </p:nvSpPr>
          <p:spPr>
            <a:xfrm>
              <a:off x="439968" y="1780162"/>
              <a:ext cx="1652210" cy="260166"/>
            </a:xfrm>
            <a:prstGeom prst="rect">
              <a:avLst/>
            </a:prstGeom>
          </p:spPr>
          <p:txBody>
            <a:bodyPr wrap="square" lIns="0" tIns="0" rIns="0" bIns="0" anchor="ctr">
              <a:spAutoFit/>
            </a:bodyPr>
            <a:lstStyle/>
            <a:p>
              <a:pPr algn="r">
                <a:lnSpc>
                  <a:spcPts val="1960"/>
                </a:lnSpc>
                <a:spcAft>
                  <a:spcPts val="600"/>
                </a:spcAft>
              </a:pPr>
              <a: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t>The Agreement was not  </a:t>
              </a:r>
              <a:b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br>
              <a:r>
                <a:rPr lang="en-US" b="1">
                  <a:solidFill>
                    <a:schemeClr val="bg2"/>
                  </a:solidFill>
                  <a:latin typeface="Open Sans" panose="020B0606030504020204" pitchFamily="34" charset="0"/>
                  <a:ea typeface="Open Sans" panose="020B0606030504020204" pitchFamily="34" charset="0"/>
                  <a:cs typeface="Open Sans" panose="020B0606030504020204" pitchFamily="34" charset="0"/>
                </a:rPr>
                <a:t>set up for success</a:t>
              </a:r>
              <a:r>
                <a:rPr lang="en-US" sz="1400">
                  <a:latin typeface="Open Sans" panose="020B0606030504020204" pitchFamily="34" charset="0"/>
                  <a:ea typeface="Open Sans" panose="020B0606030504020204" pitchFamily="34" charset="0"/>
                  <a:cs typeface="Open Sans" panose="020B0606030504020204" pitchFamily="34" charset="0"/>
                </a:rPr>
                <a:t> </a:t>
              </a:r>
            </a:p>
          </p:txBody>
        </p:sp>
        <p:sp>
          <p:nvSpPr>
            <p:cNvPr id="25" name="Rectangle 24">
              <a:extLst>
                <a:ext uri="{FF2B5EF4-FFF2-40B4-BE49-F238E27FC236}">
                  <a16:creationId xmlns:a16="http://schemas.microsoft.com/office/drawing/2014/main" id="{0A14610E-266D-1163-A951-3B1078939877}"/>
                </a:ext>
              </a:extLst>
            </p:cNvPr>
            <p:cNvSpPr/>
            <p:nvPr/>
          </p:nvSpPr>
          <p:spPr>
            <a:xfrm>
              <a:off x="2594821" y="2593576"/>
              <a:ext cx="899999" cy="156100"/>
            </a:xfrm>
            <a:prstGeom prst="rect">
              <a:avLst/>
            </a:prstGeom>
          </p:spPr>
          <p:txBody>
            <a:bodyPr wrap="square" anchor="ctr">
              <a:spAutoFit/>
            </a:bodyPr>
            <a:lstStyle/>
            <a:p>
              <a:pPr algn="ctr"/>
              <a:endParaRPr lang="en-US" sz="1400">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26" name="Group 25">
            <a:extLst>
              <a:ext uri="{FF2B5EF4-FFF2-40B4-BE49-F238E27FC236}">
                <a16:creationId xmlns:a16="http://schemas.microsoft.com/office/drawing/2014/main" id="{56C4F55A-5B1D-30C9-624A-1987059B5B34}"/>
              </a:ext>
            </a:extLst>
          </p:cNvPr>
          <p:cNvGrpSpPr/>
          <p:nvPr/>
        </p:nvGrpSpPr>
        <p:grpSpPr>
          <a:xfrm>
            <a:off x="5720471" y="3406260"/>
            <a:ext cx="751050" cy="821627"/>
            <a:chOff x="1796235" y="2188591"/>
            <a:chExt cx="418848" cy="419239"/>
          </a:xfrm>
        </p:grpSpPr>
        <p:sp>
          <p:nvSpPr>
            <p:cNvPr id="27" name="Graphic 2">
              <a:extLst>
                <a:ext uri="{FF2B5EF4-FFF2-40B4-BE49-F238E27FC236}">
                  <a16:creationId xmlns:a16="http://schemas.microsoft.com/office/drawing/2014/main" id="{8DA3F724-F123-614E-F86F-391965C13D6B}"/>
                </a:ext>
              </a:extLst>
            </p:cNvPr>
            <p:cNvSpPr/>
            <p:nvPr/>
          </p:nvSpPr>
          <p:spPr>
            <a:xfrm>
              <a:off x="1800320" y="2199544"/>
              <a:ext cx="266795" cy="261556"/>
            </a:xfrm>
            <a:custGeom>
              <a:avLst/>
              <a:gdLst>
                <a:gd name="connsiteX0" fmla="*/ 148685 w 266795"/>
                <a:gd name="connsiteY0" fmla="*/ 0 h 261556"/>
                <a:gd name="connsiteX1" fmla="*/ 157734 w 266795"/>
                <a:gd name="connsiteY1" fmla="*/ 21336 h 261556"/>
                <a:gd name="connsiteX2" fmla="*/ 176689 w 266795"/>
                <a:gd name="connsiteY2" fmla="*/ 28766 h 261556"/>
                <a:gd name="connsiteX3" fmla="*/ 197358 w 266795"/>
                <a:gd name="connsiteY3" fmla="*/ 14383 h 261556"/>
                <a:gd name="connsiteX4" fmla="*/ 223837 w 266795"/>
                <a:gd name="connsiteY4" fmla="*/ 31909 h 261556"/>
                <a:gd name="connsiteX5" fmla="*/ 217456 w 266795"/>
                <a:gd name="connsiteY5" fmla="*/ 56769 h 261556"/>
                <a:gd name="connsiteX6" fmla="*/ 230219 w 266795"/>
                <a:gd name="connsiteY6" fmla="*/ 75819 h 261556"/>
                <a:gd name="connsiteX7" fmla="*/ 258223 w 266795"/>
                <a:gd name="connsiteY7" fmla="*/ 75819 h 261556"/>
                <a:gd name="connsiteX8" fmla="*/ 263557 w 266795"/>
                <a:gd name="connsiteY8" fmla="*/ 101727 h 261556"/>
                <a:gd name="connsiteX9" fmla="*/ 246602 w 266795"/>
                <a:gd name="connsiteY9" fmla="*/ 118682 h 261556"/>
                <a:gd name="connsiteX10" fmla="*/ 247650 w 266795"/>
                <a:gd name="connsiteY10" fmla="*/ 144590 h 261556"/>
                <a:gd name="connsiteX11" fmla="*/ 266795 w 266795"/>
                <a:gd name="connsiteY11" fmla="*/ 153638 h 261556"/>
                <a:gd name="connsiteX12" fmla="*/ 258794 w 266795"/>
                <a:gd name="connsiteY12" fmla="*/ 184309 h 261556"/>
                <a:gd name="connsiteX13" fmla="*/ 229172 w 266795"/>
                <a:gd name="connsiteY13" fmla="*/ 189071 h 261556"/>
                <a:gd name="connsiteX14" fmla="*/ 219647 w 266795"/>
                <a:gd name="connsiteY14" fmla="*/ 205454 h 261556"/>
                <a:gd name="connsiteX15" fmla="*/ 222790 w 266795"/>
                <a:gd name="connsiteY15" fmla="*/ 227171 h 261556"/>
                <a:gd name="connsiteX16" fmla="*/ 201644 w 266795"/>
                <a:gd name="connsiteY16" fmla="*/ 246221 h 261556"/>
                <a:gd name="connsiteX17" fmla="*/ 172022 w 266795"/>
                <a:gd name="connsiteY17" fmla="*/ 234029 h 261556"/>
                <a:gd name="connsiteX18" fmla="*/ 154495 w 266795"/>
                <a:gd name="connsiteY18" fmla="*/ 239363 h 261556"/>
                <a:gd name="connsiteX19" fmla="*/ 148685 w 266795"/>
                <a:gd name="connsiteY19" fmla="*/ 261557 h 261556"/>
                <a:gd name="connsiteX20" fmla="*/ 115919 w 266795"/>
                <a:gd name="connsiteY20" fmla="*/ 261557 h 261556"/>
                <a:gd name="connsiteX21" fmla="*/ 107918 w 266795"/>
                <a:gd name="connsiteY21" fmla="*/ 240411 h 261556"/>
                <a:gd name="connsiteX22" fmla="*/ 87725 w 266795"/>
                <a:gd name="connsiteY22" fmla="*/ 232982 h 261556"/>
                <a:gd name="connsiteX23" fmla="*/ 69723 w 266795"/>
                <a:gd name="connsiteY23" fmla="*/ 244602 h 261556"/>
                <a:gd name="connsiteX24" fmla="*/ 41243 w 266795"/>
                <a:gd name="connsiteY24" fmla="*/ 227743 h 261556"/>
                <a:gd name="connsiteX25" fmla="*/ 48673 w 266795"/>
                <a:gd name="connsiteY25" fmla="*/ 206026 h 261556"/>
                <a:gd name="connsiteX26" fmla="*/ 34957 w 266795"/>
                <a:gd name="connsiteY26" fmla="*/ 186976 h 261556"/>
                <a:gd name="connsiteX27" fmla="*/ 9239 w 266795"/>
                <a:gd name="connsiteY27" fmla="*/ 185357 h 261556"/>
                <a:gd name="connsiteX28" fmla="*/ 0 w 266795"/>
                <a:gd name="connsiteY28" fmla="*/ 150971 h 261556"/>
                <a:gd name="connsiteX29" fmla="*/ 24384 w 266795"/>
                <a:gd name="connsiteY29" fmla="*/ 134493 h 261556"/>
                <a:gd name="connsiteX30" fmla="*/ 21717 w 266795"/>
                <a:gd name="connsiteY30" fmla="*/ 116015 h 261556"/>
                <a:gd name="connsiteX31" fmla="*/ 0 w 266795"/>
                <a:gd name="connsiteY31" fmla="*/ 108680 h 261556"/>
                <a:gd name="connsiteX32" fmla="*/ 9239 w 266795"/>
                <a:gd name="connsiteY32" fmla="*/ 78962 h 261556"/>
                <a:gd name="connsiteX33" fmla="*/ 39148 w 266795"/>
                <a:gd name="connsiteY33" fmla="*/ 75343 h 261556"/>
                <a:gd name="connsiteX34" fmla="*/ 50292 w 266795"/>
                <a:gd name="connsiteY34" fmla="*/ 55150 h 261556"/>
                <a:gd name="connsiteX35" fmla="*/ 40767 w 266795"/>
                <a:gd name="connsiteY35" fmla="*/ 30861 h 261556"/>
                <a:gd name="connsiteX36" fmla="*/ 73057 w 266795"/>
                <a:gd name="connsiteY36" fmla="*/ 14478 h 261556"/>
                <a:gd name="connsiteX37" fmla="*/ 97345 w 266795"/>
                <a:gd name="connsiteY37" fmla="*/ 32480 h 261556"/>
                <a:gd name="connsiteX38" fmla="*/ 112681 w 266795"/>
                <a:gd name="connsiteY38" fmla="*/ 22955 h 261556"/>
                <a:gd name="connsiteX39" fmla="*/ 116967 w 266795"/>
                <a:gd name="connsiteY39" fmla="*/ 0 h 261556"/>
                <a:gd name="connsiteX40" fmla="*/ 148685 w 266795"/>
                <a:gd name="connsiteY40" fmla="*/ 0 h 261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66795" h="261556">
                  <a:moveTo>
                    <a:pt x="148685" y="0"/>
                  </a:moveTo>
                  <a:lnTo>
                    <a:pt x="157734" y="21336"/>
                  </a:lnTo>
                  <a:lnTo>
                    <a:pt x="176689" y="28766"/>
                  </a:lnTo>
                  <a:lnTo>
                    <a:pt x="197358" y="14383"/>
                  </a:lnTo>
                  <a:lnTo>
                    <a:pt x="223837" y="31909"/>
                  </a:lnTo>
                  <a:lnTo>
                    <a:pt x="217456" y="56769"/>
                  </a:lnTo>
                  <a:lnTo>
                    <a:pt x="230219" y="75819"/>
                  </a:lnTo>
                  <a:lnTo>
                    <a:pt x="258223" y="75819"/>
                  </a:lnTo>
                  <a:lnTo>
                    <a:pt x="263557" y="101727"/>
                  </a:lnTo>
                  <a:lnTo>
                    <a:pt x="246602" y="118682"/>
                  </a:lnTo>
                  <a:lnTo>
                    <a:pt x="247650" y="144590"/>
                  </a:lnTo>
                  <a:lnTo>
                    <a:pt x="266795" y="153638"/>
                  </a:lnTo>
                  <a:lnTo>
                    <a:pt x="258794" y="184309"/>
                  </a:lnTo>
                  <a:lnTo>
                    <a:pt x="229172" y="189071"/>
                  </a:lnTo>
                  <a:lnTo>
                    <a:pt x="219647" y="205454"/>
                  </a:lnTo>
                  <a:lnTo>
                    <a:pt x="222790" y="227171"/>
                  </a:lnTo>
                  <a:lnTo>
                    <a:pt x="201644" y="246221"/>
                  </a:lnTo>
                  <a:lnTo>
                    <a:pt x="172022" y="234029"/>
                  </a:lnTo>
                  <a:lnTo>
                    <a:pt x="154495" y="239363"/>
                  </a:lnTo>
                  <a:lnTo>
                    <a:pt x="148685" y="261557"/>
                  </a:lnTo>
                  <a:lnTo>
                    <a:pt x="115919" y="261557"/>
                  </a:lnTo>
                  <a:lnTo>
                    <a:pt x="107918" y="240411"/>
                  </a:lnTo>
                  <a:lnTo>
                    <a:pt x="87725" y="232982"/>
                  </a:lnTo>
                  <a:lnTo>
                    <a:pt x="69723" y="244602"/>
                  </a:lnTo>
                  <a:lnTo>
                    <a:pt x="41243" y="227743"/>
                  </a:lnTo>
                  <a:lnTo>
                    <a:pt x="48673" y="206026"/>
                  </a:lnTo>
                  <a:lnTo>
                    <a:pt x="34957" y="186976"/>
                  </a:lnTo>
                  <a:lnTo>
                    <a:pt x="9239" y="185357"/>
                  </a:lnTo>
                  <a:lnTo>
                    <a:pt x="0" y="150971"/>
                  </a:lnTo>
                  <a:lnTo>
                    <a:pt x="24384" y="134493"/>
                  </a:lnTo>
                  <a:lnTo>
                    <a:pt x="21717" y="116015"/>
                  </a:lnTo>
                  <a:lnTo>
                    <a:pt x="0" y="108680"/>
                  </a:lnTo>
                  <a:lnTo>
                    <a:pt x="9239" y="78962"/>
                  </a:lnTo>
                  <a:lnTo>
                    <a:pt x="39148" y="75343"/>
                  </a:lnTo>
                  <a:lnTo>
                    <a:pt x="50292" y="55150"/>
                  </a:lnTo>
                  <a:lnTo>
                    <a:pt x="40767" y="30861"/>
                  </a:lnTo>
                  <a:lnTo>
                    <a:pt x="73057" y="14478"/>
                  </a:lnTo>
                  <a:lnTo>
                    <a:pt x="97345" y="32480"/>
                  </a:lnTo>
                  <a:lnTo>
                    <a:pt x="112681" y="22955"/>
                  </a:lnTo>
                  <a:lnTo>
                    <a:pt x="116967" y="0"/>
                  </a:lnTo>
                  <a:lnTo>
                    <a:pt x="148685" y="0"/>
                  </a:lnTo>
                  <a:close/>
                </a:path>
              </a:pathLst>
            </a:custGeom>
            <a:solidFill>
              <a:srgbClr val="C7E4F1"/>
            </a:solidFill>
            <a:ln w="9525" cap="flat">
              <a:noFill/>
              <a:prstDash val="solid"/>
              <a:miter/>
            </a:ln>
          </p:spPr>
          <p:txBody>
            <a:bodyPr rtlCol="0" anchor="ctr"/>
            <a:lstStyle/>
            <a:p>
              <a:endParaRPr lang="en-AU" sz="153"/>
            </a:p>
          </p:txBody>
        </p:sp>
        <p:sp>
          <p:nvSpPr>
            <p:cNvPr id="28" name="Graphic 2">
              <a:extLst>
                <a:ext uri="{FF2B5EF4-FFF2-40B4-BE49-F238E27FC236}">
                  <a16:creationId xmlns:a16="http://schemas.microsoft.com/office/drawing/2014/main" id="{B5CECE99-AD95-CEE4-BFBD-EFD43C50C220}"/>
                </a:ext>
              </a:extLst>
            </p:cNvPr>
            <p:cNvSpPr/>
            <p:nvPr/>
          </p:nvSpPr>
          <p:spPr>
            <a:xfrm>
              <a:off x="1877568" y="2270315"/>
              <a:ext cx="121729" cy="121729"/>
            </a:xfrm>
            <a:custGeom>
              <a:avLst/>
              <a:gdLst>
                <a:gd name="connsiteX0" fmla="*/ 121729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29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29" y="60865"/>
                  </a:moveTo>
                  <a:cubicBezTo>
                    <a:pt x="121729" y="94479"/>
                    <a:pt x="94479" y="121730"/>
                    <a:pt x="60865" y="121730"/>
                  </a:cubicBezTo>
                  <a:cubicBezTo>
                    <a:pt x="27250" y="121730"/>
                    <a:pt x="0" y="94479"/>
                    <a:pt x="0" y="60865"/>
                  </a:cubicBezTo>
                  <a:cubicBezTo>
                    <a:pt x="0" y="27250"/>
                    <a:pt x="27250" y="0"/>
                    <a:pt x="60865" y="0"/>
                  </a:cubicBezTo>
                  <a:cubicBezTo>
                    <a:pt x="94479" y="0"/>
                    <a:pt x="121729" y="27250"/>
                    <a:pt x="121729" y="60865"/>
                  </a:cubicBezTo>
                  <a:close/>
                </a:path>
              </a:pathLst>
            </a:custGeom>
            <a:solidFill>
              <a:srgbClr val="66B9DA"/>
            </a:solidFill>
            <a:ln w="9525" cap="flat">
              <a:noFill/>
              <a:prstDash val="solid"/>
              <a:miter/>
            </a:ln>
          </p:spPr>
          <p:txBody>
            <a:bodyPr rtlCol="0" anchor="ctr"/>
            <a:lstStyle/>
            <a:p>
              <a:endParaRPr lang="en-AU" sz="153"/>
            </a:p>
          </p:txBody>
        </p:sp>
        <p:sp>
          <p:nvSpPr>
            <p:cNvPr id="29" name="Graphic 2">
              <a:extLst>
                <a:ext uri="{FF2B5EF4-FFF2-40B4-BE49-F238E27FC236}">
                  <a16:creationId xmlns:a16="http://schemas.microsoft.com/office/drawing/2014/main" id="{0872888D-994F-DA2D-7BBF-A144D94E9D41}"/>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30" name="Graphic 2">
              <a:extLst>
                <a:ext uri="{FF2B5EF4-FFF2-40B4-BE49-F238E27FC236}">
                  <a16:creationId xmlns:a16="http://schemas.microsoft.com/office/drawing/2014/main" id="{28285DFE-79CF-1DFC-C015-2C8CB1B0ACF3}"/>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31" name="Graphic 2">
              <a:extLst>
                <a:ext uri="{FF2B5EF4-FFF2-40B4-BE49-F238E27FC236}">
                  <a16:creationId xmlns:a16="http://schemas.microsoft.com/office/drawing/2014/main" id="{0B4D2FC3-F4D7-B5FE-FC18-2F3BD271BC47}"/>
                </a:ext>
              </a:extLst>
            </p:cNvPr>
            <p:cNvSpPr/>
            <p:nvPr/>
          </p:nvSpPr>
          <p:spPr>
            <a:xfrm>
              <a:off x="1875948" y="2268982"/>
              <a:ext cx="124968" cy="124967"/>
            </a:xfrm>
            <a:custGeom>
              <a:avLst/>
              <a:gdLst>
                <a:gd name="connsiteX0" fmla="*/ 62484 w 124968"/>
                <a:gd name="connsiteY0" fmla="*/ 124968 h 124967"/>
                <a:gd name="connsiteX1" fmla="*/ 0 w 124968"/>
                <a:gd name="connsiteY1" fmla="*/ 62484 h 124967"/>
                <a:gd name="connsiteX2" fmla="*/ 62484 w 124968"/>
                <a:gd name="connsiteY2" fmla="*/ 0 h 124967"/>
                <a:gd name="connsiteX3" fmla="*/ 124968 w 124968"/>
                <a:gd name="connsiteY3" fmla="*/ 62484 h 124967"/>
                <a:gd name="connsiteX4" fmla="*/ 124968 w 124968"/>
                <a:gd name="connsiteY4" fmla="*/ 62579 h 124967"/>
                <a:gd name="connsiteX5" fmla="*/ 62484 w 124968"/>
                <a:gd name="connsiteY5" fmla="*/ 124968 h 124967"/>
                <a:gd name="connsiteX6" fmla="*/ 62484 w 124968"/>
                <a:gd name="connsiteY6" fmla="*/ 18002 h 124967"/>
                <a:gd name="connsiteX7" fmla="*/ 17907 w 124968"/>
                <a:gd name="connsiteY7" fmla="*/ 62579 h 124967"/>
                <a:gd name="connsiteX8" fmla="*/ 62484 w 124968"/>
                <a:gd name="connsiteY8" fmla="*/ 107156 h 124967"/>
                <a:gd name="connsiteX9" fmla="*/ 107061 w 124968"/>
                <a:gd name="connsiteY9" fmla="*/ 62579 h 124967"/>
                <a:gd name="connsiteX10" fmla="*/ 62865 w 124968"/>
                <a:gd name="connsiteY10" fmla="*/ 17621 h 124967"/>
                <a:gd name="connsiteX11" fmla="*/ 62484 w 124968"/>
                <a:gd name="connsiteY11" fmla="*/ 17621 h 1249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4968" h="124967">
                  <a:moveTo>
                    <a:pt x="62484" y="124968"/>
                  </a:moveTo>
                  <a:cubicBezTo>
                    <a:pt x="27975" y="124968"/>
                    <a:pt x="0" y="96993"/>
                    <a:pt x="0" y="62484"/>
                  </a:cubicBezTo>
                  <a:cubicBezTo>
                    <a:pt x="0" y="27975"/>
                    <a:pt x="27975" y="0"/>
                    <a:pt x="62484" y="0"/>
                  </a:cubicBezTo>
                  <a:cubicBezTo>
                    <a:pt x="96993" y="0"/>
                    <a:pt x="124968" y="27975"/>
                    <a:pt x="124968" y="62484"/>
                  </a:cubicBezTo>
                  <a:cubicBezTo>
                    <a:pt x="124968" y="62512"/>
                    <a:pt x="124968" y="62551"/>
                    <a:pt x="124968" y="62579"/>
                  </a:cubicBezTo>
                  <a:cubicBezTo>
                    <a:pt x="124911" y="97050"/>
                    <a:pt x="96955" y="124968"/>
                    <a:pt x="62484" y="124968"/>
                  </a:cubicBezTo>
                  <a:close/>
                  <a:moveTo>
                    <a:pt x="62484" y="18002"/>
                  </a:moveTo>
                  <a:cubicBezTo>
                    <a:pt x="37862" y="18002"/>
                    <a:pt x="17907" y="37957"/>
                    <a:pt x="17907" y="62579"/>
                  </a:cubicBezTo>
                  <a:cubicBezTo>
                    <a:pt x="17907" y="87201"/>
                    <a:pt x="37862" y="107156"/>
                    <a:pt x="62484" y="107156"/>
                  </a:cubicBezTo>
                  <a:cubicBezTo>
                    <a:pt x="87106" y="107156"/>
                    <a:pt x="107061" y="87201"/>
                    <a:pt x="107061" y="62579"/>
                  </a:cubicBezTo>
                  <a:cubicBezTo>
                    <a:pt x="107271" y="37957"/>
                    <a:pt x="87487" y="17831"/>
                    <a:pt x="62865" y="17621"/>
                  </a:cubicBezTo>
                  <a:cubicBezTo>
                    <a:pt x="62741" y="17621"/>
                    <a:pt x="62608" y="17621"/>
                    <a:pt x="62484" y="17621"/>
                  </a:cubicBezTo>
                  <a:close/>
                </a:path>
              </a:pathLst>
            </a:custGeom>
            <a:solidFill>
              <a:srgbClr val="265998"/>
            </a:solidFill>
            <a:ln w="9525" cap="flat">
              <a:noFill/>
              <a:prstDash val="solid"/>
              <a:miter/>
            </a:ln>
          </p:spPr>
          <p:txBody>
            <a:bodyPr rtlCol="0" anchor="ctr"/>
            <a:lstStyle/>
            <a:p>
              <a:endParaRPr lang="en-AU" sz="153"/>
            </a:p>
          </p:txBody>
        </p:sp>
        <p:sp>
          <p:nvSpPr>
            <p:cNvPr id="32" name="Graphic 2">
              <a:extLst>
                <a:ext uri="{FF2B5EF4-FFF2-40B4-BE49-F238E27FC236}">
                  <a16:creationId xmlns:a16="http://schemas.microsoft.com/office/drawing/2014/main" id="{DEB52483-1ADA-A60F-1983-C1525B47A7F3}"/>
                </a:ext>
              </a:extLst>
            </p:cNvPr>
            <p:cNvSpPr/>
            <p:nvPr/>
          </p:nvSpPr>
          <p:spPr>
            <a:xfrm>
              <a:off x="1933636" y="2340038"/>
              <a:ext cx="281447" cy="267792"/>
            </a:xfrm>
            <a:custGeom>
              <a:avLst/>
              <a:gdLst>
                <a:gd name="connsiteX0" fmla="*/ 138527 w 281447"/>
                <a:gd name="connsiteY0" fmla="*/ 267462 h 267792"/>
                <a:gd name="connsiteX1" fmla="*/ 121573 w 281447"/>
                <a:gd name="connsiteY1" fmla="*/ 266510 h 267792"/>
                <a:gd name="connsiteX2" fmla="*/ 114048 w 281447"/>
                <a:gd name="connsiteY2" fmla="*/ 260128 h 267792"/>
                <a:gd name="connsiteX3" fmla="*/ 108523 w 281447"/>
                <a:gd name="connsiteY3" fmla="*/ 242030 h 267792"/>
                <a:gd name="connsiteX4" fmla="*/ 105476 w 281447"/>
                <a:gd name="connsiteY4" fmla="*/ 239078 h 267792"/>
                <a:gd name="connsiteX5" fmla="*/ 97570 w 281447"/>
                <a:gd name="connsiteY5" fmla="*/ 236506 h 267792"/>
                <a:gd name="connsiteX6" fmla="*/ 96141 w 281447"/>
                <a:gd name="connsiteY6" fmla="*/ 236506 h 267792"/>
                <a:gd name="connsiteX7" fmla="*/ 93474 w 281447"/>
                <a:gd name="connsiteY7" fmla="*/ 237363 h 267792"/>
                <a:gd name="connsiteX8" fmla="*/ 77948 w 281447"/>
                <a:gd name="connsiteY8" fmla="*/ 249079 h 267792"/>
                <a:gd name="connsiteX9" fmla="*/ 72519 w 281447"/>
                <a:gd name="connsiteY9" fmla="*/ 250889 h 267792"/>
                <a:gd name="connsiteX10" fmla="*/ 68233 w 281447"/>
                <a:gd name="connsiteY10" fmla="*/ 249841 h 267792"/>
                <a:gd name="connsiteX11" fmla="*/ 40134 w 281447"/>
                <a:gd name="connsiteY11" fmla="*/ 229838 h 267792"/>
                <a:gd name="connsiteX12" fmla="*/ 37753 w 281447"/>
                <a:gd name="connsiteY12" fmla="*/ 220313 h 267792"/>
                <a:gd name="connsiteX13" fmla="*/ 44135 w 281447"/>
                <a:gd name="connsiteY13" fmla="*/ 202502 h 267792"/>
                <a:gd name="connsiteX14" fmla="*/ 43468 w 281447"/>
                <a:gd name="connsiteY14" fmla="*/ 198215 h 267792"/>
                <a:gd name="connsiteX15" fmla="*/ 38705 w 281447"/>
                <a:gd name="connsiteY15" fmla="*/ 191929 h 267792"/>
                <a:gd name="connsiteX16" fmla="*/ 35086 w 281447"/>
                <a:gd name="connsiteY16" fmla="*/ 190024 h 267792"/>
                <a:gd name="connsiteX17" fmla="*/ 15369 w 281447"/>
                <a:gd name="connsiteY17" fmla="*/ 190596 h 267792"/>
                <a:gd name="connsiteX18" fmla="*/ 15369 w 281447"/>
                <a:gd name="connsiteY18" fmla="*/ 190596 h 267792"/>
                <a:gd name="connsiteX19" fmla="*/ 7273 w 281447"/>
                <a:gd name="connsiteY19" fmla="*/ 185452 h 267792"/>
                <a:gd name="connsiteX20" fmla="*/ 319 w 281447"/>
                <a:gd name="connsiteY20" fmla="*/ 167926 h 267792"/>
                <a:gd name="connsiteX21" fmla="*/ 6130 w 281447"/>
                <a:gd name="connsiteY21" fmla="*/ 156591 h 267792"/>
                <a:gd name="connsiteX22" fmla="*/ 8892 w 281447"/>
                <a:gd name="connsiteY22" fmla="*/ 156591 h 267792"/>
                <a:gd name="connsiteX23" fmla="*/ 17464 w 281447"/>
                <a:gd name="connsiteY23" fmla="*/ 162782 h 267792"/>
                <a:gd name="connsiteX24" fmla="*/ 19941 w 281447"/>
                <a:gd name="connsiteY24" fmla="*/ 170021 h 267792"/>
                <a:gd name="connsiteX25" fmla="*/ 24037 w 281447"/>
                <a:gd name="connsiteY25" fmla="*/ 172784 h 267792"/>
                <a:gd name="connsiteX26" fmla="*/ 42230 w 281447"/>
                <a:gd name="connsiteY26" fmla="*/ 172212 h 267792"/>
                <a:gd name="connsiteX27" fmla="*/ 50231 w 281447"/>
                <a:gd name="connsiteY27" fmla="*/ 176594 h 267792"/>
                <a:gd name="connsiteX28" fmla="*/ 62137 w 281447"/>
                <a:gd name="connsiteY28" fmla="*/ 192500 h 267792"/>
                <a:gd name="connsiteX29" fmla="*/ 63947 w 281447"/>
                <a:gd name="connsiteY29" fmla="*/ 202025 h 267792"/>
                <a:gd name="connsiteX30" fmla="*/ 58041 w 281447"/>
                <a:gd name="connsiteY30" fmla="*/ 218408 h 267792"/>
                <a:gd name="connsiteX31" fmla="*/ 59470 w 281447"/>
                <a:gd name="connsiteY31" fmla="*/ 223361 h 267792"/>
                <a:gd name="connsiteX32" fmla="*/ 69566 w 281447"/>
                <a:gd name="connsiteY32" fmla="*/ 230410 h 267792"/>
                <a:gd name="connsiteX33" fmla="*/ 71852 w 281447"/>
                <a:gd name="connsiteY33" fmla="*/ 231077 h 267792"/>
                <a:gd name="connsiteX34" fmla="*/ 74519 w 281447"/>
                <a:gd name="connsiteY34" fmla="*/ 230219 h 267792"/>
                <a:gd name="connsiteX35" fmla="*/ 88807 w 281447"/>
                <a:gd name="connsiteY35" fmla="*/ 219361 h 267792"/>
                <a:gd name="connsiteX36" fmla="*/ 94236 w 281447"/>
                <a:gd name="connsiteY36" fmla="*/ 217551 h 267792"/>
                <a:gd name="connsiteX37" fmla="*/ 97760 w 281447"/>
                <a:gd name="connsiteY37" fmla="*/ 218218 h 267792"/>
                <a:gd name="connsiteX38" fmla="*/ 116810 w 281447"/>
                <a:gd name="connsiteY38" fmla="*/ 224314 h 267792"/>
                <a:gd name="connsiteX39" fmla="*/ 123478 w 281447"/>
                <a:gd name="connsiteY39" fmla="*/ 230505 h 267792"/>
                <a:gd name="connsiteX40" fmla="*/ 128621 w 281447"/>
                <a:gd name="connsiteY40" fmla="*/ 247269 h 267792"/>
                <a:gd name="connsiteX41" fmla="*/ 132527 w 281447"/>
                <a:gd name="connsiteY41" fmla="*/ 250413 h 267792"/>
                <a:gd name="connsiteX42" fmla="*/ 138908 w 281447"/>
                <a:gd name="connsiteY42" fmla="*/ 250413 h 267792"/>
                <a:gd name="connsiteX43" fmla="*/ 145195 w 281447"/>
                <a:gd name="connsiteY43" fmla="*/ 250413 h 267792"/>
                <a:gd name="connsiteX44" fmla="*/ 149195 w 281447"/>
                <a:gd name="connsiteY44" fmla="*/ 247269 h 267792"/>
                <a:gd name="connsiteX45" fmla="*/ 154148 w 281447"/>
                <a:gd name="connsiteY45" fmla="*/ 230410 h 267792"/>
                <a:gd name="connsiteX46" fmla="*/ 160911 w 281447"/>
                <a:gd name="connsiteY46" fmla="*/ 224219 h 267792"/>
                <a:gd name="connsiteX47" fmla="*/ 179961 w 281447"/>
                <a:gd name="connsiteY47" fmla="*/ 218027 h 267792"/>
                <a:gd name="connsiteX48" fmla="*/ 183485 w 281447"/>
                <a:gd name="connsiteY48" fmla="*/ 217361 h 267792"/>
                <a:gd name="connsiteX49" fmla="*/ 188914 w 281447"/>
                <a:gd name="connsiteY49" fmla="*/ 219075 h 267792"/>
                <a:gd name="connsiteX50" fmla="*/ 203202 w 281447"/>
                <a:gd name="connsiteY50" fmla="*/ 229838 h 267792"/>
                <a:gd name="connsiteX51" fmla="*/ 205869 w 281447"/>
                <a:gd name="connsiteY51" fmla="*/ 230791 h 267792"/>
                <a:gd name="connsiteX52" fmla="*/ 208250 w 281447"/>
                <a:gd name="connsiteY52" fmla="*/ 230029 h 267792"/>
                <a:gd name="connsiteX53" fmla="*/ 218252 w 281447"/>
                <a:gd name="connsiteY53" fmla="*/ 222885 h 267792"/>
                <a:gd name="connsiteX54" fmla="*/ 219680 w 281447"/>
                <a:gd name="connsiteY54" fmla="*/ 217932 h 267792"/>
                <a:gd name="connsiteX55" fmla="*/ 213680 w 281447"/>
                <a:gd name="connsiteY55" fmla="*/ 201644 h 267792"/>
                <a:gd name="connsiteX56" fmla="*/ 215489 w 281447"/>
                <a:gd name="connsiteY56" fmla="*/ 192119 h 267792"/>
                <a:gd name="connsiteX57" fmla="*/ 227300 w 281447"/>
                <a:gd name="connsiteY57" fmla="*/ 176117 h 267792"/>
                <a:gd name="connsiteX58" fmla="*/ 235206 w 281447"/>
                <a:gd name="connsiteY58" fmla="*/ 171736 h 267792"/>
                <a:gd name="connsiteX59" fmla="*/ 253399 w 281447"/>
                <a:gd name="connsiteY59" fmla="*/ 171736 h 267792"/>
                <a:gd name="connsiteX60" fmla="*/ 257494 w 281447"/>
                <a:gd name="connsiteY60" fmla="*/ 168974 h 267792"/>
                <a:gd name="connsiteX61" fmla="*/ 261114 w 281447"/>
                <a:gd name="connsiteY61" fmla="*/ 157734 h 267792"/>
                <a:gd name="connsiteX62" fmla="*/ 259400 w 281447"/>
                <a:gd name="connsiteY62" fmla="*/ 152876 h 267792"/>
                <a:gd name="connsiteX63" fmla="*/ 244636 w 281447"/>
                <a:gd name="connsiteY63" fmla="*/ 143351 h 267792"/>
                <a:gd name="connsiteX64" fmla="*/ 240731 w 281447"/>
                <a:gd name="connsiteY64" fmla="*/ 135065 h 267792"/>
                <a:gd name="connsiteX65" fmla="*/ 240731 w 281447"/>
                <a:gd name="connsiteY65" fmla="*/ 125063 h 267792"/>
                <a:gd name="connsiteX66" fmla="*/ 240159 w 281447"/>
                <a:gd name="connsiteY66" fmla="*/ 115538 h 267792"/>
                <a:gd name="connsiteX67" fmla="*/ 244064 w 281447"/>
                <a:gd name="connsiteY67" fmla="*/ 107252 h 267792"/>
                <a:gd name="connsiteX68" fmla="*/ 258733 w 281447"/>
                <a:gd name="connsiteY68" fmla="*/ 97727 h 267792"/>
                <a:gd name="connsiteX69" fmla="*/ 260447 w 281447"/>
                <a:gd name="connsiteY69" fmla="*/ 92869 h 267792"/>
                <a:gd name="connsiteX70" fmla="*/ 256733 w 281447"/>
                <a:gd name="connsiteY70" fmla="*/ 81629 h 267792"/>
                <a:gd name="connsiteX71" fmla="*/ 252637 w 281447"/>
                <a:gd name="connsiteY71" fmla="*/ 78867 h 267792"/>
                <a:gd name="connsiteX72" fmla="*/ 234444 w 281447"/>
                <a:gd name="connsiteY72" fmla="*/ 79343 h 267792"/>
                <a:gd name="connsiteX73" fmla="*/ 226538 w 281447"/>
                <a:gd name="connsiteY73" fmla="*/ 75057 h 267792"/>
                <a:gd name="connsiteX74" fmla="*/ 214537 w 281447"/>
                <a:gd name="connsiteY74" fmla="*/ 58960 h 267792"/>
                <a:gd name="connsiteX75" fmla="*/ 212822 w 281447"/>
                <a:gd name="connsiteY75" fmla="*/ 49911 h 267792"/>
                <a:gd name="connsiteX76" fmla="*/ 218633 w 281447"/>
                <a:gd name="connsiteY76" fmla="*/ 33623 h 267792"/>
                <a:gd name="connsiteX77" fmla="*/ 217204 w 281447"/>
                <a:gd name="connsiteY77" fmla="*/ 28671 h 267792"/>
                <a:gd name="connsiteX78" fmla="*/ 207679 w 281447"/>
                <a:gd name="connsiteY78" fmla="*/ 21527 h 267792"/>
                <a:gd name="connsiteX79" fmla="*/ 205298 w 281447"/>
                <a:gd name="connsiteY79" fmla="*/ 20860 h 267792"/>
                <a:gd name="connsiteX80" fmla="*/ 202631 w 281447"/>
                <a:gd name="connsiteY80" fmla="*/ 21717 h 267792"/>
                <a:gd name="connsiteX81" fmla="*/ 188343 w 281447"/>
                <a:gd name="connsiteY81" fmla="*/ 32576 h 267792"/>
                <a:gd name="connsiteX82" fmla="*/ 182914 w 281447"/>
                <a:gd name="connsiteY82" fmla="*/ 34481 h 267792"/>
                <a:gd name="connsiteX83" fmla="*/ 179389 w 281447"/>
                <a:gd name="connsiteY83" fmla="*/ 33719 h 267792"/>
                <a:gd name="connsiteX84" fmla="*/ 175389 w 281447"/>
                <a:gd name="connsiteY84" fmla="*/ 32100 h 267792"/>
                <a:gd name="connsiteX85" fmla="*/ 170341 w 281447"/>
                <a:gd name="connsiteY85" fmla="*/ 27337 h 267792"/>
                <a:gd name="connsiteX86" fmla="*/ 170341 w 281447"/>
                <a:gd name="connsiteY86" fmla="*/ 20479 h 267792"/>
                <a:gd name="connsiteX87" fmla="*/ 178627 w 281447"/>
                <a:gd name="connsiteY87" fmla="*/ 14669 h 267792"/>
                <a:gd name="connsiteX88" fmla="*/ 180914 w 281447"/>
                <a:gd name="connsiteY88" fmla="*/ 14669 h 267792"/>
                <a:gd name="connsiteX89" fmla="*/ 183581 w 281447"/>
                <a:gd name="connsiteY89" fmla="*/ 13811 h 267792"/>
                <a:gd name="connsiteX90" fmla="*/ 199297 w 281447"/>
                <a:gd name="connsiteY90" fmla="*/ 1810 h 267792"/>
                <a:gd name="connsiteX91" fmla="*/ 204726 w 281447"/>
                <a:gd name="connsiteY91" fmla="*/ 0 h 267792"/>
                <a:gd name="connsiteX92" fmla="*/ 209012 w 281447"/>
                <a:gd name="connsiteY92" fmla="*/ 1143 h 267792"/>
                <a:gd name="connsiteX93" fmla="*/ 237111 w 281447"/>
                <a:gd name="connsiteY93" fmla="*/ 21050 h 267792"/>
                <a:gd name="connsiteX94" fmla="*/ 239588 w 281447"/>
                <a:gd name="connsiteY94" fmla="*/ 30575 h 267792"/>
                <a:gd name="connsiteX95" fmla="*/ 233206 w 281447"/>
                <a:gd name="connsiteY95" fmla="*/ 48387 h 267792"/>
                <a:gd name="connsiteX96" fmla="*/ 233873 w 281447"/>
                <a:gd name="connsiteY96" fmla="*/ 52578 h 267792"/>
                <a:gd name="connsiteX97" fmla="*/ 238635 w 281447"/>
                <a:gd name="connsiteY97" fmla="*/ 58960 h 267792"/>
                <a:gd name="connsiteX98" fmla="*/ 242159 w 281447"/>
                <a:gd name="connsiteY98" fmla="*/ 60865 h 267792"/>
                <a:gd name="connsiteX99" fmla="*/ 261781 w 281447"/>
                <a:gd name="connsiteY99" fmla="*/ 60198 h 267792"/>
                <a:gd name="connsiteX100" fmla="*/ 270258 w 281447"/>
                <a:gd name="connsiteY100" fmla="*/ 65342 h 267792"/>
                <a:gd name="connsiteX101" fmla="*/ 281117 w 281447"/>
                <a:gd name="connsiteY101" fmla="*/ 97822 h 267792"/>
                <a:gd name="connsiteX102" fmla="*/ 277306 w 281447"/>
                <a:gd name="connsiteY102" fmla="*/ 107347 h 267792"/>
                <a:gd name="connsiteX103" fmla="*/ 261400 w 281447"/>
                <a:gd name="connsiteY103" fmla="*/ 118205 h 267792"/>
                <a:gd name="connsiteX104" fmla="*/ 259495 w 281447"/>
                <a:gd name="connsiteY104" fmla="*/ 121920 h 267792"/>
                <a:gd name="connsiteX105" fmla="*/ 259495 w 281447"/>
                <a:gd name="connsiteY105" fmla="*/ 125825 h 267792"/>
                <a:gd name="connsiteX106" fmla="*/ 259495 w 281447"/>
                <a:gd name="connsiteY106" fmla="*/ 129635 h 267792"/>
                <a:gd name="connsiteX107" fmla="*/ 261400 w 281447"/>
                <a:gd name="connsiteY107" fmla="*/ 133446 h 267792"/>
                <a:gd name="connsiteX108" fmla="*/ 277402 w 281447"/>
                <a:gd name="connsiteY108" fmla="*/ 144113 h 267792"/>
                <a:gd name="connsiteX109" fmla="*/ 281212 w 281447"/>
                <a:gd name="connsiteY109" fmla="*/ 153638 h 267792"/>
                <a:gd name="connsiteX110" fmla="*/ 270639 w 281447"/>
                <a:gd name="connsiteY110" fmla="*/ 186119 h 267792"/>
                <a:gd name="connsiteX111" fmla="*/ 263305 w 281447"/>
                <a:gd name="connsiteY111" fmla="*/ 191357 h 267792"/>
                <a:gd name="connsiteX112" fmla="*/ 262257 w 281447"/>
                <a:gd name="connsiteY112" fmla="*/ 191357 h 267792"/>
                <a:gd name="connsiteX113" fmla="*/ 242540 w 281447"/>
                <a:gd name="connsiteY113" fmla="*/ 190881 h 267792"/>
                <a:gd name="connsiteX114" fmla="*/ 238921 w 281447"/>
                <a:gd name="connsiteY114" fmla="*/ 192786 h 267792"/>
                <a:gd name="connsiteX115" fmla="*/ 234254 w 281447"/>
                <a:gd name="connsiteY115" fmla="*/ 199168 h 267792"/>
                <a:gd name="connsiteX116" fmla="*/ 233587 w 281447"/>
                <a:gd name="connsiteY116" fmla="*/ 203359 h 267792"/>
                <a:gd name="connsiteX117" fmla="*/ 240064 w 281447"/>
                <a:gd name="connsiteY117" fmla="*/ 221171 h 267792"/>
                <a:gd name="connsiteX118" fmla="*/ 237683 w 281447"/>
                <a:gd name="connsiteY118" fmla="*/ 230696 h 267792"/>
                <a:gd name="connsiteX119" fmla="*/ 209679 w 281447"/>
                <a:gd name="connsiteY119" fmla="*/ 250793 h 267792"/>
                <a:gd name="connsiteX120" fmla="*/ 205393 w 281447"/>
                <a:gd name="connsiteY120" fmla="*/ 251936 h 267792"/>
                <a:gd name="connsiteX121" fmla="*/ 199964 w 281447"/>
                <a:gd name="connsiteY121" fmla="*/ 250127 h 267792"/>
                <a:gd name="connsiteX122" fmla="*/ 184438 w 281447"/>
                <a:gd name="connsiteY122" fmla="*/ 238411 h 267792"/>
                <a:gd name="connsiteX123" fmla="*/ 181866 w 281447"/>
                <a:gd name="connsiteY123" fmla="*/ 237554 h 267792"/>
                <a:gd name="connsiteX124" fmla="*/ 180342 w 281447"/>
                <a:gd name="connsiteY124" fmla="*/ 237554 h 267792"/>
                <a:gd name="connsiteX125" fmla="*/ 172436 w 281447"/>
                <a:gd name="connsiteY125" fmla="*/ 240125 h 267792"/>
                <a:gd name="connsiteX126" fmla="*/ 169388 w 281447"/>
                <a:gd name="connsiteY126" fmla="*/ 243078 h 267792"/>
                <a:gd name="connsiteX127" fmla="*/ 163959 w 281447"/>
                <a:gd name="connsiteY127" fmla="*/ 261271 h 267792"/>
                <a:gd name="connsiteX128" fmla="*/ 156434 w 281447"/>
                <a:gd name="connsiteY128" fmla="*/ 267653 h 267792"/>
                <a:gd name="connsiteX129" fmla="*/ 138527 w 281447"/>
                <a:gd name="connsiteY129" fmla="*/ 267462 h 2677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81447" h="267792">
                  <a:moveTo>
                    <a:pt x="138527" y="267462"/>
                  </a:moveTo>
                  <a:cubicBezTo>
                    <a:pt x="132860" y="267472"/>
                    <a:pt x="127202" y="267157"/>
                    <a:pt x="121573" y="266510"/>
                  </a:cubicBezTo>
                  <a:cubicBezTo>
                    <a:pt x="118077" y="265948"/>
                    <a:pt x="115172" y="263490"/>
                    <a:pt x="114048" y="260128"/>
                  </a:cubicBezTo>
                  <a:lnTo>
                    <a:pt x="108523" y="242030"/>
                  </a:lnTo>
                  <a:cubicBezTo>
                    <a:pt x="108104" y="240573"/>
                    <a:pt x="106942" y="239459"/>
                    <a:pt x="105476" y="239078"/>
                  </a:cubicBezTo>
                  <a:lnTo>
                    <a:pt x="97570" y="236506"/>
                  </a:lnTo>
                  <a:cubicBezTo>
                    <a:pt x="97093" y="236411"/>
                    <a:pt x="96617" y="236411"/>
                    <a:pt x="96141" y="236506"/>
                  </a:cubicBezTo>
                  <a:cubicBezTo>
                    <a:pt x="95179" y="236496"/>
                    <a:pt x="94246" y="236801"/>
                    <a:pt x="93474" y="237363"/>
                  </a:cubicBezTo>
                  <a:lnTo>
                    <a:pt x="77948" y="249079"/>
                  </a:lnTo>
                  <a:cubicBezTo>
                    <a:pt x="76405" y="250289"/>
                    <a:pt x="74481" y="250936"/>
                    <a:pt x="72519" y="250889"/>
                  </a:cubicBezTo>
                  <a:cubicBezTo>
                    <a:pt x="71024" y="250879"/>
                    <a:pt x="69557" y="250517"/>
                    <a:pt x="68233" y="249841"/>
                  </a:cubicBezTo>
                  <a:cubicBezTo>
                    <a:pt x="58108" y="244317"/>
                    <a:pt x="48668" y="237601"/>
                    <a:pt x="40134" y="229838"/>
                  </a:cubicBezTo>
                  <a:cubicBezTo>
                    <a:pt x="37496" y="227438"/>
                    <a:pt x="36553" y="223676"/>
                    <a:pt x="37753" y="220313"/>
                  </a:cubicBezTo>
                  <a:lnTo>
                    <a:pt x="44135" y="202502"/>
                  </a:lnTo>
                  <a:cubicBezTo>
                    <a:pt x="44582" y="201044"/>
                    <a:pt x="44335" y="199463"/>
                    <a:pt x="43468" y="198215"/>
                  </a:cubicBezTo>
                  <a:cubicBezTo>
                    <a:pt x="41848" y="196215"/>
                    <a:pt x="40229" y="194120"/>
                    <a:pt x="38705" y="191929"/>
                  </a:cubicBezTo>
                  <a:cubicBezTo>
                    <a:pt x="37886" y="190738"/>
                    <a:pt x="36534" y="190024"/>
                    <a:pt x="35086" y="190024"/>
                  </a:cubicBezTo>
                  <a:lnTo>
                    <a:pt x="15369" y="190596"/>
                  </a:lnTo>
                  <a:lnTo>
                    <a:pt x="15369" y="190596"/>
                  </a:lnTo>
                  <a:cubicBezTo>
                    <a:pt x="11940" y="190462"/>
                    <a:pt x="8844" y="188500"/>
                    <a:pt x="7273" y="185452"/>
                  </a:cubicBezTo>
                  <a:cubicBezTo>
                    <a:pt x="4606" y="179756"/>
                    <a:pt x="2282" y="173908"/>
                    <a:pt x="319" y="167926"/>
                  </a:cubicBezTo>
                  <a:cubicBezTo>
                    <a:pt x="-928" y="163221"/>
                    <a:pt x="1577" y="158325"/>
                    <a:pt x="6130" y="156591"/>
                  </a:cubicBezTo>
                  <a:cubicBezTo>
                    <a:pt x="7044" y="156496"/>
                    <a:pt x="7978" y="156496"/>
                    <a:pt x="8892" y="156591"/>
                  </a:cubicBezTo>
                  <a:cubicBezTo>
                    <a:pt x="12740" y="156734"/>
                    <a:pt x="16122" y="159172"/>
                    <a:pt x="17464" y="162782"/>
                  </a:cubicBezTo>
                  <a:cubicBezTo>
                    <a:pt x="18226" y="165164"/>
                    <a:pt x="19084" y="167545"/>
                    <a:pt x="19941" y="170021"/>
                  </a:cubicBezTo>
                  <a:cubicBezTo>
                    <a:pt x="20627" y="171679"/>
                    <a:pt x="22237" y="172765"/>
                    <a:pt x="24037" y="172784"/>
                  </a:cubicBezTo>
                  <a:lnTo>
                    <a:pt x="42230" y="172212"/>
                  </a:lnTo>
                  <a:cubicBezTo>
                    <a:pt x="45468" y="172222"/>
                    <a:pt x="48478" y="173870"/>
                    <a:pt x="50231" y="176594"/>
                  </a:cubicBezTo>
                  <a:cubicBezTo>
                    <a:pt x="53621" y="182299"/>
                    <a:pt x="57612" y="187633"/>
                    <a:pt x="62137" y="192500"/>
                  </a:cubicBezTo>
                  <a:cubicBezTo>
                    <a:pt x="64432" y="195110"/>
                    <a:pt x="65128" y="198758"/>
                    <a:pt x="63947" y="202025"/>
                  </a:cubicBezTo>
                  <a:lnTo>
                    <a:pt x="58041" y="218408"/>
                  </a:lnTo>
                  <a:cubicBezTo>
                    <a:pt x="57450" y="220199"/>
                    <a:pt x="58022" y="222161"/>
                    <a:pt x="59470" y="223361"/>
                  </a:cubicBezTo>
                  <a:cubicBezTo>
                    <a:pt x="62708" y="225838"/>
                    <a:pt x="66137" y="228219"/>
                    <a:pt x="69566" y="230410"/>
                  </a:cubicBezTo>
                  <a:cubicBezTo>
                    <a:pt x="70243" y="230858"/>
                    <a:pt x="71043" y="231096"/>
                    <a:pt x="71852" y="231077"/>
                  </a:cubicBezTo>
                  <a:cubicBezTo>
                    <a:pt x="72814" y="231086"/>
                    <a:pt x="73748" y="230781"/>
                    <a:pt x="74519" y="230219"/>
                  </a:cubicBezTo>
                  <a:lnTo>
                    <a:pt x="88807" y="219361"/>
                  </a:lnTo>
                  <a:cubicBezTo>
                    <a:pt x="90388" y="218218"/>
                    <a:pt x="92283" y="217580"/>
                    <a:pt x="94236" y="217551"/>
                  </a:cubicBezTo>
                  <a:cubicBezTo>
                    <a:pt x="95446" y="217532"/>
                    <a:pt x="96646" y="217761"/>
                    <a:pt x="97760" y="218218"/>
                  </a:cubicBezTo>
                  <a:cubicBezTo>
                    <a:pt x="103875" y="220914"/>
                    <a:pt x="110267" y="222952"/>
                    <a:pt x="116810" y="224314"/>
                  </a:cubicBezTo>
                  <a:cubicBezTo>
                    <a:pt x="119992" y="225009"/>
                    <a:pt x="122544" y="227381"/>
                    <a:pt x="123478" y="230505"/>
                  </a:cubicBezTo>
                  <a:lnTo>
                    <a:pt x="128621" y="247269"/>
                  </a:lnTo>
                  <a:cubicBezTo>
                    <a:pt x="129107" y="249050"/>
                    <a:pt x="130688" y="250317"/>
                    <a:pt x="132527" y="250413"/>
                  </a:cubicBezTo>
                  <a:lnTo>
                    <a:pt x="138908" y="250413"/>
                  </a:lnTo>
                  <a:lnTo>
                    <a:pt x="145195" y="250413"/>
                  </a:lnTo>
                  <a:cubicBezTo>
                    <a:pt x="147052" y="250298"/>
                    <a:pt x="148643" y="249050"/>
                    <a:pt x="149195" y="247269"/>
                  </a:cubicBezTo>
                  <a:lnTo>
                    <a:pt x="154148" y="230410"/>
                  </a:lnTo>
                  <a:cubicBezTo>
                    <a:pt x="155196" y="227324"/>
                    <a:pt x="157749" y="224990"/>
                    <a:pt x="160911" y="224219"/>
                  </a:cubicBezTo>
                  <a:cubicBezTo>
                    <a:pt x="167455" y="222800"/>
                    <a:pt x="173836" y="220723"/>
                    <a:pt x="179961" y="218027"/>
                  </a:cubicBezTo>
                  <a:cubicBezTo>
                    <a:pt x="181075" y="217561"/>
                    <a:pt x="182276" y="217332"/>
                    <a:pt x="183485" y="217361"/>
                  </a:cubicBezTo>
                  <a:cubicBezTo>
                    <a:pt x="185428" y="217361"/>
                    <a:pt x="187324" y="217961"/>
                    <a:pt x="188914" y="219075"/>
                  </a:cubicBezTo>
                  <a:lnTo>
                    <a:pt x="203202" y="229838"/>
                  </a:lnTo>
                  <a:cubicBezTo>
                    <a:pt x="203964" y="230429"/>
                    <a:pt x="204898" y="230762"/>
                    <a:pt x="205869" y="230791"/>
                  </a:cubicBezTo>
                  <a:cubicBezTo>
                    <a:pt x="206717" y="230772"/>
                    <a:pt x="207545" y="230505"/>
                    <a:pt x="208250" y="230029"/>
                  </a:cubicBezTo>
                  <a:cubicBezTo>
                    <a:pt x="211708" y="227819"/>
                    <a:pt x="215042" y="225438"/>
                    <a:pt x="218252" y="222885"/>
                  </a:cubicBezTo>
                  <a:cubicBezTo>
                    <a:pt x="219699" y="221685"/>
                    <a:pt x="220271" y="219723"/>
                    <a:pt x="219680" y="217932"/>
                  </a:cubicBezTo>
                  <a:lnTo>
                    <a:pt x="213680" y="201644"/>
                  </a:lnTo>
                  <a:cubicBezTo>
                    <a:pt x="212365" y="198387"/>
                    <a:pt x="213070" y="194663"/>
                    <a:pt x="215489" y="192119"/>
                  </a:cubicBezTo>
                  <a:cubicBezTo>
                    <a:pt x="219937" y="187186"/>
                    <a:pt x="223890" y="181823"/>
                    <a:pt x="227300" y="176117"/>
                  </a:cubicBezTo>
                  <a:cubicBezTo>
                    <a:pt x="229034" y="173422"/>
                    <a:pt x="232006" y="171774"/>
                    <a:pt x="235206" y="171736"/>
                  </a:cubicBezTo>
                  <a:lnTo>
                    <a:pt x="253399" y="171736"/>
                  </a:lnTo>
                  <a:cubicBezTo>
                    <a:pt x="255199" y="171746"/>
                    <a:pt x="256828" y="170650"/>
                    <a:pt x="257494" y="168974"/>
                  </a:cubicBezTo>
                  <a:cubicBezTo>
                    <a:pt x="258828" y="165259"/>
                    <a:pt x="260066" y="161544"/>
                    <a:pt x="261114" y="157734"/>
                  </a:cubicBezTo>
                  <a:cubicBezTo>
                    <a:pt x="261657" y="155915"/>
                    <a:pt x="260962" y="153953"/>
                    <a:pt x="259400" y="152876"/>
                  </a:cubicBezTo>
                  <a:lnTo>
                    <a:pt x="244636" y="143351"/>
                  </a:lnTo>
                  <a:cubicBezTo>
                    <a:pt x="242007" y="141437"/>
                    <a:pt x="240531" y="138313"/>
                    <a:pt x="240731" y="135065"/>
                  </a:cubicBezTo>
                  <a:cubicBezTo>
                    <a:pt x="240911" y="131731"/>
                    <a:pt x="240911" y="128397"/>
                    <a:pt x="240731" y="125063"/>
                  </a:cubicBezTo>
                  <a:cubicBezTo>
                    <a:pt x="240711" y="121882"/>
                    <a:pt x="240521" y="118701"/>
                    <a:pt x="240159" y="115538"/>
                  </a:cubicBezTo>
                  <a:cubicBezTo>
                    <a:pt x="239959" y="112290"/>
                    <a:pt x="241435" y="109166"/>
                    <a:pt x="244064" y="107252"/>
                  </a:cubicBezTo>
                  <a:lnTo>
                    <a:pt x="258733" y="97727"/>
                  </a:lnTo>
                  <a:cubicBezTo>
                    <a:pt x="260295" y="96650"/>
                    <a:pt x="260990" y="94688"/>
                    <a:pt x="260447" y="92869"/>
                  </a:cubicBezTo>
                  <a:cubicBezTo>
                    <a:pt x="259400" y="89154"/>
                    <a:pt x="258161" y="85344"/>
                    <a:pt x="256733" y="81629"/>
                  </a:cubicBezTo>
                  <a:cubicBezTo>
                    <a:pt x="256066" y="79953"/>
                    <a:pt x="254437" y="78858"/>
                    <a:pt x="252637" y="78867"/>
                  </a:cubicBezTo>
                  <a:lnTo>
                    <a:pt x="234444" y="79343"/>
                  </a:lnTo>
                  <a:cubicBezTo>
                    <a:pt x="231196" y="79572"/>
                    <a:pt x="228119" y="77896"/>
                    <a:pt x="226538" y="75057"/>
                  </a:cubicBezTo>
                  <a:cubicBezTo>
                    <a:pt x="223090" y="69304"/>
                    <a:pt x="219071" y="63903"/>
                    <a:pt x="214537" y="58960"/>
                  </a:cubicBezTo>
                  <a:cubicBezTo>
                    <a:pt x="212336" y="56493"/>
                    <a:pt x="211679" y="53016"/>
                    <a:pt x="212822" y="49911"/>
                  </a:cubicBezTo>
                  <a:lnTo>
                    <a:pt x="218633" y="33623"/>
                  </a:lnTo>
                  <a:cubicBezTo>
                    <a:pt x="219309" y="31842"/>
                    <a:pt x="218728" y="29823"/>
                    <a:pt x="217204" y="28671"/>
                  </a:cubicBezTo>
                  <a:cubicBezTo>
                    <a:pt x="214089" y="26194"/>
                    <a:pt x="210917" y="23813"/>
                    <a:pt x="207679" y="21527"/>
                  </a:cubicBezTo>
                  <a:cubicBezTo>
                    <a:pt x="206964" y="21079"/>
                    <a:pt x="206136" y="20841"/>
                    <a:pt x="205298" y="20860"/>
                  </a:cubicBezTo>
                  <a:cubicBezTo>
                    <a:pt x="204335" y="20850"/>
                    <a:pt x="203402" y="21155"/>
                    <a:pt x="202631" y="21717"/>
                  </a:cubicBezTo>
                  <a:lnTo>
                    <a:pt x="188343" y="32576"/>
                  </a:lnTo>
                  <a:cubicBezTo>
                    <a:pt x="186800" y="33804"/>
                    <a:pt x="184886" y="34471"/>
                    <a:pt x="182914" y="34481"/>
                  </a:cubicBezTo>
                  <a:cubicBezTo>
                    <a:pt x="181704" y="34452"/>
                    <a:pt x="180504" y="34195"/>
                    <a:pt x="179389" y="33719"/>
                  </a:cubicBezTo>
                  <a:lnTo>
                    <a:pt x="175389" y="32100"/>
                  </a:lnTo>
                  <a:cubicBezTo>
                    <a:pt x="173132" y="31261"/>
                    <a:pt x="171303" y="29547"/>
                    <a:pt x="170341" y="27337"/>
                  </a:cubicBezTo>
                  <a:cubicBezTo>
                    <a:pt x="169388" y="25146"/>
                    <a:pt x="169388" y="22670"/>
                    <a:pt x="170341" y="20479"/>
                  </a:cubicBezTo>
                  <a:cubicBezTo>
                    <a:pt x="171617" y="17002"/>
                    <a:pt x="174922" y="14678"/>
                    <a:pt x="178627" y="14669"/>
                  </a:cubicBezTo>
                  <a:lnTo>
                    <a:pt x="180914" y="14669"/>
                  </a:lnTo>
                  <a:cubicBezTo>
                    <a:pt x="181876" y="14678"/>
                    <a:pt x="182809" y="14373"/>
                    <a:pt x="183581" y="13811"/>
                  </a:cubicBezTo>
                  <a:lnTo>
                    <a:pt x="199297" y="1810"/>
                  </a:lnTo>
                  <a:cubicBezTo>
                    <a:pt x="200878" y="667"/>
                    <a:pt x="202773" y="29"/>
                    <a:pt x="204726" y="0"/>
                  </a:cubicBezTo>
                  <a:cubicBezTo>
                    <a:pt x="206231" y="-9"/>
                    <a:pt x="207707" y="391"/>
                    <a:pt x="209012" y="1143"/>
                  </a:cubicBezTo>
                  <a:cubicBezTo>
                    <a:pt x="219147" y="6620"/>
                    <a:pt x="228586" y="13307"/>
                    <a:pt x="237111" y="21050"/>
                  </a:cubicBezTo>
                  <a:cubicBezTo>
                    <a:pt x="239769" y="23451"/>
                    <a:pt x="240740" y="27194"/>
                    <a:pt x="239588" y="30575"/>
                  </a:cubicBezTo>
                  <a:lnTo>
                    <a:pt x="233206" y="48387"/>
                  </a:lnTo>
                  <a:cubicBezTo>
                    <a:pt x="232653" y="49806"/>
                    <a:pt x="232910" y="51407"/>
                    <a:pt x="233873" y="52578"/>
                  </a:cubicBezTo>
                  <a:lnTo>
                    <a:pt x="238635" y="58960"/>
                  </a:lnTo>
                  <a:cubicBezTo>
                    <a:pt x="239426" y="60141"/>
                    <a:pt x="240740" y="60855"/>
                    <a:pt x="242159" y="60865"/>
                  </a:cubicBezTo>
                  <a:lnTo>
                    <a:pt x="261781" y="60198"/>
                  </a:lnTo>
                  <a:cubicBezTo>
                    <a:pt x="265343" y="60189"/>
                    <a:pt x="268620" y="62179"/>
                    <a:pt x="270258" y="65342"/>
                  </a:cubicBezTo>
                  <a:cubicBezTo>
                    <a:pt x="275192" y="75686"/>
                    <a:pt x="278840" y="86592"/>
                    <a:pt x="281117" y="97822"/>
                  </a:cubicBezTo>
                  <a:cubicBezTo>
                    <a:pt x="282002" y="101480"/>
                    <a:pt x="280469" y="105309"/>
                    <a:pt x="277306" y="107347"/>
                  </a:cubicBezTo>
                  <a:lnTo>
                    <a:pt x="261400" y="118205"/>
                  </a:lnTo>
                  <a:cubicBezTo>
                    <a:pt x="260133" y="119006"/>
                    <a:pt x="259400" y="120425"/>
                    <a:pt x="259495" y="121920"/>
                  </a:cubicBezTo>
                  <a:cubicBezTo>
                    <a:pt x="259495" y="123349"/>
                    <a:pt x="259495" y="124587"/>
                    <a:pt x="259495" y="125825"/>
                  </a:cubicBezTo>
                  <a:cubicBezTo>
                    <a:pt x="259495" y="127064"/>
                    <a:pt x="259495" y="128397"/>
                    <a:pt x="259495" y="129635"/>
                  </a:cubicBezTo>
                  <a:cubicBezTo>
                    <a:pt x="259466" y="131140"/>
                    <a:pt x="260181" y="132569"/>
                    <a:pt x="261400" y="133446"/>
                  </a:cubicBezTo>
                  <a:lnTo>
                    <a:pt x="277402" y="144113"/>
                  </a:lnTo>
                  <a:cubicBezTo>
                    <a:pt x="280545" y="146171"/>
                    <a:pt x="282069" y="149981"/>
                    <a:pt x="281212" y="153638"/>
                  </a:cubicBezTo>
                  <a:cubicBezTo>
                    <a:pt x="279021" y="164859"/>
                    <a:pt x="275468" y="175765"/>
                    <a:pt x="270639" y="186119"/>
                  </a:cubicBezTo>
                  <a:cubicBezTo>
                    <a:pt x="269439" y="189157"/>
                    <a:pt x="266572" y="191205"/>
                    <a:pt x="263305" y="191357"/>
                  </a:cubicBezTo>
                  <a:lnTo>
                    <a:pt x="262257" y="191357"/>
                  </a:lnTo>
                  <a:lnTo>
                    <a:pt x="242540" y="190881"/>
                  </a:lnTo>
                  <a:cubicBezTo>
                    <a:pt x="241102" y="190910"/>
                    <a:pt x="239759" y="191615"/>
                    <a:pt x="238921" y="192786"/>
                  </a:cubicBezTo>
                  <a:cubicBezTo>
                    <a:pt x="237482" y="194996"/>
                    <a:pt x="235920" y="197130"/>
                    <a:pt x="234254" y="199168"/>
                  </a:cubicBezTo>
                  <a:cubicBezTo>
                    <a:pt x="233339" y="200368"/>
                    <a:pt x="233091" y="201940"/>
                    <a:pt x="233587" y="203359"/>
                  </a:cubicBezTo>
                  <a:lnTo>
                    <a:pt x="240064" y="221171"/>
                  </a:lnTo>
                  <a:cubicBezTo>
                    <a:pt x="241264" y="224533"/>
                    <a:pt x="240321" y="228295"/>
                    <a:pt x="237683" y="230696"/>
                  </a:cubicBezTo>
                  <a:cubicBezTo>
                    <a:pt x="229148" y="238449"/>
                    <a:pt x="219757" y="245193"/>
                    <a:pt x="209679" y="250793"/>
                  </a:cubicBezTo>
                  <a:cubicBezTo>
                    <a:pt x="208374" y="251546"/>
                    <a:pt x="206898" y="251946"/>
                    <a:pt x="205393" y="251936"/>
                  </a:cubicBezTo>
                  <a:cubicBezTo>
                    <a:pt x="203440" y="251908"/>
                    <a:pt x="201545" y="251270"/>
                    <a:pt x="199964" y="250127"/>
                  </a:cubicBezTo>
                  <a:lnTo>
                    <a:pt x="184438" y="238411"/>
                  </a:lnTo>
                  <a:cubicBezTo>
                    <a:pt x="183695" y="237858"/>
                    <a:pt x="182790" y="237563"/>
                    <a:pt x="181866" y="237554"/>
                  </a:cubicBezTo>
                  <a:cubicBezTo>
                    <a:pt x="181361" y="237449"/>
                    <a:pt x="180847" y="237449"/>
                    <a:pt x="180342" y="237554"/>
                  </a:cubicBezTo>
                  <a:lnTo>
                    <a:pt x="172436" y="240125"/>
                  </a:lnTo>
                  <a:cubicBezTo>
                    <a:pt x="170969" y="240506"/>
                    <a:pt x="169807" y="241621"/>
                    <a:pt x="169388" y="243078"/>
                  </a:cubicBezTo>
                  <a:lnTo>
                    <a:pt x="163959" y="261271"/>
                  </a:lnTo>
                  <a:cubicBezTo>
                    <a:pt x="162978" y="264728"/>
                    <a:pt x="160006" y="267253"/>
                    <a:pt x="156434" y="267653"/>
                  </a:cubicBezTo>
                  <a:cubicBezTo>
                    <a:pt x="150462" y="267891"/>
                    <a:pt x="144490" y="267824"/>
                    <a:pt x="138527" y="267462"/>
                  </a:cubicBezTo>
                  <a:close/>
                </a:path>
              </a:pathLst>
            </a:custGeom>
            <a:solidFill>
              <a:srgbClr val="265998"/>
            </a:solidFill>
            <a:ln w="9525" cap="flat">
              <a:noFill/>
              <a:prstDash val="solid"/>
              <a:miter/>
            </a:ln>
          </p:spPr>
          <p:txBody>
            <a:bodyPr rtlCol="0" anchor="ctr"/>
            <a:lstStyle/>
            <a:p>
              <a:endParaRPr lang="en-AU" sz="153"/>
            </a:p>
          </p:txBody>
        </p:sp>
        <p:sp>
          <p:nvSpPr>
            <p:cNvPr id="33" name="Graphic 2">
              <a:extLst>
                <a:ext uri="{FF2B5EF4-FFF2-40B4-BE49-F238E27FC236}">
                  <a16:creationId xmlns:a16="http://schemas.microsoft.com/office/drawing/2014/main" id="{C3DFAB24-7C82-60A0-FA4E-7DA55E5C291A}"/>
                </a:ext>
              </a:extLst>
            </p:cNvPr>
            <p:cNvSpPr/>
            <p:nvPr/>
          </p:nvSpPr>
          <p:spPr>
            <a:xfrm>
              <a:off x="2011434" y="2404260"/>
              <a:ext cx="123259" cy="123039"/>
            </a:xfrm>
            <a:custGeom>
              <a:avLst/>
              <a:gdLst>
                <a:gd name="connsiteX0" fmla="*/ 60730 w 123259"/>
                <a:gd name="connsiteY0" fmla="*/ 123039 h 123039"/>
                <a:gd name="connsiteX1" fmla="*/ 246 w 123259"/>
                <a:gd name="connsiteY1" fmla="*/ 76271 h 123039"/>
                <a:gd name="connsiteX2" fmla="*/ 1198 w 123259"/>
                <a:gd name="connsiteY2" fmla="*/ 69509 h 123039"/>
                <a:gd name="connsiteX3" fmla="*/ 6723 w 123259"/>
                <a:gd name="connsiteY3" fmla="*/ 65318 h 123039"/>
                <a:gd name="connsiteX4" fmla="*/ 9009 w 123259"/>
                <a:gd name="connsiteY4" fmla="*/ 65318 h 123039"/>
                <a:gd name="connsiteX5" fmla="*/ 17676 w 123259"/>
                <a:gd name="connsiteY5" fmla="*/ 72080 h 123039"/>
                <a:gd name="connsiteX6" fmla="*/ 71969 w 123259"/>
                <a:gd name="connsiteY6" fmla="*/ 103856 h 123039"/>
                <a:gd name="connsiteX7" fmla="*/ 103744 w 123259"/>
                <a:gd name="connsiteY7" fmla="*/ 49563 h 123039"/>
                <a:gd name="connsiteX8" fmla="*/ 71969 w 123259"/>
                <a:gd name="connsiteY8" fmla="*/ 17788 h 123039"/>
                <a:gd name="connsiteX9" fmla="*/ 64997 w 123259"/>
                <a:gd name="connsiteY9" fmla="*/ 7225 h 123039"/>
                <a:gd name="connsiteX10" fmla="*/ 74160 w 123259"/>
                <a:gd name="connsiteY10" fmla="*/ 71 h 123039"/>
                <a:gd name="connsiteX11" fmla="*/ 76446 w 123259"/>
                <a:gd name="connsiteY11" fmla="*/ 71 h 123039"/>
                <a:gd name="connsiteX12" fmla="*/ 121242 w 123259"/>
                <a:gd name="connsiteY12" fmla="*/ 76243 h 123039"/>
                <a:gd name="connsiteX13" fmla="*/ 60730 w 123259"/>
                <a:gd name="connsiteY13" fmla="*/ 123039 h 123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3259" h="123039">
                  <a:moveTo>
                    <a:pt x="60730" y="123039"/>
                  </a:moveTo>
                  <a:cubicBezTo>
                    <a:pt x="32269" y="123039"/>
                    <a:pt x="7408" y="103818"/>
                    <a:pt x="246" y="76271"/>
                  </a:cubicBezTo>
                  <a:cubicBezTo>
                    <a:pt x="-288" y="73976"/>
                    <a:pt x="55" y="71566"/>
                    <a:pt x="1198" y="69509"/>
                  </a:cubicBezTo>
                  <a:cubicBezTo>
                    <a:pt x="2446" y="67470"/>
                    <a:pt x="4418" y="65975"/>
                    <a:pt x="6723" y="65318"/>
                  </a:cubicBezTo>
                  <a:cubicBezTo>
                    <a:pt x="7485" y="65222"/>
                    <a:pt x="8247" y="65222"/>
                    <a:pt x="9009" y="65318"/>
                  </a:cubicBezTo>
                  <a:cubicBezTo>
                    <a:pt x="13105" y="65327"/>
                    <a:pt x="16676" y="68109"/>
                    <a:pt x="17676" y="72080"/>
                  </a:cubicBezTo>
                  <a:cubicBezTo>
                    <a:pt x="23896" y="95845"/>
                    <a:pt x="48204" y="110076"/>
                    <a:pt x="71969" y="103856"/>
                  </a:cubicBezTo>
                  <a:cubicBezTo>
                    <a:pt x="95734" y="97636"/>
                    <a:pt x="109964" y="73328"/>
                    <a:pt x="103744" y="49563"/>
                  </a:cubicBezTo>
                  <a:cubicBezTo>
                    <a:pt x="99677" y="34009"/>
                    <a:pt x="87523" y="21855"/>
                    <a:pt x="71969" y="17788"/>
                  </a:cubicBezTo>
                  <a:cubicBezTo>
                    <a:pt x="67121" y="16797"/>
                    <a:pt x="63997" y="12063"/>
                    <a:pt x="64997" y="7225"/>
                  </a:cubicBezTo>
                  <a:cubicBezTo>
                    <a:pt x="65873" y="2910"/>
                    <a:pt x="69759" y="-119"/>
                    <a:pt x="74160" y="71"/>
                  </a:cubicBezTo>
                  <a:cubicBezTo>
                    <a:pt x="74922" y="-24"/>
                    <a:pt x="75684" y="-24"/>
                    <a:pt x="76446" y="71"/>
                  </a:cubicBezTo>
                  <a:cubicBezTo>
                    <a:pt x="109850" y="8730"/>
                    <a:pt x="129910" y="42839"/>
                    <a:pt x="121242" y="76243"/>
                  </a:cubicBezTo>
                  <a:cubicBezTo>
                    <a:pt x="114098" y="103808"/>
                    <a:pt x="89209" y="123058"/>
                    <a:pt x="60730" y="123039"/>
                  </a:cubicBezTo>
                  <a:close/>
                </a:path>
              </a:pathLst>
            </a:custGeom>
            <a:solidFill>
              <a:srgbClr val="265998"/>
            </a:solidFill>
            <a:ln w="9525" cap="flat">
              <a:noFill/>
              <a:prstDash val="solid"/>
              <a:miter/>
            </a:ln>
          </p:spPr>
          <p:txBody>
            <a:bodyPr rtlCol="0" anchor="ctr"/>
            <a:lstStyle/>
            <a:p>
              <a:endParaRPr lang="en-AU" sz="153"/>
            </a:p>
          </p:txBody>
        </p:sp>
      </p:grpSp>
      <p:grpSp>
        <p:nvGrpSpPr>
          <p:cNvPr id="5" name="Group 4">
            <a:extLst>
              <a:ext uri="{FF2B5EF4-FFF2-40B4-BE49-F238E27FC236}">
                <a16:creationId xmlns:a16="http://schemas.microsoft.com/office/drawing/2014/main" id="{5B6FA6ED-E4CA-332E-8E18-61CA5556DF5E}"/>
              </a:ext>
            </a:extLst>
          </p:cNvPr>
          <p:cNvGrpSpPr/>
          <p:nvPr/>
        </p:nvGrpSpPr>
        <p:grpSpPr>
          <a:xfrm>
            <a:off x="6901493" y="4390447"/>
            <a:ext cx="651188" cy="612838"/>
            <a:chOff x="-95951" y="-101481"/>
            <a:chExt cx="311058" cy="305314"/>
          </a:xfrm>
        </p:grpSpPr>
        <p:sp>
          <p:nvSpPr>
            <p:cNvPr id="6" name="Freeform 2">
              <a:extLst>
                <a:ext uri="{FF2B5EF4-FFF2-40B4-BE49-F238E27FC236}">
                  <a16:creationId xmlns:a16="http://schemas.microsoft.com/office/drawing/2014/main" id="{85EB1EA3-D007-0D7C-6D84-E443CC9A0F93}"/>
                </a:ext>
              </a:extLst>
            </p:cNvPr>
            <p:cNvSpPr/>
            <p:nvPr/>
          </p:nvSpPr>
          <p:spPr>
            <a:xfrm>
              <a:off x="-83742" y="90453"/>
              <a:ext cx="132587" cy="101148"/>
            </a:xfrm>
            <a:custGeom>
              <a:avLst/>
              <a:gdLst>
                <a:gd name="connsiteX0" fmla="*/ 75206 w 132587"/>
                <a:gd name="connsiteY0" fmla="*/ 6910 h 101148"/>
                <a:gd name="connsiteX1" fmla="*/ 50484 w 132587"/>
                <a:gd name="connsiteY1" fmla="*/ 31678 h 101148"/>
                <a:gd name="connsiteX2" fmla="*/ 25761 w 132587"/>
                <a:gd name="connsiteY2" fmla="*/ 6910 h 101148"/>
                <a:gd name="connsiteX3" fmla="*/ 26737 w 132587"/>
                <a:gd name="connsiteY3" fmla="*/ 0 h 101148"/>
                <a:gd name="connsiteX4" fmla="*/ 0 w 132587"/>
                <a:gd name="connsiteY4" fmla="*/ 0 h 101148"/>
                <a:gd name="connsiteX5" fmla="*/ 0 w 132587"/>
                <a:gd name="connsiteY5" fmla="*/ 101148 h 101148"/>
                <a:gd name="connsiteX6" fmla="*/ 100967 w 132587"/>
                <a:gd name="connsiteY6" fmla="*/ 101148 h 101148"/>
                <a:gd name="connsiteX7" fmla="*/ 100967 w 132587"/>
                <a:gd name="connsiteY7" fmla="*/ 63906 h 101148"/>
                <a:gd name="connsiteX8" fmla="*/ 104691 w 132587"/>
                <a:gd name="connsiteY8" fmla="*/ 58280 h 101148"/>
                <a:gd name="connsiteX9" fmla="*/ 111345 w 132587"/>
                <a:gd name="connsiteY9" fmla="*/ 59564 h 101148"/>
                <a:gd name="connsiteX10" fmla="*/ 120074 w 132587"/>
                <a:gd name="connsiteY10" fmla="*/ 63111 h 101148"/>
                <a:gd name="connsiteX11" fmla="*/ 132588 w 132587"/>
                <a:gd name="connsiteY11" fmla="*/ 50574 h 101148"/>
                <a:gd name="connsiteX12" fmla="*/ 120074 w 132587"/>
                <a:gd name="connsiteY12" fmla="*/ 38038 h 101148"/>
                <a:gd name="connsiteX13" fmla="*/ 111345 w 132587"/>
                <a:gd name="connsiteY13" fmla="*/ 41585 h 101148"/>
                <a:gd name="connsiteX14" fmla="*/ 104691 w 132587"/>
                <a:gd name="connsiteY14" fmla="*/ 42869 h 101148"/>
                <a:gd name="connsiteX15" fmla="*/ 100967 w 132587"/>
                <a:gd name="connsiteY15" fmla="*/ 37243 h 101148"/>
                <a:gd name="connsiteX16" fmla="*/ 100967 w 132587"/>
                <a:gd name="connsiteY16" fmla="*/ 0 h 101148"/>
                <a:gd name="connsiteX17" fmla="*/ 74230 w 132587"/>
                <a:gd name="connsiteY17" fmla="*/ 0 h 101148"/>
                <a:gd name="connsiteX18" fmla="*/ 75206 w 132587"/>
                <a:gd name="connsiteY18" fmla="*/ 6910 h 1011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2587" h="101148">
                  <a:moveTo>
                    <a:pt x="75206" y="6910"/>
                  </a:moveTo>
                  <a:cubicBezTo>
                    <a:pt x="75206" y="20548"/>
                    <a:pt x="64096" y="31678"/>
                    <a:pt x="50484" y="31678"/>
                  </a:cubicBezTo>
                  <a:cubicBezTo>
                    <a:pt x="36871" y="31678"/>
                    <a:pt x="25761" y="20548"/>
                    <a:pt x="25761" y="6910"/>
                  </a:cubicBezTo>
                  <a:cubicBezTo>
                    <a:pt x="25761" y="4525"/>
                    <a:pt x="26066" y="2202"/>
                    <a:pt x="26737" y="0"/>
                  </a:cubicBezTo>
                  <a:lnTo>
                    <a:pt x="0" y="0"/>
                  </a:lnTo>
                  <a:lnTo>
                    <a:pt x="0" y="101148"/>
                  </a:lnTo>
                  <a:lnTo>
                    <a:pt x="100967" y="101148"/>
                  </a:lnTo>
                  <a:lnTo>
                    <a:pt x="100967" y="63906"/>
                  </a:lnTo>
                  <a:cubicBezTo>
                    <a:pt x="100967" y="61460"/>
                    <a:pt x="102432" y="59197"/>
                    <a:pt x="104691" y="58280"/>
                  </a:cubicBezTo>
                  <a:cubicBezTo>
                    <a:pt x="106949" y="57301"/>
                    <a:pt x="109574" y="57852"/>
                    <a:pt x="111345" y="59564"/>
                  </a:cubicBezTo>
                  <a:cubicBezTo>
                    <a:pt x="113664" y="61888"/>
                    <a:pt x="116777" y="63111"/>
                    <a:pt x="120074" y="63111"/>
                  </a:cubicBezTo>
                  <a:cubicBezTo>
                    <a:pt x="126972" y="63111"/>
                    <a:pt x="132588" y="57485"/>
                    <a:pt x="132588" y="50574"/>
                  </a:cubicBezTo>
                  <a:cubicBezTo>
                    <a:pt x="132588" y="43664"/>
                    <a:pt x="126972" y="38038"/>
                    <a:pt x="120074" y="38038"/>
                  </a:cubicBezTo>
                  <a:cubicBezTo>
                    <a:pt x="116777" y="38038"/>
                    <a:pt x="113725" y="39322"/>
                    <a:pt x="111345" y="41585"/>
                  </a:cubicBezTo>
                  <a:cubicBezTo>
                    <a:pt x="109574" y="43297"/>
                    <a:pt x="106949" y="43786"/>
                    <a:pt x="104691" y="42869"/>
                  </a:cubicBezTo>
                  <a:cubicBezTo>
                    <a:pt x="102432" y="41890"/>
                    <a:pt x="100967" y="39689"/>
                    <a:pt x="100967" y="37243"/>
                  </a:cubicBezTo>
                  <a:lnTo>
                    <a:pt x="100967" y="0"/>
                  </a:lnTo>
                  <a:lnTo>
                    <a:pt x="74230" y="0"/>
                  </a:lnTo>
                  <a:cubicBezTo>
                    <a:pt x="74840" y="2202"/>
                    <a:pt x="75206" y="4525"/>
                    <a:pt x="75206" y="6910"/>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7" name="Freeform 3">
              <a:extLst>
                <a:ext uri="{FF2B5EF4-FFF2-40B4-BE49-F238E27FC236}">
                  <a16:creationId xmlns:a16="http://schemas.microsoft.com/office/drawing/2014/main" id="{9B272FEB-3F6E-02F6-5758-11B82F4DE251}"/>
                </a:ext>
              </a:extLst>
            </p:cNvPr>
            <p:cNvSpPr/>
            <p:nvPr/>
          </p:nvSpPr>
          <p:spPr>
            <a:xfrm>
              <a:off x="-83742" y="-22925"/>
              <a:ext cx="100966" cy="132826"/>
            </a:xfrm>
            <a:custGeom>
              <a:avLst/>
              <a:gdLst>
                <a:gd name="connsiteX0" fmla="*/ 42792 w 100966"/>
                <a:gd name="connsiteY0" fmla="*/ 104879 h 132826"/>
                <a:gd name="connsiteX1" fmla="*/ 41510 w 100966"/>
                <a:gd name="connsiteY1" fmla="*/ 111545 h 132826"/>
                <a:gd name="connsiteX2" fmla="*/ 37969 w 100966"/>
                <a:gd name="connsiteY2" fmla="*/ 120290 h 132826"/>
                <a:gd name="connsiteX3" fmla="*/ 50484 w 100966"/>
                <a:gd name="connsiteY3" fmla="*/ 132826 h 132826"/>
                <a:gd name="connsiteX4" fmla="*/ 62998 w 100966"/>
                <a:gd name="connsiteY4" fmla="*/ 120290 h 132826"/>
                <a:gd name="connsiteX5" fmla="*/ 59457 w 100966"/>
                <a:gd name="connsiteY5" fmla="*/ 111545 h 132826"/>
                <a:gd name="connsiteX6" fmla="*/ 58175 w 100966"/>
                <a:gd name="connsiteY6" fmla="*/ 104879 h 132826"/>
                <a:gd name="connsiteX7" fmla="*/ 63791 w 100966"/>
                <a:gd name="connsiteY7" fmla="*/ 101149 h 132826"/>
                <a:gd name="connsiteX8" fmla="*/ 100967 w 100966"/>
                <a:gd name="connsiteY8" fmla="*/ 101149 h 132826"/>
                <a:gd name="connsiteX9" fmla="*/ 100967 w 100966"/>
                <a:gd name="connsiteY9" fmla="*/ 74363 h 132826"/>
                <a:gd name="connsiteX10" fmla="*/ 94069 w 100966"/>
                <a:gd name="connsiteY10" fmla="*/ 75342 h 132826"/>
                <a:gd name="connsiteX11" fmla="*/ 69346 w 100966"/>
                <a:gd name="connsiteY11" fmla="*/ 50574 h 132826"/>
                <a:gd name="connsiteX12" fmla="*/ 94069 w 100966"/>
                <a:gd name="connsiteY12" fmla="*/ 25807 h 132826"/>
                <a:gd name="connsiteX13" fmla="*/ 100967 w 100966"/>
                <a:gd name="connsiteY13" fmla="*/ 26785 h 132826"/>
                <a:gd name="connsiteX14" fmla="*/ 100967 w 100966"/>
                <a:gd name="connsiteY14" fmla="*/ 0 h 132826"/>
                <a:gd name="connsiteX15" fmla="*/ 0 w 100966"/>
                <a:gd name="connsiteY15" fmla="*/ 0 h 132826"/>
                <a:gd name="connsiteX16" fmla="*/ 0 w 100966"/>
                <a:gd name="connsiteY16" fmla="*/ 101149 h 132826"/>
                <a:gd name="connsiteX17" fmla="*/ 37176 w 100966"/>
                <a:gd name="connsiteY17" fmla="*/ 101149 h 132826"/>
                <a:gd name="connsiteX18" fmla="*/ 42792 w 100966"/>
                <a:gd name="connsiteY18" fmla="*/ 104879 h 132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00966" h="132826">
                  <a:moveTo>
                    <a:pt x="42792" y="104879"/>
                  </a:moveTo>
                  <a:cubicBezTo>
                    <a:pt x="43769" y="107142"/>
                    <a:pt x="43219" y="109771"/>
                    <a:pt x="41510" y="111545"/>
                  </a:cubicBezTo>
                  <a:cubicBezTo>
                    <a:pt x="39190" y="113869"/>
                    <a:pt x="37969" y="116987"/>
                    <a:pt x="37969" y="120290"/>
                  </a:cubicBezTo>
                  <a:cubicBezTo>
                    <a:pt x="37969" y="127200"/>
                    <a:pt x="43586" y="132826"/>
                    <a:pt x="50484" y="132826"/>
                  </a:cubicBezTo>
                  <a:cubicBezTo>
                    <a:pt x="57381" y="132826"/>
                    <a:pt x="62998" y="127200"/>
                    <a:pt x="62998" y="120290"/>
                  </a:cubicBezTo>
                  <a:cubicBezTo>
                    <a:pt x="62998" y="116987"/>
                    <a:pt x="61716" y="113930"/>
                    <a:pt x="59457" y="111545"/>
                  </a:cubicBezTo>
                  <a:cubicBezTo>
                    <a:pt x="57748" y="109771"/>
                    <a:pt x="57259" y="107142"/>
                    <a:pt x="58175" y="104879"/>
                  </a:cubicBezTo>
                  <a:cubicBezTo>
                    <a:pt x="59091" y="102616"/>
                    <a:pt x="61349" y="101149"/>
                    <a:pt x="63791" y="101149"/>
                  </a:cubicBezTo>
                  <a:lnTo>
                    <a:pt x="100967" y="101149"/>
                  </a:lnTo>
                  <a:lnTo>
                    <a:pt x="100967" y="74363"/>
                  </a:lnTo>
                  <a:cubicBezTo>
                    <a:pt x="98769" y="74975"/>
                    <a:pt x="96450" y="75342"/>
                    <a:pt x="94069" y="75342"/>
                  </a:cubicBezTo>
                  <a:cubicBezTo>
                    <a:pt x="80456" y="75342"/>
                    <a:pt x="69346" y="64212"/>
                    <a:pt x="69346" y="50574"/>
                  </a:cubicBezTo>
                  <a:cubicBezTo>
                    <a:pt x="69346" y="36937"/>
                    <a:pt x="80456" y="25807"/>
                    <a:pt x="94069" y="25807"/>
                  </a:cubicBezTo>
                  <a:cubicBezTo>
                    <a:pt x="96450" y="25807"/>
                    <a:pt x="98769" y="26113"/>
                    <a:pt x="100967" y="26785"/>
                  </a:cubicBezTo>
                  <a:lnTo>
                    <a:pt x="100967" y="0"/>
                  </a:lnTo>
                  <a:lnTo>
                    <a:pt x="0" y="0"/>
                  </a:lnTo>
                  <a:lnTo>
                    <a:pt x="0" y="101149"/>
                  </a:lnTo>
                  <a:lnTo>
                    <a:pt x="37176" y="101149"/>
                  </a:lnTo>
                  <a:cubicBezTo>
                    <a:pt x="39618" y="101149"/>
                    <a:pt x="41876" y="102616"/>
                    <a:pt x="42792" y="104879"/>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8" name="Freeform 4">
              <a:extLst>
                <a:ext uri="{FF2B5EF4-FFF2-40B4-BE49-F238E27FC236}">
                  <a16:creationId xmlns:a16="http://schemas.microsoft.com/office/drawing/2014/main" id="{ABBD2123-E58C-AEBF-6894-30752BC7F715}"/>
                </a:ext>
              </a:extLst>
            </p:cNvPr>
            <p:cNvSpPr/>
            <p:nvPr/>
          </p:nvSpPr>
          <p:spPr>
            <a:xfrm>
              <a:off x="29433" y="58776"/>
              <a:ext cx="100967" cy="132826"/>
            </a:xfrm>
            <a:custGeom>
              <a:avLst/>
              <a:gdLst>
                <a:gd name="connsiteX0" fmla="*/ 6898 w 100967"/>
                <a:gd name="connsiteY0" fmla="*/ 57485 h 132826"/>
                <a:gd name="connsiteX1" fmla="*/ 31621 w 100967"/>
                <a:gd name="connsiteY1" fmla="*/ 82252 h 132826"/>
                <a:gd name="connsiteX2" fmla="*/ 6898 w 100967"/>
                <a:gd name="connsiteY2" fmla="*/ 107019 h 132826"/>
                <a:gd name="connsiteX3" fmla="*/ 0 w 100967"/>
                <a:gd name="connsiteY3" fmla="*/ 106041 h 132826"/>
                <a:gd name="connsiteX4" fmla="*/ 0 w 100967"/>
                <a:gd name="connsiteY4" fmla="*/ 132826 h 132826"/>
                <a:gd name="connsiteX5" fmla="*/ 100967 w 100967"/>
                <a:gd name="connsiteY5" fmla="*/ 132826 h 132826"/>
                <a:gd name="connsiteX6" fmla="*/ 100967 w 100967"/>
                <a:gd name="connsiteY6" fmla="*/ 31678 h 132826"/>
                <a:gd name="connsiteX7" fmla="*/ 63791 w 100967"/>
                <a:gd name="connsiteY7" fmla="*/ 31678 h 132826"/>
                <a:gd name="connsiteX8" fmla="*/ 58175 w 100967"/>
                <a:gd name="connsiteY8" fmla="*/ 27947 h 132826"/>
                <a:gd name="connsiteX9" fmla="*/ 59457 w 100967"/>
                <a:gd name="connsiteY9" fmla="*/ 21282 h 132826"/>
                <a:gd name="connsiteX10" fmla="*/ 62998 w 100967"/>
                <a:gd name="connsiteY10" fmla="*/ 12537 h 132826"/>
                <a:gd name="connsiteX11" fmla="*/ 50484 w 100967"/>
                <a:gd name="connsiteY11" fmla="*/ 0 h 132826"/>
                <a:gd name="connsiteX12" fmla="*/ 37969 w 100967"/>
                <a:gd name="connsiteY12" fmla="*/ 12537 h 132826"/>
                <a:gd name="connsiteX13" fmla="*/ 41510 w 100967"/>
                <a:gd name="connsiteY13" fmla="*/ 21282 h 132826"/>
                <a:gd name="connsiteX14" fmla="*/ 42792 w 100967"/>
                <a:gd name="connsiteY14" fmla="*/ 27947 h 132826"/>
                <a:gd name="connsiteX15" fmla="*/ 37176 w 100967"/>
                <a:gd name="connsiteY15" fmla="*/ 31678 h 132826"/>
                <a:gd name="connsiteX16" fmla="*/ 0 w 100967"/>
                <a:gd name="connsiteY16" fmla="*/ 31678 h 132826"/>
                <a:gd name="connsiteX17" fmla="*/ 0 w 100967"/>
                <a:gd name="connsiteY17" fmla="*/ 58463 h 132826"/>
                <a:gd name="connsiteX18" fmla="*/ 6898 w 100967"/>
                <a:gd name="connsiteY18" fmla="*/ 57485 h 132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00967" h="132826">
                  <a:moveTo>
                    <a:pt x="6898" y="57485"/>
                  </a:moveTo>
                  <a:cubicBezTo>
                    <a:pt x="20511" y="57485"/>
                    <a:pt x="31621" y="68615"/>
                    <a:pt x="31621" y="82252"/>
                  </a:cubicBezTo>
                  <a:cubicBezTo>
                    <a:pt x="31621" y="95889"/>
                    <a:pt x="20511" y="107019"/>
                    <a:pt x="6898" y="107019"/>
                  </a:cubicBezTo>
                  <a:cubicBezTo>
                    <a:pt x="4517" y="107019"/>
                    <a:pt x="2198" y="106714"/>
                    <a:pt x="0" y="106041"/>
                  </a:cubicBezTo>
                  <a:lnTo>
                    <a:pt x="0" y="132826"/>
                  </a:lnTo>
                  <a:lnTo>
                    <a:pt x="100967" y="132826"/>
                  </a:lnTo>
                  <a:lnTo>
                    <a:pt x="100967" y="31678"/>
                  </a:lnTo>
                  <a:lnTo>
                    <a:pt x="63791" y="31678"/>
                  </a:lnTo>
                  <a:cubicBezTo>
                    <a:pt x="61349" y="31678"/>
                    <a:pt x="59091" y="30210"/>
                    <a:pt x="58175" y="27947"/>
                  </a:cubicBezTo>
                  <a:cubicBezTo>
                    <a:pt x="57198" y="25685"/>
                    <a:pt x="57748" y="23055"/>
                    <a:pt x="59457" y="21282"/>
                  </a:cubicBezTo>
                  <a:cubicBezTo>
                    <a:pt x="61777" y="18897"/>
                    <a:pt x="62998" y="15839"/>
                    <a:pt x="62998" y="12537"/>
                  </a:cubicBezTo>
                  <a:cubicBezTo>
                    <a:pt x="62998" y="5626"/>
                    <a:pt x="57382" y="0"/>
                    <a:pt x="50484" y="0"/>
                  </a:cubicBezTo>
                  <a:cubicBezTo>
                    <a:pt x="43586" y="0"/>
                    <a:pt x="37969" y="5626"/>
                    <a:pt x="37969" y="12537"/>
                  </a:cubicBezTo>
                  <a:cubicBezTo>
                    <a:pt x="37969" y="15839"/>
                    <a:pt x="39251" y="18897"/>
                    <a:pt x="41510" y="21282"/>
                  </a:cubicBezTo>
                  <a:cubicBezTo>
                    <a:pt x="43219" y="23055"/>
                    <a:pt x="43708" y="25685"/>
                    <a:pt x="42792" y="27947"/>
                  </a:cubicBezTo>
                  <a:cubicBezTo>
                    <a:pt x="41815" y="30210"/>
                    <a:pt x="39618" y="31678"/>
                    <a:pt x="37176" y="31678"/>
                  </a:cubicBezTo>
                  <a:lnTo>
                    <a:pt x="0" y="31678"/>
                  </a:lnTo>
                  <a:lnTo>
                    <a:pt x="0" y="58463"/>
                  </a:lnTo>
                  <a:cubicBezTo>
                    <a:pt x="2198" y="57852"/>
                    <a:pt x="4517" y="57485"/>
                    <a:pt x="6898" y="57485"/>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9" name="Freeform 5">
              <a:extLst>
                <a:ext uri="{FF2B5EF4-FFF2-40B4-BE49-F238E27FC236}">
                  <a16:creationId xmlns:a16="http://schemas.microsoft.com/office/drawing/2014/main" id="{C791A040-61BD-BD52-6198-B787A25599DB}"/>
                </a:ext>
              </a:extLst>
            </p:cNvPr>
            <p:cNvSpPr/>
            <p:nvPr/>
          </p:nvSpPr>
          <p:spPr>
            <a:xfrm>
              <a:off x="58307" y="-86831"/>
              <a:ext cx="142232" cy="142488"/>
            </a:xfrm>
            <a:custGeom>
              <a:avLst/>
              <a:gdLst>
                <a:gd name="connsiteX0" fmla="*/ 40961 w 142232"/>
                <a:gd name="connsiteY0" fmla="*/ 28620 h 142488"/>
                <a:gd name="connsiteX1" fmla="*/ 34490 w 142232"/>
                <a:gd name="connsiteY1" fmla="*/ 30516 h 142488"/>
                <a:gd name="connsiteX2" fmla="*/ 30217 w 142232"/>
                <a:gd name="connsiteY2" fmla="*/ 25257 h 142488"/>
                <a:gd name="connsiteX3" fmla="*/ 25822 w 142232"/>
                <a:gd name="connsiteY3" fmla="*/ 16878 h 142488"/>
                <a:gd name="connsiteX4" fmla="*/ 8241 w 142232"/>
                <a:gd name="connsiteY4" fmla="*/ 18407 h 142488"/>
                <a:gd name="connsiteX5" fmla="*/ 9767 w 142232"/>
                <a:gd name="connsiteY5" fmla="*/ 36020 h 142488"/>
                <a:gd name="connsiteX6" fmla="*/ 18741 w 142232"/>
                <a:gd name="connsiteY6" fmla="*/ 38894 h 142488"/>
                <a:gd name="connsiteX7" fmla="*/ 24601 w 142232"/>
                <a:gd name="connsiteY7" fmla="*/ 42196 h 142488"/>
                <a:gd name="connsiteX8" fmla="*/ 23868 w 142232"/>
                <a:gd name="connsiteY8" fmla="*/ 48923 h 142488"/>
                <a:gd name="connsiteX9" fmla="*/ 0 w 142232"/>
                <a:gd name="connsiteY9" fmla="*/ 77482 h 142488"/>
                <a:gd name="connsiteX10" fmla="*/ 20511 w 142232"/>
                <a:gd name="connsiteY10" fmla="*/ 94727 h 142488"/>
                <a:gd name="connsiteX11" fmla="*/ 24173 w 142232"/>
                <a:gd name="connsiteY11" fmla="*/ 88795 h 142488"/>
                <a:gd name="connsiteX12" fmla="*/ 58969 w 142232"/>
                <a:gd name="connsiteY12" fmla="*/ 85738 h 142488"/>
                <a:gd name="connsiteX13" fmla="*/ 67698 w 142232"/>
                <a:gd name="connsiteY13" fmla="*/ 102555 h 142488"/>
                <a:gd name="connsiteX14" fmla="*/ 62021 w 142232"/>
                <a:gd name="connsiteY14" fmla="*/ 120595 h 142488"/>
                <a:gd name="connsiteX15" fmla="*/ 56832 w 142232"/>
                <a:gd name="connsiteY15" fmla="*/ 125243 h 142488"/>
                <a:gd name="connsiteX16" fmla="*/ 77343 w 142232"/>
                <a:gd name="connsiteY16" fmla="*/ 142488 h 142488"/>
                <a:gd name="connsiteX17" fmla="*/ 142233 w 142232"/>
                <a:gd name="connsiteY17" fmla="*/ 65007 h 142488"/>
                <a:gd name="connsiteX18" fmla="*/ 64890 w 142232"/>
                <a:gd name="connsiteY18" fmla="*/ 0 h 142488"/>
                <a:gd name="connsiteX19" fmla="*/ 41022 w 142232"/>
                <a:gd name="connsiteY19" fmla="*/ 28498 h 1424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42232" h="142488">
                  <a:moveTo>
                    <a:pt x="40961" y="28620"/>
                  </a:moveTo>
                  <a:cubicBezTo>
                    <a:pt x="39373" y="30516"/>
                    <a:pt x="36871" y="31250"/>
                    <a:pt x="34490" y="30516"/>
                  </a:cubicBezTo>
                  <a:cubicBezTo>
                    <a:pt x="32170" y="29782"/>
                    <a:pt x="30461" y="27703"/>
                    <a:pt x="30217" y="25257"/>
                  </a:cubicBezTo>
                  <a:cubicBezTo>
                    <a:pt x="29912" y="21954"/>
                    <a:pt x="28324" y="19019"/>
                    <a:pt x="25822" y="16878"/>
                  </a:cubicBezTo>
                  <a:cubicBezTo>
                    <a:pt x="20572" y="12475"/>
                    <a:pt x="12636" y="13148"/>
                    <a:pt x="8241" y="18407"/>
                  </a:cubicBezTo>
                  <a:cubicBezTo>
                    <a:pt x="3846" y="23728"/>
                    <a:pt x="4517" y="31617"/>
                    <a:pt x="9767" y="36020"/>
                  </a:cubicBezTo>
                  <a:cubicBezTo>
                    <a:pt x="12270" y="38099"/>
                    <a:pt x="15505" y="39138"/>
                    <a:pt x="18741" y="38894"/>
                  </a:cubicBezTo>
                  <a:cubicBezTo>
                    <a:pt x="21243" y="38649"/>
                    <a:pt x="23502" y="39995"/>
                    <a:pt x="24601" y="42196"/>
                  </a:cubicBezTo>
                  <a:cubicBezTo>
                    <a:pt x="25700" y="44398"/>
                    <a:pt x="25394" y="47027"/>
                    <a:pt x="23868" y="48923"/>
                  </a:cubicBezTo>
                  <a:lnTo>
                    <a:pt x="0" y="77482"/>
                  </a:lnTo>
                  <a:lnTo>
                    <a:pt x="20511" y="94727"/>
                  </a:lnTo>
                  <a:cubicBezTo>
                    <a:pt x="21426" y="92648"/>
                    <a:pt x="22647" y="90630"/>
                    <a:pt x="24173" y="88795"/>
                  </a:cubicBezTo>
                  <a:cubicBezTo>
                    <a:pt x="32903" y="78338"/>
                    <a:pt x="48530" y="76993"/>
                    <a:pt x="58969" y="85738"/>
                  </a:cubicBezTo>
                  <a:cubicBezTo>
                    <a:pt x="64035" y="90018"/>
                    <a:pt x="67149" y="95950"/>
                    <a:pt x="67698" y="102555"/>
                  </a:cubicBezTo>
                  <a:cubicBezTo>
                    <a:pt x="68247" y="109160"/>
                    <a:pt x="66233" y="115581"/>
                    <a:pt x="62021" y="120595"/>
                  </a:cubicBezTo>
                  <a:cubicBezTo>
                    <a:pt x="60495" y="122430"/>
                    <a:pt x="58785" y="123959"/>
                    <a:pt x="56832" y="125243"/>
                  </a:cubicBezTo>
                  <a:lnTo>
                    <a:pt x="77343" y="142488"/>
                  </a:lnTo>
                  <a:lnTo>
                    <a:pt x="142233" y="65007"/>
                  </a:lnTo>
                  <a:lnTo>
                    <a:pt x="64890" y="0"/>
                  </a:lnTo>
                  <a:lnTo>
                    <a:pt x="41022" y="28498"/>
                  </a:lnTo>
                  <a:close/>
                </a:path>
              </a:pathLst>
            </a:custGeom>
            <a:solidFill>
              <a:schemeClr val="accent2">
                <a:lumMod val="40000"/>
                <a:lumOff val="60000"/>
              </a:schemeClr>
            </a:solidFill>
            <a:ln w="6096" cap="flat">
              <a:noFill/>
              <a:prstDash val="solid"/>
              <a:miter/>
            </a:ln>
          </p:spPr>
          <p:txBody>
            <a:bodyPr rtlCol="0" anchor="ctr"/>
            <a:lstStyle/>
            <a:p>
              <a:endParaRPr lang="en-AU"/>
            </a:p>
          </p:txBody>
        </p:sp>
        <p:grpSp>
          <p:nvGrpSpPr>
            <p:cNvPr id="10" name="Graphic 2">
              <a:extLst>
                <a:ext uri="{FF2B5EF4-FFF2-40B4-BE49-F238E27FC236}">
                  <a16:creationId xmlns:a16="http://schemas.microsoft.com/office/drawing/2014/main" id="{7B077939-661C-767E-F449-DCB948BC52FB}"/>
                </a:ext>
              </a:extLst>
            </p:cNvPr>
            <p:cNvGrpSpPr/>
            <p:nvPr/>
          </p:nvGrpSpPr>
          <p:grpSpPr>
            <a:xfrm>
              <a:off x="-95951" y="-101481"/>
              <a:ext cx="311058" cy="305314"/>
              <a:chOff x="-95951" y="-101481"/>
              <a:chExt cx="311058" cy="305314"/>
            </a:xfrm>
            <a:solidFill>
              <a:srgbClr val="265A9A"/>
            </a:solidFill>
          </p:grpSpPr>
          <p:sp>
            <p:nvSpPr>
              <p:cNvPr id="11" name="Freeform 7">
                <a:extLst>
                  <a:ext uri="{FF2B5EF4-FFF2-40B4-BE49-F238E27FC236}">
                    <a16:creationId xmlns:a16="http://schemas.microsoft.com/office/drawing/2014/main" id="{88DD539D-1896-ED01-1627-B5FB93A1E0CA}"/>
                  </a:ext>
                </a:extLst>
              </p:cNvPr>
              <p:cNvSpPr/>
              <p:nvPr/>
            </p:nvSpPr>
            <p:spPr>
              <a:xfrm>
                <a:off x="-95951" y="84277"/>
                <a:ext cx="157005" cy="119494"/>
              </a:xfrm>
              <a:custGeom>
                <a:avLst/>
                <a:gdLst>
                  <a:gd name="connsiteX0" fmla="*/ 125385 w 157005"/>
                  <a:gd name="connsiteY0" fmla="*/ 107264 h 119494"/>
                  <a:gd name="connsiteX1" fmla="*/ 125385 w 157005"/>
                  <a:gd name="connsiteY1" fmla="*/ 80478 h 119494"/>
                  <a:gd name="connsiteX2" fmla="*/ 132283 w 157005"/>
                  <a:gd name="connsiteY2" fmla="*/ 81457 h 119494"/>
                  <a:gd name="connsiteX3" fmla="*/ 157006 w 157005"/>
                  <a:gd name="connsiteY3" fmla="*/ 56690 h 119494"/>
                  <a:gd name="connsiteX4" fmla="*/ 132283 w 157005"/>
                  <a:gd name="connsiteY4" fmla="*/ 31922 h 119494"/>
                  <a:gd name="connsiteX5" fmla="*/ 125385 w 157005"/>
                  <a:gd name="connsiteY5" fmla="*/ 32901 h 119494"/>
                  <a:gd name="connsiteX6" fmla="*/ 125385 w 157005"/>
                  <a:gd name="connsiteY6" fmla="*/ 6115 h 119494"/>
                  <a:gd name="connsiteX7" fmla="*/ 113176 w 157005"/>
                  <a:gd name="connsiteY7" fmla="*/ 6115 h 119494"/>
                  <a:gd name="connsiteX8" fmla="*/ 113176 w 157005"/>
                  <a:gd name="connsiteY8" fmla="*/ 43358 h 119494"/>
                  <a:gd name="connsiteX9" fmla="*/ 116899 w 157005"/>
                  <a:gd name="connsiteY9" fmla="*/ 48984 h 119494"/>
                  <a:gd name="connsiteX10" fmla="*/ 123553 w 157005"/>
                  <a:gd name="connsiteY10" fmla="*/ 47700 h 119494"/>
                  <a:gd name="connsiteX11" fmla="*/ 132283 w 157005"/>
                  <a:gd name="connsiteY11" fmla="*/ 44153 h 119494"/>
                  <a:gd name="connsiteX12" fmla="*/ 144797 w 157005"/>
                  <a:gd name="connsiteY12" fmla="*/ 56690 h 119494"/>
                  <a:gd name="connsiteX13" fmla="*/ 132283 w 157005"/>
                  <a:gd name="connsiteY13" fmla="*/ 69226 h 119494"/>
                  <a:gd name="connsiteX14" fmla="*/ 123553 w 157005"/>
                  <a:gd name="connsiteY14" fmla="*/ 65679 h 119494"/>
                  <a:gd name="connsiteX15" fmla="*/ 116899 w 157005"/>
                  <a:gd name="connsiteY15" fmla="*/ 64395 h 119494"/>
                  <a:gd name="connsiteX16" fmla="*/ 113176 w 157005"/>
                  <a:gd name="connsiteY16" fmla="*/ 70021 h 119494"/>
                  <a:gd name="connsiteX17" fmla="*/ 113176 w 157005"/>
                  <a:gd name="connsiteY17" fmla="*/ 107264 h 119494"/>
                  <a:gd name="connsiteX18" fmla="*/ 12209 w 157005"/>
                  <a:gd name="connsiteY18" fmla="*/ 107264 h 119494"/>
                  <a:gd name="connsiteX19" fmla="*/ 12209 w 157005"/>
                  <a:gd name="connsiteY19" fmla="*/ 6115 h 119494"/>
                  <a:gd name="connsiteX20" fmla="*/ 6104 w 157005"/>
                  <a:gd name="connsiteY20" fmla="*/ 6115 h 119494"/>
                  <a:gd name="connsiteX21" fmla="*/ 0 w 157005"/>
                  <a:gd name="connsiteY21" fmla="*/ 0 h 119494"/>
                  <a:gd name="connsiteX22" fmla="*/ 0 w 157005"/>
                  <a:gd name="connsiteY22" fmla="*/ 113379 h 119494"/>
                  <a:gd name="connsiteX23" fmla="*/ 6104 w 157005"/>
                  <a:gd name="connsiteY23" fmla="*/ 119495 h 119494"/>
                  <a:gd name="connsiteX24" fmla="*/ 119280 w 157005"/>
                  <a:gd name="connsiteY24" fmla="*/ 119495 h 119494"/>
                  <a:gd name="connsiteX25" fmla="*/ 119280 w 157005"/>
                  <a:gd name="connsiteY25" fmla="*/ 107264 h 119494"/>
                  <a:gd name="connsiteX26" fmla="*/ 125385 w 157005"/>
                  <a:gd name="connsiteY26" fmla="*/ 107264 h 1194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57005" h="119494">
                    <a:moveTo>
                      <a:pt x="125385" y="107264"/>
                    </a:moveTo>
                    <a:lnTo>
                      <a:pt x="125385" y="80478"/>
                    </a:lnTo>
                    <a:cubicBezTo>
                      <a:pt x="127582" y="81090"/>
                      <a:pt x="129902" y="81457"/>
                      <a:pt x="132283" y="81457"/>
                    </a:cubicBezTo>
                    <a:cubicBezTo>
                      <a:pt x="145895" y="81457"/>
                      <a:pt x="157006" y="70327"/>
                      <a:pt x="157006" y="56690"/>
                    </a:cubicBezTo>
                    <a:cubicBezTo>
                      <a:pt x="157006" y="43052"/>
                      <a:pt x="145895" y="31922"/>
                      <a:pt x="132283" y="31922"/>
                    </a:cubicBezTo>
                    <a:cubicBezTo>
                      <a:pt x="129902" y="31922"/>
                      <a:pt x="127582" y="32228"/>
                      <a:pt x="125385" y="32901"/>
                    </a:cubicBezTo>
                    <a:lnTo>
                      <a:pt x="125385" y="6115"/>
                    </a:lnTo>
                    <a:lnTo>
                      <a:pt x="113176" y="6115"/>
                    </a:lnTo>
                    <a:lnTo>
                      <a:pt x="113176" y="43358"/>
                    </a:lnTo>
                    <a:cubicBezTo>
                      <a:pt x="113176" y="45804"/>
                      <a:pt x="114641" y="48067"/>
                      <a:pt x="116899" y="48984"/>
                    </a:cubicBezTo>
                    <a:cubicBezTo>
                      <a:pt x="119158" y="49963"/>
                      <a:pt x="121783" y="49473"/>
                      <a:pt x="123553" y="47700"/>
                    </a:cubicBezTo>
                    <a:cubicBezTo>
                      <a:pt x="125873" y="45376"/>
                      <a:pt x="128986" y="44153"/>
                      <a:pt x="132283" y="44153"/>
                    </a:cubicBezTo>
                    <a:cubicBezTo>
                      <a:pt x="139181" y="44153"/>
                      <a:pt x="144797" y="49779"/>
                      <a:pt x="144797" y="56690"/>
                    </a:cubicBezTo>
                    <a:cubicBezTo>
                      <a:pt x="144797" y="63600"/>
                      <a:pt x="139181" y="69226"/>
                      <a:pt x="132283" y="69226"/>
                    </a:cubicBezTo>
                    <a:cubicBezTo>
                      <a:pt x="128986" y="69226"/>
                      <a:pt x="125934" y="67942"/>
                      <a:pt x="123553" y="65679"/>
                    </a:cubicBezTo>
                    <a:cubicBezTo>
                      <a:pt x="121783" y="63967"/>
                      <a:pt x="119158" y="63478"/>
                      <a:pt x="116899" y="64395"/>
                    </a:cubicBezTo>
                    <a:cubicBezTo>
                      <a:pt x="114641" y="65373"/>
                      <a:pt x="113176" y="67575"/>
                      <a:pt x="113176" y="70021"/>
                    </a:cubicBezTo>
                    <a:lnTo>
                      <a:pt x="113176" y="107264"/>
                    </a:lnTo>
                    <a:lnTo>
                      <a:pt x="12209" y="107264"/>
                    </a:lnTo>
                    <a:lnTo>
                      <a:pt x="12209" y="6115"/>
                    </a:lnTo>
                    <a:lnTo>
                      <a:pt x="6104" y="6115"/>
                    </a:lnTo>
                    <a:cubicBezTo>
                      <a:pt x="2747" y="6115"/>
                      <a:pt x="0" y="3363"/>
                      <a:pt x="0" y="0"/>
                    </a:cubicBezTo>
                    <a:lnTo>
                      <a:pt x="0" y="113379"/>
                    </a:lnTo>
                    <a:cubicBezTo>
                      <a:pt x="0" y="116743"/>
                      <a:pt x="2747" y="119495"/>
                      <a:pt x="6104" y="119495"/>
                    </a:cubicBezTo>
                    <a:lnTo>
                      <a:pt x="119280" y="119495"/>
                    </a:lnTo>
                    <a:lnTo>
                      <a:pt x="119280" y="107264"/>
                    </a:lnTo>
                    <a:lnTo>
                      <a:pt x="125385" y="107264"/>
                    </a:lnTo>
                    <a:close/>
                  </a:path>
                </a:pathLst>
              </a:custGeom>
              <a:solidFill>
                <a:schemeClr val="accent2"/>
              </a:solidFill>
              <a:ln w="6096" cap="flat">
                <a:noFill/>
                <a:prstDash val="solid"/>
                <a:miter/>
              </a:ln>
            </p:spPr>
            <p:txBody>
              <a:bodyPr rtlCol="0" anchor="ctr"/>
              <a:lstStyle/>
              <a:p>
                <a:endParaRPr lang="en-AU"/>
              </a:p>
            </p:txBody>
          </p:sp>
          <p:sp>
            <p:nvSpPr>
              <p:cNvPr id="12" name="Freeform 8">
                <a:extLst>
                  <a:ext uri="{FF2B5EF4-FFF2-40B4-BE49-F238E27FC236}">
                    <a16:creationId xmlns:a16="http://schemas.microsoft.com/office/drawing/2014/main" id="{873E19EA-44CE-CE17-DFC2-E175C10D0932}"/>
                  </a:ext>
                </a:extLst>
              </p:cNvPr>
              <p:cNvSpPr/>
              <p:nvPr/>
            </p:nvSpPr>
            <p:spPr>
              <a:xfrm>
                <a:off x="-95951" y="-35156"/>
                <a:ext cx="125384" cy="157287"/>
              </a:xfrm>
              <a:custGeom>
                <a:avLst/>
                <a:gdLst>
                  <a:gd name="connsiteX0" fmla="*/ 12209 w 125384"/>
                  <a:gd name="connsiteY0" fmla="*/ 125610 h 157287"/>
                  <a:gd name="connsiteX1" fmla="*/ 38946 w 125384"/>
                  <a:gd name="connsiteY1" fmla="*/ 125610 h 157287"/>
                  <a:gd name="connsiteX2" fmla="*/ 37969 w 125384"/>
                  <a:gd name="connsiteY2" fmla="*/ 132520 h 157287"/>
                  <a:gd name="connsiteX3" fmla="*/ 62692 w 125384"/>
                  <a:gd name="connsiteY3" fmla="*/ 157288 h 157287"/>
                  <a:gd name="connsiteX4" fmla="*/ 87415 w 125384"/>
                  <a:gd name="connsiteY4" fmla="*/ 132520 h 157287"/>
                  <a:gd name="connsiteX5" fmla="*/ 86439 w 125384"/>
                  <a:gd name="connsiteY5" fmla="*/ 125610 h 157287"/>
                  <a:gd name="connsiteX6" fmla="*/ 113176 w 125384"/>
                  <a:gd name="connsiteY6" fmla="*/ 125610 h 157287"/>
                  <a:gd name="connsiteX7" fmla="*/ 113176 w 125384"/>
                  <a:gd name="connsiteY7" fmla="*/ 119495 h 157287"/>
                  <a:gd name="connsiteX8" fmla="*/ 119280 w 125384"/>
                  <a:gd name="connsiteY8" fmla="*/ 119495 h 157287"/>
                  <a:gd name="connsiteX9" fmla="*/ 119280 w 125384"/>
                  <a:gd name="connsiteY9" fmla="*/ 113379 h 157287"/>
                  <a:gd name="connsiteX10" fmla="*/ 125385 w 125384"/>
                  <a:gd name="connsiteY10" fmla="*/ 113379 h 157287"/>
                  <a:gd name="connsiteX11" fmla="*/ 125385 w 125384"/>
                  <a:gd name="connsiteY11" fmla="*/ 76137 h 157287"/>
                  <a:gd name="connsiteX12" fmla="*/ 121661 w 125384"/>
                  <a:gd name="connsiteY12" fmla="*/ 70510 h 157287"/>
                  <a:gd name="connsiteX13" fmla="*/ 115007 w 125384"/>
                  <a:gd name="connsiteY13" fmla="*/ 71795 h 157287"/>
                  <a:gd name="connsiteX14" fmla="*/ 106278 w 125384"/>
                  <a:gd name="connsiteY14" fmla="*/ 75342 h 157287"/>
                  <a:gd name="connsiteX15" fmla="*/ 93764 w 125384"/>
                  <a:gd name="connsiteY15" fmla="*/ 62805 h 157287"/>
                  <a:gd name="connsiteX16" fmla="*/ 106278 w 125384"/>
                  <a:gd name="connsiteY16" fmla="*/ 50268 h 157287"/>
                  <a:gd name="connsiteX17" fmla="*/ 115007 w 125384"/>
                  <a:gd name="connsiteY17" fmla="*/ 53815 h 157287"/>
                  <a:gd name="connsiteX18" fmla="*/ 121661 w 125384"/>
                  <a:gd name="connsiteY18" fmla="*/ 55100 h 157287"/>
                  <a:gd name="connsiteX19" fmla="*/ 125385 w 125384"/>
                  <a:gd name="connsiteY19" fmla="*/ 49474 h 157287"/>
                  <a:gd name="connsiteX20" fmla="*/ 125385 w 125384"/>
                  <a:gd name="connsiteY20" fmla="*/ 6115 h 157287"/>
                  <a:gd name="connsiteX21" fmla="*/ 119280 w 125384"/>
                  <a:gd name="connsiteY21" fmla="*/ 0 h 157287"/>
                  <a:gd name="connsiteX22" fmla="*/ 6104 w 125384"/>
                  <a:gd name="connsiteY22" fmla="*/ 0 h 157287"/>
                  <a:gd name="connsiteX23" fmla="*/ 0 w 125384"/>
                  <a:gd name="connsiteY23" fmla="*/ 6115 h 157287"/>
                  <a:gd name="connsiteX24" fmla="*/ 0 w 125384"/>
                  <a:gd name="connsiteY24" fmla="*/ 119495 h 157287"/>
                  <a:gd name="connsiteX25" fmla="*/ 12209 w 125384"/>
                  <a:gd name="connsiteY25" fmla="*/ 119495 h 157287"/>
                  <a:gd name="connsiteX26" fmla="*/ 12209 w 125384"/>
                  <a:gd name="connsiteY26" fmla="*/ 125610 h 157287"/>
                  <a:gd name="connsiteX27" fmla="*/ 12209 w 125384"/>
                  <a:gd name="connsiteY27" fmla="*/ 12231 h 157287"/>
                  <a:gd name="connsiteX28" fmla="*/ 113176 w 125384"/>
                  <a:gd name="connsiteY28" fmla="*/ 12231 h 157287"/>
                  <a:gd name="connsiteX29" fmla="*/ 113176 w 125384"/>
                  <a:gd name="connsiteY29" fmla="*/ 39016 h 157287"/>
                  <a:gd name="connsiteX30" fmla="*/ 106278 w 125384"/>
                  <a:gd name="connsiteY30" fmla="*/ 38038 h 157287"/>
                  <a:gd name="connsiteX31" fmla="*/ 81555 w 125384"/>
                  <a:gd name="connsiteY31" fmla="*/ 62805 h 157287"/>
                  <a:gd name="connsiteX32" fmla="*/ 106278 w 125384"/>
                  <a:gd name="connsiteY32" fmla="*/ 87572 h 157287"/>
                  <a:gd name="connsiteX33" fmla="*/ 113176 w 125384"/>
                  <a:gd name="connsiteY33" fmla="*/ 86594 h 157287"/>
                  <a:gd name="connsiteX34" fmla="*/ 113176 w 125384"/>
                  <a:gd name="connsiteY34" fmla="*/ 113379 h 157287"/>
                  <a:gd name="connsiteX35" fmla="*/ 76000 w 125384"/>
                  <a:gd name="connsiteY35" fmla="*/ 113379 h 157287"/>
                  <a:gd name="connsiteX36" fmla="*/ 70384 w 125384"/>
                  <a:gd name="connsiteY36" fmla="*/ 117110 h 157287"/>
                  <a:gd name="connsiteX37" fmla="*/ 71666 w 125384"/>
                  <a:gd name="connsiteY37" fmla="*/ 123775 h 157287"/>
                  <a:gd name="connsiteX38" fmla="*/ 75206 w 125384"/>
                  <a:gd name="connsiteY38" fmla="*/ 132520 h 157287"/>
                  <a:gd name="connsiteX39" fmla="*/ 62692 w 125384"/>
                  <a:gd name="connsiteY39" fmla="*/ 145057 h 157287"/>
                  <a:gd name="connsiteX40" fmla="*/ 50178 w 125384"/>
                  <a:gd name="connsiteY40" fmla="*/ 132520 h 157287"/>
                  <a:gd name="connsiteX41" fmla="*/ 53719 w 125384"/>
                  <a:gd name="connsiteY41" fmla="*/ 123775 h 157287"/>
                  <a:gd name="connsiteX42" fmla="*/ 55001 w 125384"/>
                  <a:gd name="connsiteY42" fmla="*/ 117110 h 157287"/>
                  <a:gd name="connsiteX43" fmla="*/ 49385 w 125384"/>
                  <a:gd name="connsiteY43" fmla="*/ 113379 h 157287"/>
                  <a:gd name="connsiteX44" fmla="*/ 12209 w 125384"/>
                  <a:gd name="connsiteY44" fmla="*/ 113379 h 157287"/>
                  <a:gd name="connsiteX45" fmla="*/ 12209 w 125384"/>
                  <a:gd name="connsiteY45" fmla="*/ 12231 h 157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25384" h="157287">
                    <a:moveTo>
                      <a:pt x="12209" y="125610"/>
                    </a:moveTo>
                    <a:lnTo>
                      <a:pt x="38946" y="125610"/>
                    </a:lnTo>
                    <a:cubicBezTo>
                      <a:pt x="38336" y="127812"/>
                      <a:pt x="37969" y="130135"/>
                      <a:pt x="37969" y="132520"/>
                    </a:cubicBezTo>
                    <a:cubicBezTo>
                      <a:pt x="37969" y="146158"/>
                      <a:pt x="49079" y="157288"/>
                      <a:pt x="62692" y="157288"/>
                    </a:cubicBezTo>
                    <a:cubicBezTo>
                      <a:pt x="76305" y="157288"/>
                      <a:pt x="87415" y="146158"/>
                      <a:pt x="87415" y="132520"/>
                    </a:cubicBezTo>
                    <a:cubicBezTo>
                      <a:pt x="87415" y="130135"/>
                      <a:pt x="87110" y="127812"/>
                      <a:pt x="86439" y="125610"/>
                    </a:cubicBezTo>
                    <a:lnTo>
                      <a:pt x="113176" y="125610"/>
                    </a:lnTo>
                    <a:lnTo>
                      <a:pt x="113176" y="119495"/>
                    </a:lnTo>
                    <a:lnTo>
                      <a:pt x="119280" y="119495"/>
                    </a:lnTo>
                    <a:lnTo>
                      <a:pt x="119280" y="113379"/>
                    </a:lnTo>
                    <a:lnTo>
                      <a:pt x="125385" y="113379"/>
                    </a:lnTo>
                    <a:lnTo>
                      <a:pt x="125385" y="76137"/>
                    </a:lnTo>
                    <a:cubicBezTo>
                      <a:pt x="125385" y="73690"/>
                      <a:pt x="123920" y="71428"/>
                      <a:pt x="121661" y="70510"/>
                    </a:cubicBezTo>
                    <a:cubicBezTo>
                      <a:pt x="119402" y="69532"/>
                      <a:pt x="116777" y="70021"/>
                      <a:pt x="115007" y="71795"/>
                    </a:cubicBezTo>
                    <a:cubicBezTo>
                      <a:pt x="112626" y="74119"/>
                      <a:pt x="109574" y="75342"/>
                      <a:pt x="106278" y="75342"/>
                    </a:cubicBezTo>
                    <a:cubicBezTo>
                      <a:pt x="99380" y="75342"/>
                      <a:pt x="93764" y="69715"/>
                      <a:pt x="93764" y="62805"/>
                    </a:cubicBezTo>
                    <a:cubicBezTo>
                      <a:pt x="93764" y="55895"/>
                      <a:pt x="99380" y="50268"/>
                      <a:pt x="106278" y="50268"/>
                    </a:cubicBezTo>
                    <a:cubicBezTo>
                      <a:pt x="109574" y="50268"/>
                      <a:pt x="112626" y="51553"/>
                      <a:pt x="115007" y="53815"/>
                    </a:cubicBezTo>
                    <a:cubicBezTo>
                      <a:pt x="116777" y="55528"/>
                      <a:pt x="119402" y="56017"/>
                      <a:pt x="121661" y="55100"/>
                    </a:cubicBezTo>
                    <a:cubicBezTo>
                      <a:pt x="123920" y="54121"/>
                      <a:pt x="125385" y="51920"/>
                      <a:pt x="125385" y="49474"/>
                    </a:cubicBezTo>
                    <a:lnTo>
                      <a:pt x="125385" y="6115"/>
                    </a:lnTo>
                    <a:cubicBezTo>
                      <a:pt x="125385" y="2752"/>
                      <a:pt x="122638" y="0"/>
                      <a:pt x="119280" y="0"/>
                    </a:cubicBezTo>
                    <a:lnTo>
                      <a:pt x="6104" y="0"/>
                    </a:lnTo>
                    <a:cubicBezTo>
                      <a:pt x="2747" y="0"/>
                      <a:pt x="0" y="2752"/>
                      <a:pt x="0" y="6115"/>
                    </a:cubicBezTo>
                    <a:lnTo>
                      <a:pt x="0" y="119495"/>
                    </a:lnTo>
                    <a:lnTo>
                      <a:pt x="12209" y="119495"/>
                    </a:lnTo>
                    <a:lnTo>
                      <a:pt x="12209" y="125610"/>
                    </a:lnTo>
                    <a:close/>
                    <a:moveTo>
                      <a:pt x="12209" y="12231"/>
                    </a:moveTo>
                    <a:lnTo>
                      <a:pt x="113176" y="12231"/>
                    </a:lnTo>
                    <a:lnTo>
                      <a:pt x="113176" y="39016"/>
                    </a:lnTo>
                    <a:cubicBezTo>
                      <a:pt x="110978" y="38405"/>
                      <a:pt x="108659" y="38038"/>
                      <a:pt x="106278" y="38038"/>
                    </a:cubicBezTo>
                    <a:cubicBezTo>
                      <a:pt x="92665" y="38038"/>
                      <a:pt x="81555" y="49168"/>
                      <a:pt x="81555" y="62805"/>
                    </a:cubicBezTo>
                    <a:cubicBezTo>
                      <a:pt x="81555" y="76442"/>
                      <a:pt x="92665" y="87572"/>
                      <a:pt x="106278" y="87572"/>
                    </a:cubicBezTo>
                    <a:cubicBezTo>
                      <a:pt x="108659" y="87572"/>
                      <a:pt x="110978" y="87267"/>
                      <a:pt x="113176" y="86594"/>
                    </a:cubicBezTo>
                    <a:lnTo>
                      <a:pt x="113176" y="113379"/>
                    </a:lnTo>
                    <a:lnTo>
                      <a:pt x="76000" y="113379"/>
                    </a:lnTo>
                    <a:cubicBezTo>
                      <a:pt x="73558" y="113379"/>
                      <a:pt x="71300" y="114847"/>
                      <a:pt x="70384" y="117110"/>
                    </a:cubicBezTo>
                    <a:cubicBezTo>
                      <a:pt x="69468" y="119372"/>
                      <a:pt x="69957" y="122002"/>
                      <a:pt x="71666" y="123775"/>
                    </a:cubicBezTo>
                    <a:cubicBezTo>
                      <a:pt x="73985" y="126099"/>
                      <a:pt x="75206" y="129218"/>
                      <a:pt x="75206" y="132520"/>
                    </a:cubicBezTo>
                    <a:cubicBezTo>
                      <a:pt x="75206" y="139431"/>
                      <a:pt x="69590" y="145057"/>
                      <a:pt x="62692" y="145057"/>
                    </a:cubicBezTo>
                    <a:cubicBezTo>
                      <a:pt x="55794" y="145057"/>
                      <a:pt x="50178" y="139431"/>
                      <a:pt x="50178" y="132520"/>
                    </a:cubicBezTo>
                    <a:cubicBezTo>
                      <a:pt x="50178" y="129218"/>
                      <a:pt x="51460" y="126160"/>
                      <a:pt x="53719" y="123775"/>
                    </a:cubicBezTo>
                    <a:cubicBezTo>
                      <a:pt x="55428" y="122002"/>
                      <a:pt x="55916" y="119372"/>
                      <a:pt x="55001" y="117110"/>
                    </a:cubicBezTo>
                    <a:cubicBezTo>
                      <a:pt x="54085" y="114847"/>
                      <a:pt x="51827" y="113379"/>
                      <a:pt x="49385" y="113379"/>
                    </a:cubicBezTo>
                    <a:lnTo>
                      <a:pt x="12209" y="113379"/>
                    </a:lnTo>
                    <a:lnTo>
                      <a:pt x="12209" y="12231"/>
                    </a:lnTo>
                    <a:close/>
                  </a:path>
                </a:pathLst>
              </a:custGeom>
              <a:solidFill>
                <a:schemeClr val="accent2"/>
              </a:solidFill>
              <a:ln w="6096" cap="flat">
                <a:noFill/>
                <a:prstDash val="solid"/>
                <a:miter/>
              </a:ln>
            </p:spPr>
            <p:txBody>
              <a:bodyPr rtlCol="0" anchor="ctr"/>
              <a:lstStyle/>
              <a:p>
                <a:endParaRPr lang="en-AU"/>
              </a:p>
            </p:txBody>
          </p:sp>
          <p:sp>
            <p:nvSpPr>
              <p:cNvPr id="13" name="Freeform 9">
                <a:extLst>
                  <a:ext uri="{FF2B5EF4-FFF2-40B4-BE49-F238E27FC236}">
                    <a16:creationId xmlns:a16="http://schemas.microsoft.com/office/drawing/2014/main" id="{20064375-BA0E-8F90-F0E4-7C0855446826}"/>
                  </a:ext>
                </a:extLst>
              </p:cNvPr>
              <p:cNvSpPr/>
              <p:nvPr/>
            </p:nvSpPr>
            <p:spPr>
              <a:xfrm>
                <a:off x="17224" y="84338"/>
                <a:ext cx="6104" cy="6115"/>
              </a:xfrm>
              <a:custGeom>
                <a:avLst/>
                <a:gdLst>
                  <a:gd name="connsiteX0" fmla="*/ 0 w 6104"/>
                  <a:gd name="connsiteY0" fmla="*/ 0 h 6115"/>
                  <a:gd name="connsiteX1" fmla="*/ 6104 w 6104"/>
                  <a:gd name="connsiteY1" fmla="*/ 0 h 6115"/>
                  <a:gd name="connsiteX2" fmla="*/ 6104 w 6104"/>
                  <a:gd name="connsiteY2" fmla="*/ 6115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0"/>
                    </a:moveTo>
                    <a:lnTo>
                      <a:pt x="6104" y="0"/>
                    </a:lnTo>
                    <a:lnTo>
                      <a:pt x="6104" y="6115"/>
                    </a:lnTo>
                    <a:lnTo>
                      <a:pt x="0" y="6115"/>
                    </a:lnTo>
                    <a:close/>
                  </a:path>
                </a:pathLst>
              </a:custGeom>
              <a:solidFill>
                <a:srgbClr val="265A9A"/>
              </a:solidFill>
              <a:ln w="6096" cap="flat">
                <a:noFill/>
                <a:prstDash val="solid"/>
                <a:miter/>
              </a:ln>
            </p:spPr>
            <p:txBody>
              <a:bodyPr rtlCol="0" anchor="ctr"/>
              <a:lstStyle/>
              <a:p>
                <a:endParaRPr lang="en-AU"/>
              </a:p>
            </p:txBody>
          </p:sp>
          <p:sp>
            <p:nvSpPr>
              <p:cNvPr id="36" name="Freeform 10">
                <a:extLst>
                  <a:ext uri="{FF2B5EF4-FFF2-40B4-BE49-F238E27FC236}">
                    <a16:creationId xmlns:a16="http://schemas.microsoft.com/office/drawing/2014/main" id="{66EEEADA-02AA-DB4C-764B-D247C1743235}"/>
                  </a:ext>
                </a:extLst>
              </p:cNvPr>
              <p:cNvSpPr/>
              <p:nvPr/>
            </p:nvSpPr>
            <p:spPr>
              <a:xfrm>
                <a:off x="-95951" y="84338"/>
                <a:ext cx="12208" cy="6115"/>
              </a:xfrm>
              <a:custGeom>
                <a:avLst/>
                <a:gdLst>
                  <a:gd name="connsiteX0" fmla="*/ 6104 w 12208"/>
                  <a:gd name="connsiteY0" fmla="*/ 6115 h 6115"/>
                  <a:gd name="connsiteX1" fmla="*/ 12209 w 12208"/>
                  <a:gd name="connsiteY1" fmla="*/ 6115 h 6115"/>
                  <a:gd name="connsiteX2" fmla="*/ 12209 w 12208"/>
                  <a:gd name="connsiteY2" fmla="*/ 0 h 6115"/>
                  <a:gd name="connsiteX3" fmla="*/ 0 w 12208"/>
                  <a:gd name="connsiteY3" fmla="*/ 0 h 6115"/>
                  <a:gd name="connsiteX4" fmla="*/ 6104 w 12208"/>
                  <a:gd name="connsiteY4" fmla="*/ 6115 h 61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08" h="6115">
                    <a:moveTo>
                      <a:pt x="6104" y="6115"/>
                    </a:moveTo>
                    <a:lnTo>
                      <a:pt x="12209" y="6115"/>
                    </a:lnTo>
                    <a:lnTo>
                      <a:pt x="12209" y="0"/>
                    </a:lnTo>
                    <a:lnTo>
                      <a:pt x="0" y="0"/>
                    </a:lnTo>
                    <a:cubicBezTo>
                      <a:pt x="0" y="3363"/>
                      <a:pt x="2747" y="6115"/>
                      <a:pt x="6104" y="6115"/>
                    </a:cubicBezTo>
                    <a:close/>
                  </a:path>
                </a:pathLst>
              </a:custGeom>
              <a:solidFill>
                <a:srgbClr val="265A9A"/>
              </a:solidFill>
              <a:ln w="6096" cap="flat">
                <a:noFill/>
                <a:prstDash val="solid"/>
                <a:miter/>
              </a:ln>
            </p:spPr>
            <p:txBody>
              <a:bodyPr rtlCol="0" anchor="ctr"/>
              <a:lstStyle/>
              <a:p>
                <a:endParaRPr lang="en-AU"/>
              </a:p>
            </p:txBody>
          </p:sp>
          <p:sp>
            <p:nvSpPr>
              <p:cNvPr id="37" name="Freeform 11">
                <a:extLst>
                  <a:ext uri="{FF2B5EF4-FFF2-40B4-BE49-F238E27FC236}">
                    <a16:creationId xmlns:a16="http://schemas.microsoft.com/office/drawing/2014/main" id="{575C5923-3832-95EB-9924-E0B0B1AACE9C}"/>
                  </a:ext>
                </a:extLst>
              </p:cNvPr>
              <p:cNvSpPr/>
              <p:nvPr/>
            </p:nvSpPr>
            <p:spPr>
              <a:xfrm>
                <a:off x="23267" y="46545"/>
                <a:ext cx="119280" cy="157287"/>
              </a:xfrm>
              <a:custGeom>
                <a:avLst/>
                <a:gdLst>
                  <a:gd name="connsiteX0" fmla="*/ 113176 w 119280"/>
                  <a:gd name="connsiteY0" fmla="*/ 31678 h 157287"/>
                  <a:gd name="connsiteX1" fmla="*/ 80334 w 119280"/>
                  <a:gd name="connsiteY1" fmla="*/ 31678 h 157287"/>
                  <a:gd name="connsiteX2" fmla="*/ 81311 w 119280"/>
                  <a:gd name="connsiteY2" fmla="*/ 24767 h 157287"/>
                  <a:gd name="connsiteX3" fmla="*/ 56588 w 119280"/>
                  <a:gd name="connsiteY3" fmla="*/ 0 h 157287"/>
                  <a:gd name="connsiteX4" fmla="*/ 31865 w 119280"/>
                  <a:gd name="connsiteY4" fmla="*/ 24767 h 157287"/>
                  <a:gd name="connsiteX5" fmla="*/ 32842 w 119280"/>
                  <a:gd name="connsiteY5" fmla="*/ 31678 h 157287"/>
                  <a:gd name="connsiteX6" fmla="*/ 6104 w 119280"/>
                  <a:gd name="connsiteY6" fmla="*/ 31678 h 157287"/>
                  <a:gd name="connsiteX7" fmla="*/ 6104 w 119280"/>
                  <a:gd name="connsiteY7" fmla="*/ 43909 h 157287"/>
                  <a:gd name="connsiteX8" fmla="*/ 43280 w 119280"/>
                  <a:gd name="connsiteY8" fmla="*/ 43909 h 157287"/>
                  <a:gd name="connsiteX9" fmla="*/ 48896 w 119280"/>
                  <a:gd name="connsiteY9" fmla="*/ 40178 h 157287"/>
                  <a:gd name="connsiteX10" fmla="*/ 47614 w 119280"/>
                  <a:gd name="connsiteY10" fmla="*/ 33512 h 157287"/>
                  <a:gd name="connsiteX11" fmla="*/ 44074 w 119280"/>
                  <a:gd name="connsiteY11" fmla="*/ 24767 h 157287"/>
                  <a:gd name="connsiteX12" fmla="*/ 56588 w 119280"/>
                  <a:gd name="connsiteY12" fmla="*/ 12231 h 157287"/>
                  <a:gd name="connsiteX13" fmla="*/ 69102 w 119280"/>
                  <a:gd name="connsiteY13" fmla="*/ 24767 h 157287"/>
                  <a:gd name="connsiteX14" fmla="*/ 65561 w 119280"/>
                  <a:gd name="connsiteY14" fmla="*/ 33512 h 157287"/>
                  <a:gd name="connsiteX15" fmla="*/ 64279 w 119280"/>
                  <a:gd name="connsiteY15" fmla="*/ 40178 h 157287"/>
                  <a:gd name="connsiteX16" fmla="*/ 69896 w 119280"/>
                  <a:gd name="connsiteY16" fmla="*/ 43909 h 157287"/>
                  <a:gd name="connsiteX17" fmla="*/ 107071 w 119280"/>
                  <a:gd name="connsiteY17" fmla="*/ 43909 h 157287"/>
                  <a:gd name="connsiteX18" fmla="*/ 107071 w 119280"/>
                  <a:gd name="connsiteY18" fmla="*/ 145057 h 157287"/>
                  <a:gd name="connsiteX19" fmla="*/ 6104 w 119280"/>
                  <a:gd name="connsiteY19" fmla="*/ 145057 h 157287"/>
                  <a:gd name="connsiteX20" fmla="*/ 6104 w 119280"/>
                  <a:gd name="connsiteY20" fmla="*/ 151172 h 157287"/>
                  <a:gd name="connsiteX21" fmla="*/ 0 w 119280"/>
                  <a:gd name="connsiteY21" fmla="*/ 157288 h 157287"/>
                  <a:gd name="connsiteX22" fmla="*/ 113176 w 119280"/>
                  <a:gd name="connsiteY22" fmla="*/ 157288 h 157287"/>
                  <a:gd name="connsiteX23" fmla="*/ 119280 w 119280"/>
                  <a:gd name="connsiteY23" fmla="*/ 151172 h 157287"/>
                  <a:gd name="connsiteX24" fmla="*/ 119280 w 119280"/>
                  <a:gd name="connsiteY24" fmla="*/ 37793 h 157287"/>
                  <a:gd name="connsiteX25" fmla="*/ 113176 w 119280"/>
                  <a:gd name="connsiteY25" fmla="*/ 31678 h 157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19280" h="157287">
                    <a:moveTo>
                      <a:pt x="113176" y="31678"/>
                    </a:moveTo>
                    <a:lnTo>
                      <a:pt x="80334" y="31678"/>
                    </a:lnTo>
                    <a:cubicBezTo>
                      <a:pt x="80945" y="29476"/>
                      <a:pt x="81311" y="27152"/>
                      <a:pt x="81311" y="24767"/>
                    </a:cubicBezTo>
                    <a:cubicBezTo>
                      <a:pt x="81311" y="11130"/>
                      <a:pt x="70201" y="0"/>
                      <a:pt x="56588" y="0"/>
                    </a:cubicBezTo>
                    <a:cubicBezTo>
                      <a:pt x="42975" y="0"/>
                      <a:pt x="31865" y="11130"/>
                      <a:pt x="31865" y="24767"/>
                    </a:cubicBezTo>
                    <a:cubicBezTo>
                      <a:pt x="31865" y="27152"/>
                      <a:pt x="32170" y="29476"/>
                      <a:pt x="32842" y="31678"/>
                    </a:cubicBezTo>
                    <a:lnTo>
                      <a:pt x="6104" y="31678"/>
                    </a:lnTo>
                    <a:lnTo>
                      <a:pt x="6104" y="43909"/>
                    </a:lnTo>
                    <a:lnTo>
                      <a:pt x="43280" y="43909"/>
                    </a:lnTo>
                    <a:cubicBezTo>
                      <a:pt x="45722" y="43909"/>
                      <a:pt x="47981" y="42441"/>
                      <a:pt x="48896" y="40178"/>
                    </a:cubicBezTo>
                    <a:cubicBezTo>
                      <a:pt x="49873" y="37915"/>
                      <a:pt x="49385" y="35286"/>
                      <a:pt x="47614" y="33512"/>
                    </a:cubicBezTo>
                    <a:cubicBezTo>
                      <a:pt x="45295" y="31127"/>
                      <a:pt x="44074" y="28070"/>
                      <a:pt x="44074" y="24767"/>
                    </a:cubicBezTo>
                    <a:cubicBezTo>
                      <a:pt x="44074" y="17857"/>
                      <a:pt x="49690" y="12231"/>
                      <a:pt x="56588" y="12231"/>
                    </a:cubicBezTo>
                    <a:cubicBezTo>
                      <a:pt x="63486" y="12231"/>
                      <a:pt x="69102" y="17857"/>
                      <a:pt x="69102" y="24767"/>
                    </a:cubicBezTo>
                    <a:cubicBezTo>
                      <a:pt x="69102" y="28070"/>
                      <a:pt x="67820" y="31127"/>
                      <a:pt x="65561" y="33512"/>
                    </a:cubicBezTo>
                    <a:cubicBezTo>
                      <a:pt x="63852" y="35286"/>
                      <a:pt x="63364" y="37915"/>
                      <a:pt x="64279" y="40178"/>
                    </a:cubicBezTo>
                    <a:cubicBezTo>
                      <a:pt x="65256" y="42441"/>
                      <a:pt x="67454" y="43909"/>
                      <a:pt x="69896" y="43909"/>
                    </a:cubicBezTo>
                    <a:lnTo>
                      <a:pt x="107071" y="43909"/>
                    </a:lnTo>
                    <a:lnTo>
                      <a:pt x="107071" y="145057"/>
                    </a:lnTo>
                    <a:lnTo>
                      <a:pt x="6104" y="145057"/>
                    </a:lnTo>
                    <a:lnTo>
                      <a:pt x="6104" y="151172"/>
                    </a:lnTo>
                    <a:cubicBezTo>
                      <a:pt x="6104" y="154536"/>
                      <a:pt x="3357" y="157288"/>
                      <a:pt x="0" y="157288"/>
                    </a:cubicBezTo>
                    <a:lnTo>
                      <a:pt x="113176" y="157288"/>
                    </a:lnTo>
                    <a:cubicBezTo>
                      <a:pt x="116533" y="157288"/>
                      <a:pt x="119280" y="154536"/>
                      <a:pt x="119280" y="151172"/>
                    </a:cubicBezTo>
                    <a:lnTo>
                      <a:pt x="119280" y="37793"/>
                    </a:lnTo>
                    <a:cubicBezTo>
                      <a:pt x="119280" y="34430"/>
                      <a:pt x="116533" y="31678"/>
                      <a:pt x="113176" y="31678"/>
                    </a:cubicBezTo>
                    <a:close/>
                  </a:path>
                </a:pathLst>
              </a:custGeom>
              <a:solidFill>
                <a:schemeClr val="accent2"/>
              </a:solidFill>
              <a:ln w="6096" cap="flat">
                <a:noFill/>
                <a:prstDash val="solid"/>
                <a:miter/>
              </a:ln>
            </p:spPr>
            <p:txBody>
              <a:bodyPr rtlCol="0" anchor="ctr"/>
              <a:lstStyle/>
              <a:p>
                <a:endParaRPr lang="en-AU"/>
              </a:p>
            </p:txBody>
          </p:sp>
          <p:sp>
            <p:nvSpPr>
              <p:cNvPr id="38" name="Freeform 12">
                <a:extLst>
                  <a:ext uri="{FF2B5EF4-FFF2-40B4-BE49-F238E27FC236}">
                    <a16:creationId xmlns:a16="http://schemas.microsoft.com/office/drawing/2014/main" id="{FD54730B-6996-E780-6193-68001F796B89}"/>
                  </a:ext>
                </a:extLst>
              </p:cNvPr>
              <p:cNvSpPr/>
              <p:nvPr/>
            </p:nvSpPr>
            <p:spPr>
              <a:xfrm>
                <a:off x="23328" y="191541"/>
                <a:ext cx="6104" cy="12230"/>
              </a:xfrm>
              <a:custGeom>
                <a:avLst/>
                <a:gdLst>
                  <a:gd name="connsiteX0" fmla="*/ 6104 w 6104"/>
                  <a:gd name="connsiteY0" fmla="*/ 6115 h 12230"/>
                  <a:gd name="connsiteX1" fmla="*/ 6104 w 6104"/>
                  <a:gd name="connsiteY1" fmla="*/ 0 h 12230"/>
                  <a:gd name="connsiteX2" fmla="*/ 0 w 6104"/>
                  <a:gd name="connsiteY2" fmla="*/ 0 h 12230"/>
                  <a:gd name="connsiteX3" fmla="*/ 0 w 6104"/>
                  <a:gd name="connsiteY3" fmla="*/ 12231 h 12230"/>
                  <a:gd name="connsiteX4" fmla="*/ 6104 w 6104"/>
                  <a:gd name="connsiteY4" fmla="*/ 6115 h 1223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104" h="12230">
                    <a:moveTo>
                      <a:pt x="6104" y="6115"/>
                    </a:moveTo>
                    <a:lnTo>
                      <a:pt x="6104" y="0"/>
                    </a:lnTo>
                    <a:lnTo>
                      <a:pt x="0" y="0"/>
                    </a:lnTo>
                    <a:lnTo>
                      <a:pt x="0" y="12231"/>
                    </a:lnTo>
                    <a:cubicBezTo>
                      <a:pt x="3357" y="12231"/>
                      <a:pt x="6104" y="9479"/>
                      <a:pt x="6104" y="6115"/>
                    </a:cubicBezTo>
                    <a:close/>
                  </a:path>
                </a:pathLst>
              </a:custGeom>
              <a:solidFill>
                <a:srgbClr val="265A9A"/>
              </a:solidFill>
              <a:ln w="6096" cap="flat">
                <a:noFill/>
                <a:prstDash val="solid"/>
                <a:miter/>
              </a:ln>
            </p:spPr>
            <p:txBody>
              <a:bodyPr rtlCol="0" anchor="ctr"/>
              <a:lstStyle/>
              <a:p>
                <a:endParaRPr lang="en-AU"/>
              </a:p>
            </p:txBody>
          </p:sp>
          <p:sp>
            <p:nvSpPr>
              <p:cNvPr id="39" name="Freeform 13">
                <a:extLst>
                  <a:ext uri="{FF2B5EF4-FFF2-40B4-BE49-F238E27FC236}">
                    <a16:creationId xmlns:a16="http://schemas.microsoft.com/office/drawing/2014/main" id="{476477CD-90DA-2A1A-A24E-990CFE6604F7}"/>
                  </a:ext>
                </a:extLst>
              </p:cNvPr>
              <p:cNvSpPr/>
              <p:nvPr/>
            </p:nvSpPr>
            <p:spPr>
              <a:xfrm>
                <a:off x="23328" y="84338"/>
                <a:ext cx="6104" cy="6115"/>
              </a:xfrm>
              <a:custGeom>
                <a:avLst/>
                <a:gdLst>
                  <a:gd name="connsiteX0" fmla="*/ 0 w 6104"/>
                  <a:gd name="connsiteY0" fmla="*/ 6115 h 6115"/>
                  <a:gd name="connsiteX1" fmla="*/ 6104 w 6104"/>
                  <a:gd name="connsiteY1" fmla="*/ 6115 h 6115"/>
                  <a:gd name="connsiteX2" fmla="*/ 6104 w 6104"/>
                  <a:gd name="connsiteY2" fmla="*/ 0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6115"/>
                    </a:moveTo>
                    <a:lnTo>
                      <a:pt x="6104" y="6115"/>
                    </a:lnTo>
                    <a:lnTo>
                      <a:pt x="6104" y="0"/>
                    </a:lnTo>
                    <a:cubicBezTo>
                      <a:pt x="6104" y="3363"/>
                      <a:pt x="3357" y="6115"/>
                      <a:pt x="0" y="6115"/>
                    </a:cubicBezTo>
                    <a:close/>
                  </a:path>
                </a:pathLst>
              </a:custGeom>
              <a:solidFill>
                <a:srgbClr val="265A9A"/>
              </a:solidFill>
              <a:ln w="6096" cap="flat">
                <a:noFill/>
                <a:prstDash val="solid"/>
                <a:miter/>
              </a:ln>
            </p:spPr>
            <p:txBody>
              <a:bodyPr rtlCol="0" anchor="ctr"/>
              <a:lstStyle/>
              <a:p>
                <a:endParaRPr lang="en-AU"/>
              </a:p>
            </p:txBody>
          </p:sp>
          <p:sp>
            <p:nvSpPr>
              <p:cNvPr id="40" name="Freeform 14">
                <a:extLst>
                  <a:ext uri="{FF2B5EF4-FFF2-40B4-BE49-F238E27FC236}">
                    <a16:creationId xmlns:a16="http://schemas.microsoft.com/office/drawing/2014/main" id="{C0486881-5CF4-F2E9-8701-A6C131A4F0EB}"/>
                  </a:ext>
                </a:extLst>
              </p:cNvPr>
              <p:cNvSpPr/>
              <p:nvPr/>
            </p:nvSpPr>
            <p:spPr>
              <a:xfrm>
                <a:off x="23328" y="78222"/>
                <a:ext cx="6104" cy="6115"/>
              </a:xfrm>
              <a:custGeom>
                <a:avLst/>
                <a:gdLst>
                  <a:gd name="connsiteX0" fmla="*/ 0 w 6104"/>
                  <a:gd name="connsiteY0" fmla="*/ 0 h 6115"/>
                  <a:gd name="connsiteX1" fmla="*/ 6104 w 6104"/>
                  <a:gd name="connsiteY1" fmla="*/ 0 h 6115"/>
                  <a:gd name="connsiteX2" fmla="*/ 6104 w 6104"/>
                  <a:gd name="connsiteY2" fmla="*/ 6115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0"/>
                    </a:moveTo>
                    <a:lnTo>
                      <a:pt x="6104" y="0"/>
                    </a:lnTo>
                    <a:lnTo>
                      <a:pt x="6104" y="6115"/>
                    </a:lnTo>
                    <a:lnTo>
                      <a:pt x="0" y="6115"/>
                    </a:lnTo>
                    <a:close/>
                  </a:path>
                </a:pathLst>
              </a:custGeom>
              <a:solidFill>
                <a:srgbClr val="265A9A"/>
              </a:solidFill>
              <a:ln w="6096" cap="flat">
                <a:noFill/>
                <a:prstDash val="solid"/>
                <a:miter/>
              </a:ln>
            </p:spPr>
            <p:txBody>
              <a:bodyPr rtlCol="0" anchor="ctr"/>
              <a:lstStyle/>
              <a:p>
                <a:endParaRPr lang="en-AU"/>
              </a:p>
            </p:txBody>
          </p:sp>
          <p:sp>
            <p:nvSpPr>
              <p:cNvPr id="41" name="Freeform 15">
                <a:extLst>
                  <a:ext uri="{FF2B5EF4-FFF2-40B4-BE49-F238E27FC236}">
                    <a16:creationId xmlns:a16="http://schemas.microsoft.com/office/drawing/2014/main" id="{16DD987D-57ED-D32E-BF78-E12605C0D39D}"/>
                  </a:ext>
                </a:extLst>
              </p:cNvPr>
              <p:cNvSpPr/>
              <p:nvPr/>
            </p:nvSpPr>
            <p:spPr>
              <a:xfrm>
                <a:off x="23328" y="84338"/>
                <a:ext cx="6104" cy="6115"/>
              </a:xfrm>
              <a:custGeom>
                <a:avLst/>
                <a:gdLst>
                  <a:gd name="connsiteX0" fmla="*/ 0 w 6104"/>
                  <a:gd name="connsiteY0" fmla="*/ 6115 h 6115"/>
                  <a:gd name="connsiteX1" fmla="*/ 6104 w 6104"/>
                  <a:gd name="connsiteY1" fmla="*/ 0 h 6115"/>
                  <a:gd name="connsiteX2" fmla="*/ 0 w 6104"/>
                  <a:gd name="connsiteY2" fmla="*/ 0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6115"/>
                    </a:moveTo>
                    <a:cubicBezTo>
                      <a:pt x="3357" y="6115"/>
                      <a:pt x="6104" y="3363"/>
                      <a:pt x="6104" y="0"/>
                    </a:cubicBezTo>
                    <a:lnTo>
                      <a:pt x="0" y="0"/>
                    </a:lnTo>
                    <a:lnTo>
                      <a:pt x="0" y="6115"/>
                    </a:lnTo>
                    <a:close/>
                  </a:path>
                </a:pathLst>
              </a:custGeom>
              <a:solidFill>
                <a:srgbClr val="265A9A"/>
              </a:solidFill>
              <a:ln w="6096" cap="flat">
                <a:noFill/>
                <a:prstDash val="solid"/>
                <a:miter/>
              </a:ln>
            </p:spPr>
            <p:txBody>
              <a:bodyPr rtlCol="0" anchor="ctr"/>
              <a:lstStyle/>
              <a:p>
                <a:endParaRPr lang="en-AU"/>
              </a:p>
            </p:txBody>
          </p:sp>
          <p:sp>
            <p:nvSpPr>
              <p:cNvPr id="42" name="Freeform 16">
                <a:extLst>
                  <a:ext uri="{FF2B5EF4-FFF2-40B4-BE49-F238E27FC236}">
                    <a16:creationId xmlns:a16="http://schemas.microsoft.com/office/drawing/2014/main" id="{1EB4AE6B-3523-7F45-71BC-C60529577949}"/>
                  </a:ext>
                </a:extLst>
              </p:cNvPr>
              <p:cNvSpPr/>
              <p:nvPr/>
            </p:nvSpPr>
            <p:spPr>
              <a:xfrm>
                <a:off x="43577" y="-101481"/>
                <a:ext cx="171530" cy="171816"/>
              </a:xfrm>
              <a:custGeom>
                <a:avLst/>
                <a:gdLst>
                  <a:gd name="connsiteX0" fmla="*/ 82733 w 171530"/>
                  <a:gd name="connsiteY0" fmla="*/ 1441 h 171816"/>
                  <a:gd name="connsiteX1" fmla="*/ 78277 w 171530"/>
                  <a:gd name="connsiteY1" fmla="*/ 35 h 171816"/>
                  <a:gd name="connsiteX2" fmla="*/ 74126 w 171530"/>
                  <a:gd name="connsiteY2" fmla="*/ 2175 h 171816"/>
                  <a:gd name="connsiteX3" fmla="*/ 53005 w 171530"/>
                  <a:gd name="connsiteY3" fmla="*/ 27371 h 171816"/>
                  <a:gd name="connsiteX4" fmla="*/ 48365 w 171530"/>
                  <a:gd name="connsiteY4" fmla="*/ 22173 h 171816"/>
                  <a:gd name="connsiteX5" fmla="*/ 13570 w 171530"/>
                  <a:gd name="connsiteY5" fmla="*/ 25230 h 171816"/>
                  <a:gd name="connsiteX6" fmla="*/ 16622 w 171530"/>
                  <a:gd name="connsiteY6" fmla="*/ 60088 h 171816"/>
                  <a:gd name="connsiteX7" fmla="*/ 22544 w 171530"/>
                  <a:gd name="connsiteY7" fmla="*/ 63757 h 171816"/>
                  <a:gd name="connsiteX8" fmla="*/ 1422 w 171530"/>
                  <a:gd name="connsiteY8" fmla="*/ 88953 h 171816"/>
                  <a:gd name="connsiteX9" fmla="*/ 18 w 171530"/>
                  <a:gd name="connsiteY9" fmla="*/ 93417 h 171816"/>
                  <a:gd name="connsiteX10" fmla="*/ 2155 w 171530"/>
                  <a:gd name="connsiteY10" fmla="*/ 97575 h 171816"/>
                  <a:gd name="connsiteX11" fmla="*/ 35302 w 171530"/>
                  <a:gd name="connsiteY11" fmla="*/ 125462 h 171816"/>
                  <a:gd name="connsiteX12" fmla="*/ 42017 w 171530"/>
                  <a:gd name="connsiteY12" fmla="*/ 126195 h 171816"/>
                  <a:gd name="connsiteX13" fmla="*/ 45313 w 171530"/>
                  <a:gd name="connsiteY13" fmla="*/ 120263 h 171816"/>
                  <a:gd name="connsiteX14" fmla="*/ 48182 w 171530"/>
                  <a:gd name="connsiteY14" fmla="*/ 111274 h 171816"/>
                  <a:gd name="connsiteX15" fmla="*/ 65824 w 171530"/>
                  <a:gd name="connsiteY15" fmla="*/ 109745 h 171816"/>
                  <a:gd name="connsiteX16" fmla="*/ 70219 w 171530"/>
                  <a:gd name="connsiteY16" fmla="*/ 118245 h 171816"/>
                  <a:gd name="connsiteX17" fmla="*/ 67350 w 171530"/>
                  <a:gd name="connsiteY17" fmla="*/ 127357 h 171816"/>
                  <a:gd name="connsiteX18" fmla="*/ 58987 w 171530"/>
                  <a:gd name="connsiteY18" fmla="*/ 131760 h 171816"/>
                  <a:gd name="connsiteX19" fmla="*/ 53737 w 171530"/>
                  <a:gd name="connsiteY19" fmla="*/ 136041 h 171816"/>
                  <a:gd name="connsiteX20" fmla="*/ 55630 w 171530"/>
                  <a:gd name="connsiteY20" fmla="*/ 142523 h 171816"/>
                  <a:gd name="connsiteX21" fmla="*/ 88777 w 171530"/>
                  <a:gd name="connsiteY21" fmla="*/ 170410 h 171816"/>
                  <a:gd name="connsiteX22" fmla="*/ 92683 w 171530"/>
                  <a:gd name="connsiteY22" fmla="*/ 171816 h 171816"/>
                  <a:gd name="connsiteX23" fmla="*/ 93233 w 171530"/>
                  <a:gd name="connsiteY23" fmla="*/ 171816 h 171816"/>
                  <a:gd name="connsiteX24" fmla="*/ 97384 w 171530"/>
                  <a:gd name="connsiteY24" fmla="*/ 169676 h 171816"/>
                  <a:gd name="connsiteX25" fmla="*/ 170087 w 171530"/>
                  <a:gd name="connsiteY25" fmla="*/ 82837 h 171816"/>
                  <a:gd name="connsiteX26" fmla="*/ 169355 w 171530"/>
                  <a:gd name="connsiteY26" fmla="*/ 74215 h 171816"/>
                  <a:gd name="connsiteX27" fmla="*/ 82672 w 171530"/>
                  <a:gd name="connsiteY27" fmla="*/ 1319 h 171816"/>
                  <a:gd name="connsiteX28" fmla="*/ 92012 w 171530"/>
                  <a:gd name="connsiteY28" fmla="*/ 157200 h 171816"/>
                  <a:gd name="connsiteX29" fmla="*/ 71501 w 171530"/>
                  <a:gd name="connsiteY29" fmla="*/ 139955 h 171816"/>
                  <a:gd name="connsiteX30" fmla="*/ 76690 w 171530"/>
                  <a:gd name="connsiteY30" fmla="*/ 135307 h 171816"/>
                  <a:gd name="connsiteX31" fmla="*/ 82367 w 171530"/>
                  <a:gd name="connsiteY31" fmla="*/ 117267 h 171816"/>
                  <a:gd name="connsiteX32" fmla="*/ 73638 w 171530"/>
                  <a:gd name="connsiteY32" fmla="*/ 100450 h 171816"/>
                  <a:gd name="connsiteX33" fmla="*/ 38842 w 171530"/>
                  <a:gd name="connsiteY33" fmla="*/ 103507 h 171816"/>
                  <a:gd name="connsiteX34" fmla="*/ 35180 w 171530"/>
                  <a:gd name="connsiteY34" fmla="*/ 109439 h 171816"/>
                  <a:gd name="connsiteX35" fmla="*/ 14669 w 171530"/>
                  <a:gd name="connsiteY35" fmla="*/ 92194 h 171816"/>
                  <a:gd name="connsiteX36" fmla="*/ 38537 w 171530"/>
                  <a:gd name="connsiteY36" fmla="*/ 63635 h 171816"/>
                  <a:gd name="connsiteX37" fmla="*/ 39270 w 171530"/>
                  <a:gd name="connsiteY37" fmla="*/ 56908 h 171816"/>
                  <a:gd name="connsiteX38" fmla="*/ 33410 w 171530"/>
                  <a:gd name="connsiteY38" fmla="*/ 53606 h 171816"/>
                  <a:gd name="connsiteX39" fmla="*/ 24436 w 171530"/>
                  <a:gd name="connsiteY39" fmla="*/ 50731 h 171816"/>
                  <a:gd name="connsiteX40" fmla="*/ 22910 w 171530"/>
                  <a:gd name="connsiteY40" fmla="*/ 33119 h 171816"/>
                  <a:gd name="connsiteX41" fmla="*/ 40491 w 171530"/>
                  <a:gd name="connsiteY41" fmla="*/ 31590 h 171816"/>
                  <a:gd name="connsiteX42" fmla="*/ 44886 w 171530"/>
                  <a:gd name="connsiteY42" fmla="*/ 39968 h 171816"/>
                  <a:gd name="connsiteX43" fmla="*/ 49159 w 171530"/>
                  <a:gd name="connsiteY43" fmla="*/ 45228 h 171816"/>
                  <a:gd name="connsiteX44" fmla="*/ 55630 w 171530"/>
                  <a:gd name="connsiteY44" fmla="*/ 43332 h 171816"/>
                  <a:gd name="connsiteX45" fmla="*/ 79498 w 171530"/>
                  <a:gd name="connsiteY45" fmla="*/ 14834 h 171816"/>
                  <a:gd name="connsiteX46" fmla="*/ 156841 w 171530"/>
                  <a:gd name="connsiteY46" fmla="*/ 79841 h 171816"/>
                  <a:gd name="connsiteX47" fmla="*/ 91951 w 171530"/>
                  <a:gd name="connsiteY47" fmla="*/ 157323 h 1718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71530" h="171816">
                    <a:moveTo>
                      <a:pt x="82733" y="1441"/>
                    </a:moveTo>
                    <a:cubicBezTo>
                      <a:pt x="81512" y="402"/>
                      <a:pt x="79864" y="-149"/>
                      <a:pt x="78277" y="35"/>
                    </a:cubicBezTo>
                    <a:cubicBezTo>
                      <a:pt x="76690" y="157"/>
                      <a:pt x="75164" y="952"/>
                      <a:pt x="74126" y="2175"/>
                    </a:cubicBezTo>
                    <a:lnTo>
                      <a:pt x="53005" y="27371"/>
                    </a:lnTo>
                    <a:cubicBezTo>
                      <a:pt x="51723" y="25475"/>
                      <a:pt x="50136" y="23701"/>
                      <a:pt x="48365" y="22173"/>
                    </a:cubicBezTo>
                    <a:cubicBezTo>
                      <a:pt x="37927" y="13428"/>
                      <a:pt x="22299" y="14773"/>
                      <a:pt x="13570" y="25230"/>
                    </a:cubicBezTo>
                    <a:cubicBezTo>
                      <a:pt x="4841" y="35688"/>
                      <a:pt x="6184" y="51343"/>
                      <a:pt x="16622" y="60088"/>
                    </a:cubicBezTo>
                    <a:cubicBezTo>
                      <a:pt x="18454" y="61617"/>
                      <a:pt x="20407" y="62840"/>
                      <a:pt x="22544" y="63757"/>
                    </a:cubicBezTo>
                    <a:lnTo>
                      <a:pt x="1422" y="88953"/>
                    </a:lnTo>
                    <a:cubicBezTo>
                      <a:pt x="385" y="90176"/>
                      <a:pt x="-104" y="91827"/>
                      <a:pt x="18" y="93417"/>
                    </a:cubicBezTo>
                    <a:cubicBezTo>
                      <a:pt x="140" y="95007"/>
                      <a:pt x="934" y="96536"/>
                      <a:pt x="2155" y="97575"/>
                    </a:cubicBezTo>
                    <a:lnTo>
                      <a:pt x="35302" y="125462"/>
                    </a:lnTo>
                    <a:cubicBezTo>
                      <a:pt x="37194" y="127051"/>
                      <a:pt x="39819" y="127357"/>
                      <a:pt x="42017" y="126195"/>
                    </a:cubicBezTo>
                    <a:cubicBezTo>
                      <a:pt x="44214" y="125095"/>
                      <a:pt x="45496" y="122771"/>
                      <a:pt x="45313" y="120263"/>
                    </a:cubicBezTo>
                    <a:cubicBezTo>
                      <a:pt x="45069" y="116961"/>
                      <a:pt x="46107" y="113781"/>
                      <a:pt x="48182" y="111274"/>
                    </a:cubicBezTo>
                    <a:cubicBezTo>
                      <a:pt x="52577" y="106015"/>
                      <a:pt x="60513" y="105281"/>
                      <a:pt x="65824" y="109745"/>
                    </a:cubicBezTo>
                    <a:cubicBezTo>
                      <a:pt x="68388" y="111885"/>
                      <a:pt x="69975" y="114943"/>
                      <a:pt x="70219" y="118245"/>
                    </a:cubicBezTo>
                    <a:cubicBezTo>
                      <a:pt x="70524" y="121548"/>
                      <a:pt x="69487" y="124850"/>
                      <a:pt x="67350" y="127357"/>
                    </a:cubicBezTo>
                    <a:cubicBezTo>
                      <a:pt x="65275" y="129865"/>
                      <a:pt x="62283" y="131455"/>
                      <a:pt x="58987" y="131760"/>
                    </a:cubicBezTo>
                    <a:cubicBezTo>
                      <a:pt x="56545" y="132005"/>
                      <a:pt x="54470" y="133717"/>
                      <a:pt x="53737" y="136041"/>
                    </a:cubicBezTo>
                    <a:cubicBezTo>
                      <a:pt x="53005" y="138365"/>
                      <a:pt x="53737" y="140933"/>
                      <a:pt x="55630" y="142523"/>
                    </a:cubicBezTo>
                    <a:lnTo>
                      <a:pt x="88777" y="170410"/>
                    </a:lnTo>
                    <a:cubicBezTo>
                      <a:pt x="89875" y="171327"/>
                      <a:pt x="91279" y="171816"/>
                      <a:pt x="92683" y="171816"/>
                    </a:cubicBezTo>
                    <a:cubicBezTo>
                      <a:pt x="92867" y="171816"/>
                      <a:pt x="93050" y="171816"/>
                      <a:pt x="93233" y="171816"/>
                    </a:cubicBezTo>
                    <a:cubicBezTo>
                      <a:pt x="94820" y="171694"/>
                      <a:pt x="96346" y="170899"/>
                      <a:pt x="97384" y="169676"/>
                    </a:cubicBezTo>
                    <a:lnTo>
                      <a:pt x="170087" y="82837"/>
                    </a:lnTo>
                    <a:cubicBezTo>
                      <a:pt x="172285" y="80269"/>
                      <a:pt x="171919" y="76416"/>
                      <a:pt x="169355" y="74215"/>
                    </a:cubicBezTo>
                    <a:lnTo>
                      <a:pt x="82672" y="1319"/>
                    </a:lnTo>
                    <a:close/>
                    <a:moveTo>
                      <a:pt x="92012" y="157200"/>
                    </a:moveTo>
                    <a:lnTo>
                      <a:pt x="71501" y="139955"/>
                    </a:lnTo>
                    <a:cubicBezTo>
                      <a:pt x="73393" y="138671"/>
                      <a:pt x="75164" y="137081"/>
                      <a:pt x="76690" y="135307"/>
                    </a:cubicBezTo>
                    <a:cubicBezTo>
                      <a:pt x="80963" y="130232"/>
                      <a:pt x="82977" y="123810"/>
                      <a:pt x="82367" y="117267"/>
                    </a:cubicBezTo>
                    <a:cubicBezTo>
                      <a:pt x="81817" y="110662"/>
                      <a:pt x="78704" y="104730"/>
                      <a:pt x="73638" y="100450"/>
                    </a:cubicBezTo>
                    <a:cubicBezTo>
                      <a:pt x="63199" y="91705"/>
                      <a:pt x="47572" y="93050"/>
                      <a:pt x="38842" y="103507"/>
                    </a:cubicBezTo>
                    <a:cubicBezTo>
                      <a:pt x="37316" y="105342"/>
                      <a:pt x="36095" y="107299"/>
                      <a:pt x="35180" y="109439"/>
                    </a:cubicBezTo>
                    <a:lnTo>
                      <a:pt x="14669" y="92194"/>
                    </a:lnTo>
                    <a:lnTo>
                      <a:pt x="38537" y="63635"/>
                    </a:lnTo>
                    <a:cubicBezTo>
                      <a:pt x="40124" y="61739"/>
                      <a:pt x="40430" y="59110"/>
                      <a:pt x="39270" y="56908"/>
                    </a:cubicBezTo>
                    <a:cubicBezTo>
                      <a:pt x="38171" y="54706"/>
                      <a:pt x="35912" y="53361"/>
                      <a:pt x="33410" y="53606"/>
                    </a:cubicBezTo>
                    <a:cubicBezTo>
                      <a:pt x="30113" y="53850"/>
                      <a:pt x="26939" y="52811"/>
                      <a:pt x="24436" y="50731"/>
                    </a:cubicBezTo>
                    <a:cubicBezTo>
                      <a:pt x="19186" y="46267"/>
                      <a:pt x="18454" y="38378"/>
                      <a:pt x="22910" y="33119"/>
                    </a:cubicBezTo>
                    <a:cubicBezTo>
                      <a:pt x="27366" y="27860"/>
                      <a:pt x="35241" y="27126"/>
                      <a:pt x="40491" y="31590"/>
                    </a:cubicBezTo>
                    <a:cubicBezTo>
                      <a:pt x="42993" y="33731"/>
                      <a:pt x="44581" y="36666"/>
                      <a:pt x="44886" y="39968"/>
                    </a:cubicBezTo>
                    <a:cubicBezTo>
                      <a:pt x="45130" y="42415"/>
                      <a:pt x="46839" y="44494"/>
                      <a:pt x="49159" y="45228"/>
                    </a:cubicBezTo>
                    <a:cubicBezTo>
                      <a:pt x="51540" y="45961"/>
                      <a:pt x="54042" y="45228"/>
                      <a:pt x="55630" y="43332"/>
                    </a:cubicBezTo>
                    <a:lnTo>
                      <a:pt x="79498" y="14834"/>
                    </a:lnTo>
                    <a:lnTo>
                      <a:pt x="156841" y="79841"/>
                    </a:lnTo>
                    <a:lnTo>
                      <a:pt x="91951" y="157323"/>
                    </a:lnTo>
                    <a:close/>
                  </a:path>
                </a:pathLst>
              </a:custGeom>
              <a:solidFill>
                <a:schemeClr val="accent2"/>
              </a:solidFill>
              <a:ln w="6096" cap="flat">
                <a:noFill/>
                <a:prstDash val="solid"/>
                <a:miter/>
              </a:ln>
            </p:spPr>
            <p:txBody>
              <a:bodyPr rtlCol="0" anchor="ctr"/>
              <a:lstStyle/>
              <a:p>
                <a:endParaRPr lang="en-AU"/>
              </a:p>
            </p:txBody>
          </p:sp>
        </p:grpSp>
      </p:grpSp>
      <p:grpSp>
        <p:nvGrpSpPr>
          <p:cNvPr id="43" name="Group 42">
            <a:extLst>
              <a:ext uri="{FF2B5EF4-FFF2-40B4-BE49-F238E27FC236}">
                <a16:creationId xmlns:a16="http://schemas.microsoft.com/office/drawing/2014/main" id="{F4A54160-47C6-8C4A-0D43-1C67D36F8EEA}"/>
              </a:ext>
            </a:extLst>
          </p:cNvPr>
          <p:cNvGrpSpPr>
            <a:grpSpLocks noChangeAspect="1"/>
          </p:cNvGrpSpPr>
          <p:nvPr/>
        </p:nvGrpSpPr>
        <p:grpSpPr>
          <a:xfrm>
            <a:off x="6710415" y="2663767"/>
            <a:ext cx="795906" cy="516880"/>
            <a:chOff x="1490838" y="3962367"/>
            <a:chExt cx="527128" cy="342329"/>
          </a:xfrm>
        </p:grpSpPr>
        <p:sp>
          <p:nvSpPr>
            <p:cNvPr id="44" name="Freeform: Shape 43">
              <a:extLst>
                <a:ext uri="{FF2B5EF4-FFF2-40B4-BE49-F238E27FC236}">
                  <a16:creationId xmlns:a16="http://schemas.microsoft.com/office/drawing/2014/main" id="{8E3849B1-7C2B-123B-DC29-EC45BA8A3ACF}"/>
                </a:ext>
              </a:extLst>
            </p:cNvPr>
            <p:cNvSpPr/>
            <p:nvPr/>
          </p:nvSpPr>
          <p:spPr>
            <a:xfrm>
              <a:off x="1633823" y="4003801"/>
              <a:ext cx="95250" cy="95250"/>
            </a:xfrm>
            <a:custGeom>
              <a:avLst/>
              <a:gdLst>
                <a:gd name="connsiteX0" fmla="*/ 47625 w 95250"/>
                <a:gd name="connsiteY0" fmla="*/ 0 h 95250"/>
                <a:gd name="connsiteX1" fmla="*/ 0 w 95250"/>
                <a:gd name="connsiteY1" fmla="*/ 47625 h 95250"/>
                <a:gd name="connsiteX2" fmla="*/ 47625 w 95250"/>
                <a:gd name="connsiteY2" fmla="*/ 95250 h 95250"/>
                <a:gd name="connsiteX3" fmla="*/ 95250 w 95250"/>
                <a:gd name="connsiteY3" fmla="*/ 47625 h 95250"/>
                <a:gd name="connsiteX4" fmla="*/ 47625 w 95250"/>
                <a:gd name="connsiteY4" fmla="*/ 0 h 952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5250" h="95250">
                  <a:moveTo>
                    <a:pt x="47625" y="0"/>
                  </a:moveTo>
                  <a:cubicBezTo>
                    <a:pt x="21323" y="0"/>
                    <a:pt x="0" y="21327"/>
                    <a:pt x="0" y="47625"/>
                  </a:cubicBezTo>
                  <a:cubicBezTo>
                    <a:pt x="0" y="73924"/>
                    <a:pt x="21323" y="95250"/>
                    <a:pt x="47625" y="95250"/>
                  </a:cubicBezTo>
                  <a:cubicBezTo>
                    <a:pt x="73927" y="95250"/>
                    <a:pt x="95250" y="73924"/>
                    <a:pt x="95250" y="47625"/>
                  </a:cubicBezTo>
                  <a:cubicBezTo>
                    <a:pt x="95250" y="21327"/>
                    <a:pt x="73927" y="0"/>
                    <a:pt x="47625" y="0"/>
                  </a:cubicBezTo>
                  <a:close/>
                </a:path>
              </a:pathLst>
            </a:custGeom>
            <a:solidFill>
              <a:schemeClr val="bg1">
                <a:lumMod val="85000"/>
              </a:schemeClr>
            </a:solidFill>
            <a:ln w="9525" cap="flat">
              <a:noFill/>
              <a:prstDash val="solid"/>
              <a:miter/>
            </a:ln>
          </p:spPr>
          <p:txBody>
            <a:bodyPr rtlCol="0" anchor="ctr"/>
            <a:lstStyle/>
            <a:p>
              <a:endParaRPr lang="en-AU"/>
            </a:p>
          </p:txBody>
        </p:sp>
        <p:sp>
          <p:nvSpPr>
            <p:cNvPr id="45" name="Freeform: Shape 44">
              <a:extLst>
                <a:ext uri="{FF2B5EF4-FFF2-40B4-BE49-F238E27FC236}">
                  <a16:creationId xmlns:a16="http://schemas.microsoft.com/office/drawing/2014/main" id="{34B6D538-9F7E-6BBE-FF01-B8690A2D50AC}"/>
                </a:ext>
              </a:extLst>
            </p:cNvPr>
            <p:cNvSpPr/>
            <p:nvPr/>
          </p:nvSpPr>
          <p:spPr>
            <a:xfrm>
              <a:off x="1509712" y="4004277"/>
              <a:ext cx="226970" cy="260127"/>
            </a:xfrm>
            <a:custGeom>
              <a:avLst/>
              <a:gdLst>
                <a:gd name="connsiteX0" fmla="*/ 205454 w 226970"/>
                <a:gd name="connsiteY0" fmla="*/ 258699 h 260127"/>
                <a:gd name="connsiteX1" fmla="*/ 226886 w 226970"/>
                <a:gd name="connsiteY1" fmla="*/ 134017 h 260127"/>
                <a:gd name="connsiteX2" fmla="*/ 207836 w 226970"/>
                <a:gd name="connsiteY2" fmla="*/ 130683 h 260127"/>
                <a:gd name="connsiteX3" fmla="*/ 176975 w 226970"/>
                <a:gd name="connsiteY3" fmla="*/ 156400 h 260127"/>
                <a:gd name="connsiteX4" fmla="*/ 164783 w 226970"/>
                <a:gd name="connsiteY4" fmla="*/ 156400 h 260127"/>
                <a:gd name="connsiteX5" fmla="*/ 132207 w 226970"/>
                <a:gd name="connsiteY5" fmla="*/ 129254 h 260127"/>
                <a:gd name="connsiteX6" fmla="*/ 43625 w 226970"/>
                <a:gd name="connsiteY6" fmla="*/ 49339 h 260127"/>
                <a:gd name="connsiteX7" fmla="*/ 42672 w 226970"/>
                <a:gd name="connsiteY7" fmla="*/ 42005 h 260127"/>
                <a:gd name="connsiteX8" fmla="*/ 49530 w 226970"/>
                <a:gd name="connsiteY8" fmla="*/ 16192 h 260127"/>
                <a:gd name="connsiteX9" fmla="*/ 31623 w 226970"/>
                <a:gd name="connsiteY9" fmla="*/ 0 h 260127"/>
                <a:gd name="connsiteX10" fmla="*/ 13621 w 226970"/>
                <a:gd name="connsiteY10" fmla="*/ 9525 h 260127"/>
                <a:gd name="connsiteX11" fmla="*/ 0 w 226970"/>
                <a:gd name="connsiteY11" fmla="*/ 24765 h 260127"/>
                <a:gd name="connsiteX12" fmla="*/ 21812 w 226970"/>
                <a:gd name="connsiteY12" fmla="*/ 58007 h 260127"/>
                <a:gd name="connsiteX13" fmla="*/ 22574 w 226970"/>
                <a:gd name="connsiteY13" fmla="*/ 59436 h 260127"/>
                <a:gd name="connsiteX14" fmla="*/ 110966 w 226970"/>
                <a:gd name="connsiteY14" fmla="*/ 170307 h 260127"/>
                <a:gd name="connsiteX15" fmla="*/ 114872 w 226970"/>
                <a:gd name="connsiteY15" fmla="*/ 178022 h 260127"/>
                <a:gd name="connsiteX16" fmla="*/ 114872 w 226970"/>
                <a:gd name="connsiteY16" fmla="*/ 260128 h 260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26970" h="260127">
                  <a:moveTo>
                    <a:pt x="205454" y="258699"/>
                  </a:moveTo>
                  <a:cubicBezTo>
                    <a:pt x="203644" y="258127"/>
                    <a:pt x="228600" y="134874"/>
                    <a:pt x="226886" y="134017"/>
                  </a:cubicBezTo>
                  <a:cubicBezTo>
                    <a:pt x="220651" y="132321"/>
                    <a:pt x="214274" y="131207"/>
                    <a:pt x="207836" y="130683"/>
                  </a:cubicBezTo>
                  <a:lnTo>
                    <a:pt x="176975" y="156400"/>
                  </a:lnTo>
                  <a:cubicBezTo>
                    <a:pt x="173443" y="159344"/>
                    <a:pt x="168314" y="159344"/>
                    <a:pt x="164783" y="156400"/>
                  </a:cubicBezTo>
                  <a:lnTo>
                    <a:pt x="132207" y="129254"/>
                  </a:lnTo>
                  <a:cubicBezTo>
                    <a:pt x="79248" y="109252"/>
                    <a:pt x="45053" y="51721"/>
                    <a:pt x="43625" y="49339"/>
                  </a:cubicBezTo>
                  <a:cubicBezTo>
                    <a:pt x="42332" y="47120"/>
                    <a:pt x="41989" y="44482"/>
                    <a:pt x="42672" y="42005"/>
                  </a:cubicBezTo>
                  <a:lnTo>
                    <a:pt x="49530" y="16192"/>
                  </a:lnTo>
                  <a:lnTo>
                    <a:pt x="31623" y="0"/>
                  </a:lnTo>
                  <a:cubicBezTo>
                    <a:pt x="25059" y="1972"/>
                    <a:pt x="18944" y="5210"/>
                    <a:pt x="13621" y="9525"/>
                  </a:cubicBezTo>
                  <a:cubicBezTo>
                    <a:pt x="8292" y="13840"/>
                    <a:pt x="3693" y="18983"/>
                    <a:pt x="0" y="24765"/>
                  </a:cubicBezTo>
                  <a:lnTo>
                    <a:pt x="21812" y="58007"/>
                  </a:lnTo>
                  <a:lnTo>
                    <a:pt x="22574" y="59436"/>
                  </a:lnTo>
                  <a:cubicBezTo>
                    <a:pt x="42058" y="103356"/>
                    <a:pt x="72494" y="141532"/>
                    <a:pt x="110966" y="170307"/>
                  </a:cubicBezTo>
                  <a:cubicBezTo>
                    <a:pt x="113428" y="172107"/>
                    <a:pt x="114879" y="174974"/>
                    <a:pt x="114872" y="178022"/>
                  </a:cubicBezTo>
                  <a:lnTo>
                    <a:pt x="114872" y="260128"/>
                  </a:lnTo>
                </a:path>
              </a:pathLst>
            </a:custGeom>
            <a:solidFill>
              <a:schemeClr val="bg1">
                <a:lumMod val="85000"/>
              </a:schemeClr>
            </a:solidFill>
            <a:ln w="9525" cap="flat">
              <a:noFill/>
              <a:prstDash val="solid"/>
              <a:miter/>
            </a:ln>
          </p:spPr>
          <p:txBody>
            <a:bodyPr rtlCol="0" anchor="ctr"/>
            <a:lstStyle/>
            <a:p>
              <a:endParaRPr lang="en-AU"/>
            </a:p>
          </p:txBody>
        </p:sp>
        <p:sp>
          <p:nvSpPr>
            <p:cNvPr id="46" name="Freeform: Shape 45">
              <a:extLst>
                <a:ext uri="{FF2B5EF4-FFF2-40B4-BE49-F238E27FC236}">
                  <a16:creationId xmlns:a16="http://schemas.microsoft.com/office/drawing/2014/main" id="{E8A9ACB0-4DA2-84E3-C11C-6415CBCDCC3D}"/>
                </a:ext>
              </a:extLst>
            </p:cNvPr>
            <p:cNvSpPr/>
            <p:nvPr/>
          </p:nvSpPr>
          <p:spPr>
            <a:xfrm>
              <a:off x="1715976" y="3983037"/>
              <a:ext cx="286749" cy="320325"/>
            </a:xfrm>
            <a:custGeom>
              <a:avLst/>
              <a:gdLst>
                <a:gd name="connsiteX0" fmla="*/ 41957 w 286749"/>
                <a:gd name="connsiteY0" fmla="*/ 319373 h 320325"/>
                <a:gd name="connsiteX1" fmla="*/ 47 w 286749"/>
                <a:gd name="connsiteY1" fmla="*/ 265557 h 320325"/>
                <a:gd name="connsiteX2" fmla="*/ 28051 w 286749"/>
                <a:gd name="connsiteY2" fmla="*/ 151257 h 320325"/>
                <a:gd name="connsiteX3" fmla="*/ 70056 w 286749"/>
                <a:gd name="connsiteY3" fmla="*/ 127445 h 320325"/>
                <a:gd name="connsiteX4" fmla="*/ 101584 w 286749"/>
                <a:gd name="connsiteY4" fmla="*/ 153829 h 320325"/>
                <a:gd name="connsiteX5" fmla="*/ 150447 w 286749"/>
                <a:gd name="connsiteY5" fmla="*/ 125254 h 320325"/>
                <a:gd name="connsiteX6" fmla="*/ 233600 w 286749"/>
                <a:gd name="connsiteY6" fmla="*/ 54197 h 320325"/>
                <a:gd name="connsiteX7" fmla="*/ 236363 w 286749"/>
                <a:gd name="connsiteY7" fmla="*/ 44672 h 320325"/>
                <a:gd name="connsiteX8" fmla="*/ 226838 w 286749"/>
                <a:gd name="connsiteY8" fmla="*/ 21241 h 320325"/>
                <a:gd name="connsiteX9" fmla="*/ 252174 w 286749"/>
                <a:gd name="connsiteY9" fmla="*/ 0 h 320325"/>
                <a:gd name="connsiteX10" fmla="*/ 269033 w 286749"/>
                <a:gd name="connsiteY10" fmla="*/ 14573 h 320325"/>
                <a:gd name="connsiteX11" fmla="*/ 286750 w 286749"/>
                <a:gd name="connsiteY11" fmla="*/ 28670 h 320325"/>
                <a:gd name="connsiteX12" fmla="*/ 267700 w 286749"/>
                <a:gd name="connsiteY12" fmla="*/ 68104 h 320325"/>
                <a:gd name="connsiteX13" fmla="*/ 266938 w 286749"/>
                <a:gd name="connsiteY13" fmla="*/ 69628 h 320325"/>
                <a:gd name="connsiteX14" fmla="*/ 176355 w 286749"/>
                <a:gd name="connsiteY14" fmla="*/ 178118 h 320325"/>
                <a:gd name="connsiteX15" fmla="*/ 172450 w 286749"/>
                <a:gd name="connsiteY15" fmla="*/ 185833 h 320325"/>
                <a:gd name="connsiteX16" fmla="*/ 179213 w 286749"/>
                <a:gd name="connsiteY16" fmla="*/ 306800 h 320325"/>
                <a:gd name="connsiteX17" fmla="*/ 179213 w 286749"/>
                <a:gd name="connsiteY17" fmla="*/ 320326 h 3203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86749" h="320325">
                  <a:moveTo>
                    <a:pt x="41957" y="319373"/>
                  </a:moveTo>
                  <a:cubicBezTo>
                    <a:pt x="43767" y="318802"/>
                    <a:pt x="-1667" y="266033"/>
                    <a:pt x="47" y="265557"/>
                  </a:cubicBezTo>
                  <a:cubicBezTo>
                    <a:pt x="7858" y="263462"/>
                    <a:pt x="23479" y="151733"/>
                    <a:pt x="28051" y="151257"/>
                  </a:cubicBezTo>
                  <a:lnTo>
                    <a:pt x="70056" y="127445"/>
                  </a:lnTo>
                  <a:cubicBezTo>
                    <a:pt x="73676" y="130302"/>
                    <a:pt x="97964" y="156781"/>
                    <a:pt x="101584" y="153829"/>
                  </a:cubicBezTo>
                  <a:lnTo>
                    <a:pt x="150447" y="125254"/>
                  </a:lnTo>
                  <a:cubicBezTo>
                    <a:pt x="185153" y="111242"/>
                    <a:pt x="214346" y="86296"/>
                    <a:pt x="233600" y="54197"/>
                  </a:cubicBezTo>
                  <a:cubicBezTo>
                    <a:pt x="235578" y="51425"/>
                    <a:pt x="236552" y="48073"/>
                    <a:pt x="236363" y="44672"/>
                  </a:cubicBezTo>
                  <a:lnTo>
                    <a:pt x="226838" y="21241"/>
                  </a:lnTo>
                  <a:lnTo>
                    <a:pt x="252174" y="0"/>
                  </a:lnTo>
                  <a:cubicBezTo>
                    <a:pt x="256175" y="1048"/>
                    <a:pt x="261699" y="8763"/>
                    <a:pt x="269033" y="14573"/>
                  </a:cubicBezTo>
                  <a:cubicBezTo>
                    <a:pt x="275291" y="18812"/>
                    <a:pt x="281216" y="23527"/>
                    <a:pt x="286750" y="28670"/>
                  </a:cubicBezTo>
                  <a:lnTo>
                    <a:pt x="267700" y="68104"/>
                  </a:lnTo>
                  <a:cubicBezTo>
                    <a:pt x="267389" y="68580"/>
                    <a:pt x="267134" y="69094"/>
                    <a:pt x="266938" y="69628"/>
                  </a:cubicBezTo>
                  <a:cubicBezTo>
                    <a:pt x="246927" y="113205"/>
                    <a:pt x="215658" y="150647"/>
                    <a:pt x="176355" y="178118"/>
                  </a:cubicBezTo>
                  <a:cubicBezTo>
                    <a:pt x="173894" y="179918"/>
                    <a:pt x="172442" y="182785"/>
                    <a:pt x="172450" y="185833"/>
                  </a:cubicBezTo>
                  <a:lnTo>
                    <a:pt x="179213" y="306800"/>
                  </a:lnTo>
                  <a:lnTo>
                    <a:pt x="179213" y="320326"/>
                  </a:lnTo>
                </a:path>
              </a:pathLst>
            </a:custGeom>
            <a:solidFill>
              <a:schemeClr val="bg1">
                <a:lumMod val="75000"/>
              </a:schemeClr>
            </a:solidFill>
            <a:ln w="9525" cap="flat">
              <a:noFill/>
              <a:prstDash val="solid"/>
              <a:miter/>
            </a:ln>
          </p:spPr>
          <p:txBody>
            <a:bodyPr rtlCol="0" anchor="ctr"/>
            <a:lstStyle/>
            <a:p>
              <a:endParaRPr lang="en-AU"/>
            </a:p>
          </p:txBody>
        </p:sp>
        <p:sp>
          <p:nvSpPr>
            <p:cNvPr id="47" name="Freeform: Shape 46">
              <a:extLst>
                <a:ext uri="{FF2B5EF4-FFF2-40B4-BE49-F238E27FC236}">
                  <a16:creationId xmlns:a16="http://schemas.microsoft.com/office/drawing/2014/main" id="{E2674CAD-B446-A58E-1E90-55C484DBBA49}"/>
                </a:ext>
              </a:extLst>
            </p:cNvPr>
            <p:cNvSpPr/>
            <p:nvPr/>
          </p:nvSpPr>
          <p:spPr>
            <a:xfrm>
              <a:off x="1769842" y="3979798"/>
              <a:ext cx="102488" cy="102489"/>
            </a:xfrm>
            <a:custGeom>
              <a:avLst/>
              <a:gdLst>
                <a:gd name="connsiteX0" fmla="*/ 51338 w 102488"/>
                <a:gd name="connsiteY0" fmla="*/ 0 h 102489"/>
                <a:gd name="connsiteX1" fmla="*/ 0 w 102488"/>
                <a:gd name="connsiteY1" fmla="*/ 51149 h 102489"/>
                <a:gd name="connsiteX2" fmla="*/ 51150 w 102488"/>
                <a:gd name="connsiteY2" fmla="*/ 102489 h 102489"/>
                <a:gd name="connsiteX3" fmla="*/ 102488 w 102488"/>
                <a:gd name="connsiteY3" fmla="*/ 51340 h 102489"/>
                <a:gd name="connsiteX4" fmla="*/ 102487 w 102488"/>
                <a:gd name="connsiteY4" fmla="*/ 50864 h 102489"/>
                <a:gd name="connsiteX5" fmla="*/ 51338 w 102488"/>
                <a:gd name="connsiteY5" fmla="*/ 0 h 102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2488" h="102489">
                  <a:moveTo>
                    <a:pt x="51338" y="0"/>
                  </a:moveTo>
                  <a:cubicBezTo>
                    <a:pt x="23036" y="-48"/>
                    <a:pt x="51" y="22850"/>
                    <a:pt x="0" y="51149"/>
                  </a:cubicBezTo>
                  <a:cubicBezTo>
                    <a:pt x="-52" y="79448"/>
                    <a:pt x="22849" y="102441"/>
                    <a:pt x="51150" y="102489"/>
                  </a:cubicBezTo>
                  <a:cubicBezTo>
                    <a:pt x="79452" y="102537"/>
                    <a:pt x="102437" y="79639"/>
                    <a:pt x="102488" y="51340"/>
                  </a:cubicBezTo>
                  <a:cubicBezTo>
                    <a:pt x="102489" y="51178"/>
                    <a:pt x="102488" y="51025"/>
                    <a:pt x="102487" y="50864"/>
                  </a:cubicBezTo>
                  <a:cubicBezTo>
                    <a:pt x="102279" y="22746"/>
                    <a:pt x="79454" y="48"/>
                    <a:pt x="51338" y="0"/>
                  </a:cubicBezTo>
                  <a:close/>
                </a:path>
              </a:pathLst>
            </a:custGeom>
            <a:solidFill>
              <a:schemeClr val="bg1">
                <a:lumMod val="85000"/>
              </a:schemeClr>
            </a:solidFill>
            <a:ln w="9525" cap="flat">
              <a:noFill/>
              <a:prstDash val="solid"/>
              <a:miter/>
            </a:ln>
          </p:spPr>
          <p:txBody>
            <a:bodyPr rtlCol="0" anchor="ctr"/>
            <a:lstStyle/>
            <a:p>
              <a:endParaRPr lang="en-AU"/>
            </a:p>
          </p:txBody>
        </p:sp>
        <p:sp>
          <p:nvSpPr>
            <p:cNvPr id="48" name="Freeform: Shape 47">
              <a:extLst>
                <a:ext uri="{FF2B5EF4-FFF2-40B4-BE49-F238E27FC236}">
                  <a16:creationId xmlns:a16="http://schemas.microsoft.com/office/drawing/2014/main" id="{DC697F8A-87C5-026A-0611-427B093A1C58}"/>
                </a:ext>
              </a:extLst>
            </p:cNvPr>
            <p:cNvSpPr/>
            <p:nvPr/>
          </p:nvSpPr>
          <p:spPr>
            <a:xfrm>
              <a:off x="1768030" y="4160868"/>
              <a:ext cx="86772" cy="45910"/>
            </a:xfrm>
            <a:custGeom>
              <a:avLst/>
              <a:gdLst>
                <a:gd name="connsiteX0" fmla="*/ 0 w 86772"/>
                <a:gd name="connsiteY0" fmla="*/ 0 h 45910"/>
                <a:gd name="connsiteX1" fmla="*/ 86773 w 86772"/>
                <a:gd name="connsiteY1" fmla="*/ 0 h 45910"/>
                <a:gd name="connsiteX2" fmla="*/ 86773 w 86772"/>
                <a:gd name="connsiteY2" fmla="*/ 45911 h 45910"/>
                <a:gd name="connsiteX3" fmla="*/ 0 w 86772"/>
                <a:gd name="connsiteY3" fmla="*/ 45911 h 45910"/>
              </a:gdLst>
              <a:ahLst/>
              <a:cxnLst>
                <a:cxn ang="0">
                  <a:pos x="connsiteX0" y="connsiteY0"/>
                </a:cxn>
                <a:cxn ang="0">
                  <a:pos x="connsiteX1" y="connsiteY1"/>
                </a:cxn>
                <a:cxn ang="0">
                  <a:pos x="connsiteX2" y="connsiteY2"/>
                </a:cxn>
                <a:cxn ang="0">
                  <a:pos x="connsiteX3" y="connsiteY3"/>
                </a:cxn>
              </a:cxnLst>
              <a:rect l="l" t="t" r="r" b="b"/>
              <a:pathLst>
                <a:path w="86772" h="45910">
                  <a:moveTo>
                    <a:pt x="0" y="0"/>
                  </a:moveTo>
                  <a:lnTo>
                    <a:pt x="86773" y="0"/>
                  </a:lnTo>
                  <a:lnTo>
                    <a:pt x="86773" y="45911"/>
                  </a:lnTo>
                  <a:lnTo>
                    <a:pt x="0" y="45911"/>
                  </a:lnTo>
                  <a:close/>
                </a:path>
              </a:pathLst>
            </a:custGeom>
            <a:solidFill>
              <a:schemeClr val="bg1">
                <a:lumMod val="95000"/>
              </a:schemeClr>
            </a:solidFill>
            <a:ln w="9525" cap="flat">
              <a:noFill/>
              <a:prstDash val="solid"/>
              <a:miter/>
            </a:ln>
          </p:spPr>
          <p:txBody>
            <a:bodyPr rtlCol="0" anchor="ctr"/>
            <a:lstStyle/>
            <a:p>
              <a:endParaRPr lang="en-AU"/>
            </a:p>
          </p:txBody>
        </p:sp>
        <p:sp>
          <p:nvSpPr>
            <p:cNvPr id="49" name="Freeform: Shape 48">
              <a:extLst>
                <a:ext uri="{FF2B5EF4-FFF2-40B4-BE49-F238E27FC236}">
                  <a16:creationId xmlns:a16="http://schemas.microsoft.com/office/drawing/2014/main" id="{1C4F8310-E508-21B5-2AAF-510B45AAE123}"/>
                </a:ext>
              </a:extLst>
            </p:cNvPr>
            <p:cNvSpPr/>
            <p:nvPr/>
          </p:nvSpPr>
          <p:spPr>
            <a:xfrm>
              <a:off x="1616011" y="3985037"/>
              <a:ext cx="130301" cy="130302"/>
            </a:xfrm>
            <a:custGeom>
              <a:avLst/>
              <a:gdLst>
                <a:gd name="connsiteX0" fmla="*/ 65151 w 130301"/>
                <a:gd name="connsiteY0" fmla="*/ 130302 h 130302"/>
                <a:gd name="connsiteX1" fmla="*/ 0 w 130301"/>
                <a:gd name="connsiteY1" fmla="*/ 65151 h 130302"/>
                <a:gd name="connsiteX2" fmla="*/ 65151 w 130301"/>
                <a:gd name="connsiteY2" fmla="*/ 0 h 130302"/>
                <a:gd name="connsiteX3" fmla="*/ 130302 w 130301"/>
                <a:gd name="connsiteY3" fmla="*/ 65151 h 130302"/>
                <a:gd name="connsiteX4" fmla="*/ 65151 w 130301"/>
                <a:gd name="connsiteY4" fmla="*/ 130302 h 130302"/>
                <a:gd name="connsiteX5" fmla="*/ 65151 w 130301"/>
                <a:gd name="connsiteY5" fmla="*/ 19050 h 130302"/>
                <a:gd name="connsiteX6" fmla="*/ 19050 w 130301"/>
                <a:gd name="connsiteY6" fmla="*/ 65151 h 130302"/>
                <a:gd name="connsiteX7" fmla="*/ 65151 w 130301"/>
                <a:gd name="connsiteY7" fmla="*/ 111252 h 130302"/>
                <a:gd name="connsiteX8" fmla="*/ 111252 w 130301"/>
                <a:gd name="connsiteY8" fmla="*/ 65151 h 130302"/>
                <a:gd name="connsiteX9" fmla="*/ 65151 w 130301"/>
                <a:gd name="connsiteY9" fmla="*/ 19050 h 1303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0301" h="130302">
                  <a:moveTo>
                    <a:pt x="65151" y="130302"/>
                  </a:moveTo>
                  <a:cubicBezTo>
                    <a:pt x="29169" y="130302"/>
                    <a:pt x="0" y="101137"/>
                    <a:pt x="0" y="65151"/>
                  </a:cubicBezTo>
                  <a:cubicBezTo>
                    <a:pt x="0" y="29166"/>
                    <a:pt x="29169" y="0"/>
                    <a:pt x="65151" y="0"/>
                  </a:cubicBezTo>
                  <a:cubicBezTo>
                    <a:pt x="101133" y="0"/>
                    <a:pt x="130302" y="29166"/>
                    <a:pt x="130302" y="65151"/>
                  </a:cubicBezTo>
                  <a:cubicBezTo>
                    <a:pt x="130302" y="101137"/>
                    <a:pt x="101133" y="130302"/>
                    <a:pt x="65151" y="130302"/>
                  </a:cubicBezTo>
                  <a:close/>
                  <a:moveTo>
                    <a:pt x="65151" y="19050"/>
                  </a:moveTo>
                  <a:cubicBezTo>
                    <a:pt x="39690" y="19050"/>
                    <a:pt x="19050" y="39691"/>
                    <a:pt x="19050" y="65151"/>
                  </a:cubicBezTo>
                  <a:cubicBezTo>
                    <a:pt x="19050" y="90611"/>
                    <a:pt x="39690" y="111252"/>
                    <a:pt x="65151" y="111252"/>
                  </a:cubicBezTo>
                  <a:cubicBezTo>
                    <a:pt x="90612" y="111252"/>
                    <a:pt x="111252" y="90611"/>
                    <a:pt x="111252" y="65151"/>
                  </a:cubicBezTo>
                  <a:cubicBezTo>
                    <a:pt x="111252" y="39691"/>
                    <a:pt x="90612" y="19050"/>
                    <a:pt x="65151" y="19050"/>
                  </a:cubicBezTo>
                  <a:close/>
                </a:path>
              </a:pathLst>
            </a:custGeom>
            <a:solidFill>
              <a:schemeClr val="bg1">
                <a:lumMod val="50000"/>
              </a:schemeClr>
            </a:solidFill>
            <a:ln w="9525" cap="flat">
              <a:noFill/>
              <a:prstDash val="solid"/>
              <a:miter/>
            </a:ln>
          </p:spPr>
          <p:txBody>
            <a:bodyPr rtlCol="0" anchor="ctr"/>
            <a:lstStyle/>
            <a:p>
              <a:endParaRPr lang="en-AU"/>
            </a:p>
          </p:txBody>
        </p:sp>
        <p:sp>
          <p:nvSpPr>
            <p:cNvPr id="50" name="Freeform: Shape 49">
              <a:extLst>
                <a:ext uri="{FF2B5EF4-FFF2-40B4-BE49-F238E27FC236}">
                  <a16:creationId xmlns:a16="http://schemas.microsoft.com/office/drawing/2014/main" id="{B563867D-757F-FA3F-4E63-0F02DBD57E2C}"/>
                </a:ext>
              </a:extLst>
            </p:cNvPr>
            <p:cNvSpPr/>
            <p:nvPr/>
          </p:nvSpPr>
          <p:spPr>
            <a:xfrm>
              <a:off x="1490838" y="3985044"/>
              <a:ext cx="257475" cy="279265"/>
            </a:xfrm>
            <a:custGeom>
              <a:avLst/>
              <a:gdLst>
                <a:gd name="connsiteX0" fmla="*/ 134317 w 257475"/>
                <a:gd name="connsiteY0" fmla="*/ 279266 h 279265"/>
                <a:gd name="connsiteX1" fmla="*/ 115267 w 257475"/>
                <a:gd name="connsiteY1" fmla="*/ 279266 h 279265"/>
                <a:gd name="connsiteX2" fmla="*/ 115267 w 257475"/>
                <a:gd name="connsiteY2" fmla="*/ 201923 h 279265"/>
                <a:gd name="connsiteX3" fmla="*/ 24875 w 257475"/>
                <a:gd name="connsiteY3" fmla="*/ 86861 h 279265"/>
                <a:gd name="connsiteX4" fmla="*/ 2777 w 257475"/>
                <a:gd name="connsiteY4" fmla="*/ 53142 h 279265"/>
                <a:gd name="connsiteX5" fmla="*/ 2300 w 257475"/>
                <a:gd name="connsiteY5" fmla="*/ 35426 h 279265"/>
                <a:gd name="connsiteX6" fmla="*/ 21350 w 257475"/>
                <a:gd name="connsiteY6" fmla="*/ 13709 h 279265"/>
                <a:gd name="connsiteX7" fmla="*/ 46973 w 257475"/>
                <a:gd name="connsiteY7" fmla="*/ 659 h 279265"/>
                <a:gd name="connsiteX8" fmla="*/ 63070 w 257475"/>
                <a:gd name="connsiteY8" fmla="*/ 4374 h 279265"/>
                <a:gd name="connsiteX9" fmla="*/ 82787 w 257475"/>
                <a:gd name="connsiteY9" fmla="*/ 22091 h 279265"/>
                <a:gd name="connsiteX10" fmla="*/ 87930 w 257475"/>
                <a:gd name="connsiteY10" fmla="*/ 38950 h 279265"/>
                <a:gd name="connsiteX11" fmla="*/ 81644 w 257475"/>
                <a:gd name="connsiteY11" fmla="*/ 62191 h 279265"/>
                <a:gd name="connsiteX12" fmla="*/ 159749 w 257475"/>
                <a:gd name="connsiteY12" fmla="*/ 131152 h 279265"/>
                <a:gd name="connsiteX13" fmla="*/ 162606 w 257475"/>
                <a:gd name="connsiteY13" fmla="*/ 132867 h 279265"/>
                <a:gd name="connsiteX14" fmla="*/ 190419 w 257475"/>
                <a:gd name="connsiteY14" fmla="*/ 155917 h 279265"/>
                <a:gd name="connsiteX15" fmla="*/ 218232 w 257475"/>
                <a:gd name="connsiteY15" fmla="*/ 132867 h 279265"/>
                <a:gd name="connsiteX16" fmla="*/ 224900 w 257475"/>
                <a:gd name="connsiteY16" fmla="*/ 130676 h 279265"/>
                <a:gd name="connsiteX17" fmla="*/ 257475 w 257475"/>
                <a:gd name="connsiteY17" fmla="*/ 136772 h 279265"/>
                <a:gd name="connsiteX18" fmla="*/ 251474 w 257475"/>
                <a:gd name="connsiteY18" fmla="*/ 154869 h 279265"/>
                <a:gd name="connsiteX19" fmla="*/ 227376 w 257475"/>
                <a:gd name="connsiteY19" fmla="*/ 149916 h 279265"/>
                <a:gd name="connsiteX20" fmla="*/ 196515 w 257475"/>
                <a:gd name="connsiteY20" fmla="*/ 175634 h 279265"/>
                <a:gd name="connsiteX21" fmla="*/ 184418 w 257475"/>
                <a:gd name="connsiteY21" fmla="*/ 175634 h 279265"/>
                <a:gd name="connsiteX22" fmla="*/ 151748 w 257475"/>
                <a:gd name="connsiteY22" fmla="*/ 148487 h 279265"/>
                <a:gd name="connsiteX23" fmla="*/ 63165 w 257475"/>
                <a:gd name="connsiteY23" fmla="*/ 68573 h 279265"/>
                <a:gd name="connsiteX24" fmla="*/ 62213 w 257475"/>
                <a:gd name="connsiteY24" fmla="*/ 61239 h 279265"/>
                <a:gd name="connsiteX25" fmla="*/ 69166 w 257475"/>
                <a:gd name="connsiteY25" fmla="*/ 35426 h 279265"/>
                <a:gd name="connsiteX26" fmla="*/ 51164 w 257475"/>
                <a:gd name="connsiteY26" fmla="*/ 19233 h 279265"/>
                <a:gd name="connsiteX27" fmla="*/ 33257 w 257475"/>
                <a:gd name="connsiteY27" fmla="*/ 28758 h 279265"/>
                <a:gd name="connsiteX28" fmla="*/ 19541 w 257475"/>
                <a:gd name="connsiteY28" fmla="*/ 43998 h 279265"/>
                <a:gd name="connsiteX29" fmla="*/ 41353 w 257475"/>
                <a:gd name="connsiteY29" fmla="*/ 77241 h 279265"/>
                <a:gd name="connsiteX30" fmla="*/ 42115 w 257475"/>
                <a:gd name="connsiteY30" fmla="*/ 78669 h 279265"/>
                <a:gd name="connsiteX31" fmla="*/ 130507 w 257475"/>
                <a:gd name="connsiteY31" fmla="*/ 189540 h 279265"/>
                <a:gd name="connsiteX32" fmla="*/ 134412 w 257475"/>
                <a:gd name="connsiteY32" fmla="*/ 197256 h 279265"/>
                <a:gd name="connsiteX33" fmla="*/ 52307 w 257475"/>
                <a:gd name="connsiteY33" fmla="*/ 18948 h 279265"/>
                <a:gd name="connsiteX34" fmla="*/ 52307 w 257475"/>
                <a:gd name="connsiteY34" fmla="*/ 18948 h 2792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57475" h="279265">
                  <a:moveTo>
                    <a:pt x="134317" y="279266"/>
                  </a:moveTo>
                  <a:lnTo>
                    <a:pt x="115267" y="279266"/>
                  </a:lnTo>
                  <a:lnTo>
                    <a:pt x="115267" y="201923"/>
                  </a:lnTo>
                  <a:cubicBezTo>
                    <a:pt x="76189" y="171528"/>
                    <a:pt x="45152" y="132028"/>
                    <a:pt x="24875" y="86861"/>
                  </a:cubicBezTo>
                  <a:lnTo>
                    <a:pt x="2777" y="53142"/>
                  </a:lnTo>
                  <a:cubicBezTo>
                    <a:pt x="-746" y="47808"/>
                    <a:pt x="-930" y="40941"/>
                    <a:pt x="2300" y="35426"/>
                  </a:cubicBezTo>
                  <a:cubicBezTo>
                    <a:pt x="7320" y="27120"/>
                    <a:pt x="13769" y="19767"/>
                    <a:pt x="21350" y="13709"/>
                  </a:cubicBezTo>
                  <a:cubicBezTo>
                    <a:pt x="28912" y="7660"/>
                    <a:pt x="37631" y="3222"/>
                    <a:pt x="46973" y="659"/>
                  </a:cubicBezTo>
                  <a:cubicBezTo>
                    <a:pt x="52620" y="-960"/>
                    <a:pt x="58703" y="450"/>
                    <a:pt x="63070" y="4374"/>
                  </a:cubicBezTo>
                  <a:lnTo>
                    <a:pt x="82787" y="22091"/>
                  </a:lnTo>
                  <a:cubicBezTo>
                    <a:pt x="87517" y="26310"/>
                    <a:pt x="89501" y="32806"/>
                    <a:pt x="87930" y="38950"/>
                  </a:cubicBezTo>
                  <a:lnTo>
                    <a:pt x="81644" y="62191"/>
                  </a:lnTo>
                  <a:cubicBezTo>
                    <a:pt x="89454" y="74383"/>
                    <a:pt x="118601" y="116293"/>
                    <a:pt x="159749" y="131152"/>
                  </a:cubicBezTo>
                  <a:cubicBezTo>
                    <a:pt x="160813" y="131514"/>
                    <a:pt x="161786" y="132095"/>
                    <a:pt x="162606" y="132867"/>
                  </a:cubicBezTo>
                  <a:lnTo>
                    <a:pt x="190419" y="155917"/>
                  </a:lnTo>
                  <a:lnTo>
                    <a:pt x="218232" y="132867"/>
                  </a:lnTo>
                  <a:cubicBezTo>
                    <a:pt x="220095" y="131314"/>
                    <a:pt x="222479" y="130533"/>
                    <a:pt x="224900" y="130676"/>
                  </a:cubicBezTo>
                  <a:cubicBezTo>
                    <a:pt x="235984" y="131228"/>
                    <a:pt x="246942" y="133276"/>
                    <a:pt x="257475" y="136772"/>
                  </a:cubicBezTo>
                  <a:lnTo>
                    <a:pt x="251474" y="154869"/>
                  </a:lnTo>
                  <a:cubicBezTo>
                    <a:pt x="243668" y="152269"/>
                    <a:pt x="235577" y="150602"/>
                    <a:pt x="227376" y="149916"/>
                  </a:cubicBezTo>
                  <a:lnTo>
                    <a:pt x="196515" y="175634"/>
                  </a:lnTo>
                  <a:cubicBezTo>
                    <a:pt x="193000" y="178520"/>
                    <a:pt x="187933" y="178520"/>
                    <a:pt x="184418" y="175634"/>
                  </a:cubicBezTo>
                  <a:lnTo>
                    <a:pt x="151748" y="148487"/>
                  </a:lnTo>
                  <a:cubicBezTo>
                    <a:pt x="98789" y="128485"/>
                    <a:pt x="64594" y="70954"/>
                    <a:pt x="63165" y="68573"/>
                  </a:cubicBezTo>
                  <a:cubicBezTo>
                    <a:pt x="61873" y="66353"/>
                    <a:pt x="61530" y="63715"/>
                    <a:pt x="62213" y="61239"/>
                  </a:cubicBezTo>
                  <a:lnTo>
                    <a:pt x="69166" y="35426"/>
                  </a:lnTo>
                  <a:lnTo>
                    <a:pt x="51164" y="19233"/>
                  </a:lnTo>
                  <a:cubicBezTo>
                    <a:pt x="44624" y="21195"/>
                    <a:pt x="38537" y="24434"/>
                    <a:pt x="33257" y="28758"/>
                  </a:cubicBezTo>
                  <a:cubicBezTo>
                    <a:pt x="27906" y="33082"/>
                    <a:pt x="23277" y="38226"/>
                    <a:pt x="19541" y="43998"/>
                  </a:cubicBezTo>
                  <a:lnTo>
                    <a:pt x="41353" y="77241"/>
                  </a:lnTo>
                  <a:cubicBezTo>
                    <a:pt x="41643" y="77698"/>
                    <a:pt x="41899" y="78174"/>
                    <a:pt x="42115" y="78669"/>
                  </a:cubicBezTo>
                  <a:cubicBezTo>
                    <a:pt x="61631" y="122570"/>
                    <a:pt x="92061" y="160737"/>
                    <a:pt x="130507" y="189540"/>
                  </a:cubicBezTo>
                  <a:cubicBezTo>
                    <a:pt x="132968" y="191341"/>
                    <a:pt x="134420" y="194208"/>
                    <a:pt x="134412" y="197256"/>
                  </a:cubicBezTo>
                  <a:close/>
                  <a:moveTo>
                    <a:pt x="52307" y="18948"/>
                  </a:moveTo>
                  <a:lnTo>
                    <a:pt x="52307" y="18948"/>
                  </a:lnTo>
                  <a:close/>
                </a:path>
              </a:pathLst>
            </a:custGeom>
            <a:solidFill>
              <a:schemeClr val="bg1">
                <a:lumMod val="50000"/>
              </a:schemeClr>
            </a:solidFill>
            <a:ln w="9525" cap="flat">
              <a:noFill/>
              <a:prstDash val="solid"/>
              <a:miter/>
            </a:ln>
          </p:spPr>
          <p:txBody>
            <a:bodyPr rtlCol="0" anchor="ctr"/>
            <a:lstStyle/>
            <a:p>
              <a:endParaRPr lang="en-AU"/>
            </a:p>
          </p:txBody>
        </p:sp>
        <p:sp>
          <p:nvSpPr>
            <p:cNvPr id="51" name="Freeform: Shape 50">
              <a:extLst>
                <a:ext uri="{FF2B5EF4-FFF2-40B4-BE49-F238E27FC236}">
                  <a16:creationId xmlns:a16="http://schemas.microsoft.com/office/drawing/2014/main" id="{39274D2A-392C-0CCD-B5A4-0AC913B251B0}"/>
                </a:ext>
              </a:extLst>
            </p:cNvPr>
            <p:cNvSpPr/>
            <p:nvPr/>
          </p:nvSpPr>
          <p:spPr>
            <a:xfrm>
              <a:off x="1753171" y="3962367"/>
              <a:ext cx="137160" cy="137160"/>
            </a:xfrm>
            <a:custGeom>
              <a:avLst/>
              <a:gdLst>
                <a:gd name="connsiteX0" fmla="*/ 68485 w 137160"/>
                <a:gd name="connsiteY0" fmla="*/ 137160 h 137160"/>
                <a:gd name="connsiteX1" fmla="*/ 0 w 137160"/>
                <a:gd name="connsiteY1" fmla="*/ 68485 h 137160"/>
                <a:gd name="connsiteX2" fmla="*/ 68675 w 137160"/>
                <a:gd name="connsiteY2" fmla="*/ 0 h 137160"/>
                <a:gd name="connsiteX3" fmla="*/ 137160 w 137160"/>
                <a:gd name="connsiteY3" fmla="*/ 68580 h 137160"/>
                <a:gd name="connsiteX4" fmla="*/ 68485 w 137160"/>
                <a:gd name="connsiteY4" fmla="*/ 137160 h 137160"/>
                <a:gd name="connsiteX5" fmla="*/ 68485 w 137160"/>
                <a:gd name="connsiteY5" fmla="*/ 19050 h 137160"/>
                <a:gd name="connsiteX6" fmla="*/ 19050 w 137160"/>
                <a:gd name="connsiteY6" fmla="*/ 68676 h 137160"/>
                <a:gd name="connsiteX7" fmla="*/ 68675 w 137160"/>
                <a:gd name="connsiteY7" fmla="*/ 118110 h 137160"/>
                <a:gd name="connsiteX8" fmla="*/ 118110 w 137160"/>
                <a:gd name="connsiteY8" fmla="*/ 68580 h 137160"/>
                <a:gd name="connsiteX9" fmla="*/ 68580 w 137160"/>
                <a:gd name="connsiteY9" fmla="*/ 19050 h 137160"/>
                <a:gd name="connsiteX10" fmla="*/ 68485 w 137160"/>
                <a:gd name="connsiteY10" fmla="*/ 19050 h 137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37160" h="137160">
                  <a:moveTo>
                    <a:pt x="68485" y="137160"/>
                  </a:moveTo>
                  <a:cubicBezTo>
                    <a:pt x="30610" y="137103"/>
                    <a:pt x="-52" y="106356"/>
                    <a:pt x="0" y="68485"/>
                  </a:cubicBezTo>
                  <a:cubicBezTo>
                    <a:pt x="52" y="30614"/>
                    <a:pt x="30799" y="-57"/>
                    <a:pt x="68675" y="0"/>
                  </a:cubicBezTo>
                  <a:cubicBezTo>
                    <a:pt x="106513" y="57"/>
                    <a:pt x="137160" y="30737"/>
                    <a:pt x="137160" y="68580"/>
                  </a:cubicBezTo>
                  <a:cubicBezTo>
                    <a:pt x="137108" y="106471"/>
                    <a:pt x="106376" y="137160"/>
                    <a:pt x="68485" y="137160"/>
                  </a:cubicBezTo>
                  <a:close/>
                  <a:moveTo>
                    <a:pt x="68485" y="19050"/>
                  </a:moveTo>
                  <a:cubicBezTo>
                    <a:pt x="41130" y="19107"/>
                    <a:pt x="18998" y="41320"/>
                    <a:pt x="19050" y="68676"/>
                  </a:cubicBezTo>
                  <a:cubicBezTo>
                    <a:pt x="19102" y="96031"/>
                    <a:pt x="41321" y="118167"/>
                    <a:pt x="68675" y="118110"/>
                  </a:cubicBezTo>
                  <a:cubicBezTo>
                    <a:pt x="95993" y="118053"/>
                    <a:pt x="118110" y="95898"/>
                    <a:pt x="118110" y="68580"/>
                  </a:cubicBezTo>
                  <a:cubicBezTo>
                    <a:pt x="118110" y="41224"/>
                    <a:pt x="95935" y="19050"/>
                    <a:pt x="68580" y="19050"/>
                  </a:cubicBezTo>
                  <a:cubicBezTo>
                    <a:pt x="68549" y="19050"/>
                    <a:pt x="68516" y="19050"/>
                    <a:pt x="68485" y="19050"/>
                  </a:cubicBezTo>
                  <a:close/>
                </a:path>
              </a:pathLst>
            </a:custGeom>
            <a:solidFill>
              <a:schemeClr val="bg1">
                <a:lumMod val="50000"/>
              </a:schemeClr>
            </a:solidFill>
            <a:ln w="9525" cap="flat">
              <a:noFill/>
              <a:prstDash val="solid"/>
              <a:miter/>
            </a:ln>
          </p:spPr>
          <p:txBody>
            <a:bodyPr rtlCol="0" anchor="ctr"/>
            <a:lstStyle/>
            <a:p>
              <a:endParaRPr lang="en-AU"/>
            </a:p>
          </p:txBody>
        </p:sp>
        <p:sp>
          <p:nvSpPr>
            <p:cNvPr id="52" name="Freeform: Shape 51">
              <a:extLst>
                <a:ext uri="{FF2B5EF4-FFF2-40B4-BE49-F238E27FC236}">
                  <a16:creationId xmlns:a16="http://schemas.microsoft.com/office/drawing/2014/main" id="{2C8DE28B-72D4-6A49-D48D-BEE0CC995F92}"/>
                </a:ext>
              </a:extLst>
            </p:cNvPr>
            <p:cNvSpPr/>
            <p:nvPr/>
          </p:nvSpPr>
          <p:spPr>
            <a:xfrm>
              <a:off x="1705986" y="3969061"/>
              <a:ext cx="311980" cy="335634"/>
            </a:xfrm>
            <a:custGeom>
              <a:avLst/>
              <a:gdLst>
                <a:gd name="connsiteX0" fmla="*/ 196061 w 311980"/>
                <a:gd name="connsiteY0" fmla="*/ 335635 h 335634"/>
                <a:gd name="connsiteX1" fmla="*/ 177011 w 311980"/>
                <a:gd name="connsiteY1" fmla="*/ 335635 h 335634"/>
                <a:gd name="connsiteX2" fmla="*/ 177011 w 311980"/>
                <a:gd name="connsiteY2" fmla="*/ 196380 h 335634"/>
                <a:gd name="connsiteX3" fmla="*/ 180917 w 311980"/>
                <a:gd name="connsiteY3" fmla="*/ 188664 h 335634"/>
                <a:gd name="connsiteX4" fmla="*/ 268832 w 311980"/>
                <a:gd name="connsiteY4" fmla="*/ 82556 h 335634"/>
                <a:gd name="connsiteX5" fmla="*/ 269785 w 311980"/>
                <a:gd name="connsiteY5" fmla="*/ 80651 h 335634"/>
                <a:gd name="connsiteX6" fmla="*/ 293121 w 311980"/>
                <a:gd name="connsiteY6" fmla="*/ 45027 h 335634"/>
                <a:gd name="connsiteX7" fmla="*/ 260736 w 311980"/>
                <a:gd name="connsiteY7" fmla="*/ 19214 h 335634"/>
                <a:gd name="connsiteX8" fmla="*/ 241686 w 311980"/>
                <a:gd name="connsiteY8" fmla="*/ 36741 h 335634"/>
                <a:gd name="connsiteX9" fmla="*/ 247877 w 311980"/>
                <a:gd name="connsiteY9" fmla="*/ 63506 h 335634"/>
                <a:gd name="connsiteX10" fmla="*/ 246830 w 311980"/>
                <a:gd name="connsiteY10" fmla="*/ 70364 h 335634"/>
                <a:gd name="connsiteX11" fmla="*/ 155866 w 311980"/>
                <a:gd name="connsiteY11" fmla="*/ 149993 h 335634"/>
                <a:gd name="connsiteX12" fmla="*/ 122147 w 311980"/>
                <a:gd name="connsiteY12" fmla="*/ 175139 h 335634"/>
                <a:gd name="connsiteX13" fmla="*/ 110813 w 311980"/>
                <a:gd name="connsiteY13" fmla="*/ 175139 h 335634"/>
                <a:gd name="connsiteX14" fmla="*/ 79380 w 311980"/>
                <a:gd name="connsiteY14" fmla="*/ 151803 h 335634"/>
                <a:gd name="connsiteX15" fmla="*/ 26993 w 311980"/>
                <a:gd name="connsiteY15" fmla="*/ 224288 h 335634"/>
                <a:gd name="connsiteX16" fmla="*/ 19944 w 311980"/>
                <a:gd name="connsiteY16" fmla="*/ 270198 h 335634"/>
                <a:gd name="connsiteX17" fmla="*/ 23659 w 311980"/>
                <a:gd name="connsiteY17" fmla="*/ 281057 h 335634"/>
                <a:gd name="connsiteX18" fmla="*/ 39089 w 311980"/>
                <a:gd name="connsiteY18" fmla="*/ 287058 h 335634"/>
                <a:gd name="connsiteX19" fmla="*/ 134911 w 311980"/>
                <a:gd name="connsiteY19" fmla="*/ 282009 h 335634"/>
                <a:gd name="connsiteX20" fmla="*/ 147579 w 311980"/>
                <a:gd name="connsiteY20" fmla="*/ 269151 h 335634"/>
                <a:gd name="connsiteX21" fmla="*/ 143960 w 311980"/>
                <a:gd name="connsiteY21" fmla="*/ 257625 h 335634"/>
                <a:gd name="connsiteX22" fmla="*/ 136054 w 311980"/>
                <a:gd name="connsiteY22" fmla="*/ 253911 h 335634"/>
                <a:gd name="connsiteX23" fmla="*/ 49091 w 311980"/>
                <a:gd name="connsiteY23" fmla="*/ 252101 h 335634"/>
                <a:gd name="connsiteX24" fmla="*/ 49091 w 311980"/>
                <a:gd name="connsiteY24" fmla="*/ 233051 h 335634"/>
                <a:gd name="connsiteX25" fmla="*/ 135673 w 311980"/>
                <a:gd name="connsiteY25" fmla="*/ 234765 h 335634"/>
                <a:gd name="connsiteX26" fmla="*/ 157295 w 311980"/>
                <a:gd name="connsiteY26" fmla="*/ 244862 h 335634"/>
                <a:gd name="connsiteX27" fmla="*/ 165677 w 311980"/>
                <a:gd name="connsiteY27" fmla="*/ 270675 h 335634"/>
                <a:gd name="connsiteX28" fmla="*/ 135008 w 311980"/>
                <a:gd name="connsiteY28" fmla="*/ 300964 h 335634"/>
                <a:gd name="connsiteX29" fmla="*/ 134911 w 311980"/>
                <a:gd name="connsiteY29" fmla="*/ 300964 h 335634"/>
                <a:gd name="connsiteX30" fmla="*/ 38708 w 311980"/>
                <a:gd name="connsiteY30" fmla="*/ 306012 h 335634"/>
                <a:gd name="connsiteX31" fmla="*/ 38708 w 311980"/>
                <a:gd name="connsiteY31" fmla="*/ 306012 h 335634"/>
                <a:gd name="connsiteX32" fmla="*/ 8800 w 311980"/>
                <a:gd name="connsiteY32" fmla="*/ 293820 h 335634"/>
                <a:gd name="connsiteX33" fmla="*/ 132 w 311980"/>
                <a:gd name="connsiteY33" fmla="*/ 268579 h 335634"/>
                <a:gd name="connsiteX34" fmla="*/ 7371 w 311980"/>
                <a:gd name="connsiteY34" fmla="*/ 220954 h 335634"/>
                <a:gd name="connsiteX35" fmla="*/ 79856 w 311980"/>
                <a:gd name="connsiteY35" fmla="*/ 132562 h 335634"/>
                <a:gd name="connsiteX36" fmla="*/ 86810 w 311980"/>
                <a:gd name="connsiteY36" fmla="*/ 134372 h 335634"/>
                <a:gd name="connsiteX37" fmla="*/ 115385 w 311980"/>
                <a:gd name="connsiteY37" fmla="*/ 155803 h 335634"/>
                <a:gd name="connsiteX38" fmla="*/ 144531 w 311980"/>
                <a:gd name="connsiteY38" fmla="*/ 134086 h 335634"/>
                <a:gd name="connsiteX39" fmla="*/ 147103 w 311980"/>
                <a:gd name="connsiteY39" fmla="*/ 132753 h 335634"/>
                <a:gd name="connsiteX40" fmla="*/ 227303 w 311980"/>
                <a:gd name="connsiteY40" fmla="*/ 64268 h 335634"/>
                <a:gd name="connsiteX41" fmla="*/ 221874 w 311980"/>
                <a:gd name="connsiteY41" fmla="*/ 40551 h 335634"/>
                <a:gd name="connsiteX42" fmla="*/ 227113 w 311980"/>
                <a:gd name="connsiteY42" fmla="*/ 23501 h 335634"/>
                <a:gd name="connsiteX43" fmla="*/ 248068 w 311980"/>
                <a:gd name="connsiteY43" fmla="*/ 4451 h 335634"/>
                <a:gd name="connsiteX44" fmla="*/ 265022 w 311980"/>
                <a:gd name="connsiteY44" fmla="*/ 831 h 335634"/>
                <a:gd name="connsiteX45" fmla="*/ 290359 w 311980"/>
                <a:gd name="connsiteY45" fmla="*/ 15214 h 335634"/>
                <a:gd name="connsiteX46" fmla="*/ 309409 w 311980"/>
                <a:gd name="connsiteY46" fmla="*/ 36264 h 335634"/>
                <a:gd name="connsiteX47" fmla="*/ 309409 w 311980"/>
                <a:gd name="connsiteY47" fmla="*/ 54647 h 335634"/>
                <a:gd name="connsiteX48" fmla="*/ 286263 w 311980"/>
                <a:gd name="connsiteY48" fmla="*/ 90176 h 335634"/>
                <a:gd name="connsiteX49" fmla="*/ 196061 w 311980"/>
                <a:gd name="connsiteY49" fmla="*/ 201142 h 335634"/>
                <a:gd name="connsiteX50" fmla="*/ 241019 w 311980"/>
                <a:gd name="connsiteY50" fmla="*/ 35788 h 335634"/>
                <a:gd name="connsiteX51" fmla="*/ 241019 w 311980"/>
                <a:gd name="connsiteY51" fmla="*/ 35788 h 335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311980" h="335634">
                  <a:moveTo>
                    <a:pt x="196061" y="335635"/>
                  </a:moveTo>
                  <a:lnTo>
                    <a:pt x="177011" y="335635"/>
                  </a:lnTo>
                  <a:lnTo>
                    <a:pt x="177011" y="196380"/>
                  </a:lnTo>
                  <a:cubicBezTo>
                    <a:pt x="177004" y="193331"/>
                    <a:pt x="178455" y="190464"/>
                    <a:pt x="180917" y="188664"/>
                  </a:cubicBezTo>
                  <a:cubicBezTo>
                    <a:pt x="219779" y="160089"/>
                    <a:pt x="257117" y="115703"/>
                    <a:pt x="268832" y="82556"/>
                  </a:cubicBezTo>
                  <a:cubicBezTo>
                    <a:pt x="269053" y="81880"/>
                    <a:pt x="269374" y="81232"/>
                    <a:pt x="269785" y="80651"/>
                  </a:cubicBezTo>
                  <a:lnTo>
                    <a:pt x="293121" y="45027"/>
                  </a:lnTo>
                  <a:cubicBezTo>
                    <a:pt x="285082" y="33435"/>
                    <a:pt x="273825" y="24463"/>
                    <a:pt x="260736" y="19214"/>
                  </a:cubicBezTo>
                  <a:lnTo>
                    <a:pt x="241686" y="36741"/>
                  </a:lnTo>
                  <a:lnTo>
                    <a:pt x="247877" y="63506"/>
                  </a:lnTo>
                  <a:cubicBezTo>
                    <a:pt x="248402" y="65840"/>
                    <a:pt x="248029" y="68287"/>
                    <a:pt x="246830" y="70364"/>
                  </a:cubicBezTo>
                  <a:cubicBezTo>
                    <a:pt x="225958" y="106083"/>
                    <a:pt x="194029" y="134029"/>
                    <a:pt x="155866" y="149993"/>
                  </a:cubicBezTo>
                  <a:lnTo>
                    <a:pt x="122147" y="175139"/>
                  </a:lnTo>
                  <a:cubicBezTo>
                    <a:pt x="118780" y="177634"/>
                    <a:pt x="114180" y="177634"/>
                    <a:pt x="110813" y="175139"/>
                  </a:cubicBezTo>
                  <a:lnTo>
                    <a:pt x="79380" y="151803"/>
                  </a:lnTo>
                  <a:cubicBezTo>
                    <a:pt x="49948" y="156375"/>
                    <a:pt x="37280" y="169329"/>
                    <a:pt x="26993" y="224288"/>
                  </a:cubicBezTo>
                  <a:cubicBezTo>
                    <a:pt x="25564" y="231813"/>
                    <a:pt x="20801" y="259911"/>
                    <a:pt x="19944" y="270198"/>
                  </a:cubicBezTo>
                  <a:cubicBezTo>
                    <a:pt x="19598" y="274180"/>
                    <a:pt x="20947" y="278123"/>
                    <a:pt x="23659" y="281057"/>
                  </a:cubicBezTo>
                  <a:cubicBezTo>
                    <a:pt x="27755" y="285095"/>
                    <a:pt x="33338" y="287267"/>
                    <a:pt x="39089" y="287058"/>
                  </a:cubicBezTo>
                  <a:lnTo>
                    <a:pt x="134911" y="282009"/>
                  </a:lnTo>
                  <a:cubicBezTo>
                    <a:pt x="140340" y="282009"/>
                    <a:pt x="146627" y="280200"/>
                    <a:pt x="147579" y="269151"/>
                  </a:cubicBezTo>
                  <a:cubicBezTo>
                    <a:pt x="147914" y="264988"/>
                    <a:pt x="146616" y="260854"/>
                    <a:pt x="143960" y="257625"/>
                  </a:cubicBezTo>
                  <a:cubicBezTo>
                    <a:pt x="141939" y="255358"/>
                    <a:pt x="139085" y="254025"/>
                    <a:pt x="136054" y="253911"/>
                  </a:cubicBezTo>
                  <a:lnTo>
                    <a:pt x="49091" y="252101"/>
                  </a:lnTo>
                  <a:lnTo>
                    <a:pt x="49091" y="233051"/>
                  </a:lnTo>
                  <a:lnTo>
                    <a:pt x="135673" y="234765"/>
                  </a:lnTo>
                  <a:cubicBezTo>
                    <a:pt x="143977" y="234946"/>
                    <a:pt x="151822" y="238614"/>
                    <a:pt x="157295" y="244862"/>
                  </a:cubicBezTo>
                  <a:cubicBezTo>
                    <a:pt x="163471" y="251977"/>
                    <a:pt x="166495" y="261292"/>
                    <a:pt x="165677" y="270675"/>
                  </a:cubicBezTo>
                  <a:cubicBezTo>
                    <a:pt x="165572" y="287505"/>
                    <a:pt x="151842" y="301069"/>
                    <a:pt x="135008" y="300964"/>
                  </a:cubicBezTo>
                  <a:cubicBezTo>
                    <a:pt x="134976" y="300964"/>
                    <a:pt x="134943" y="300964"/>
                    <a:pt x="134911" y="300964"/>
                  </a:cubicBezTo>
                  <a:lnTo>
                    <a:pt x="38708" y="306012"/>
                  </a:lnTo>
                  <a:lnTo>
                    <a:pt x="38708" y="306012"/>
                  </a:lnTo>
                  <a:cubicBezTo>
                    <a:pt x="27464" y="306355"/>
                    <a:pt x="16599" y="301926"/>
                    <a:pt x="8800" y="293820"/>
                  </a:cubicBezTo>
                  <a:cubicBezTo>
                    <a:pt x="2450" y="287029"/>
                    <a:pt x="-703" y="277847"/>
                    <a:pt x="132" y="268579"/>
                  </a:cubicBezTo>
                  <a:cubicBezTo>
                    <a:pt x="1085" y="256959"/>
                    <a:pt x="6133" y="227241"/>
                    <a:pt x="7371" y="220954"/>
                  </a:cubicBezTo>
                  <a:cubicBezTo>
                    <a:pt x="18896" y="159613"/>
                    <a:pt x="36518" y="138182"/>
                    <a:pt x="79856" y="132562"/>
                  </a:cubicBezTo>
                  <a:cubicBezTo>
                    <a:pt x="82321" y="132238"/>
                    <a:pt x="84817" y="132886"/>
                    <a:pt x="86810" y="134372"/>
                  </a:cubicBezTo>
                  <a:lnTo>
                    <a:pt x="115385" y="155803"/>
                  </a:lnTo>
                  <a:lnTo>
                    <a:pt x="144531" y="134086"/>
                  </a:lnTo>
                  <a:cubicBezTo>
                    <a:pt x="145304" y="133496"/>
                    <a:pt x="146174" y="133038"/>
                    <a:pt x="147103" y="132753"/>
                  </a:cubicBezTo>
                  <a:cubicBezTo>
                    <a:pt x="180323" y="118846"/>
                    <a:pt x="208365" y="94900"/>
                    <a:pt x="227303" y="64268"/>
                  </a:cubicBezTo>
                  <a:lnTo>
                    <a:pt x="221874" y="40551"/>
                  </a:lnTo>
                  <a:cubicBezTo>
                    <a:pt x="220294" y="34331"/>
                    <a:pt x="222315" y="27758"/>
                    <a:pt x="227113" y="23501"/>
                  </a:cubicBezTo>
                  <a:lnTo>
                    <a:pt x="248068" y="4451"/>
                  </a:lnTo>
                  <a:cubicBezTo>
                    <a:pt x="252676" y="317"/>
                    <a:pt x="259129" y="-1055"/>
                    <a:pt x="265022" y="831"/>
                  </a:cubicBezTo>
                  <a:cubicBezTo>
                    <a:pt x="274226" y="4146"/>
                    <a:pt x="282796" y="9013"/>
                    <a:pt x="290359" y="15214"/>
                  </a:cubicBezTo>
                  <a:cubicBezTo>
                    <a:pt x="297817" y="21139"/>
                    <a:pt x="304256" y="28254"/>
                    <a:pt x="309409" y="36264"/>
                  </a:cubicBezTo>
                  <a:cubicBezTo>
                    <a:pt x="312838" y="41913"/>
                    <a:pt x="312838" y="48999"/>
                    <a:pt x="309409" y="54647"/>
                  </a:cubicBezTo>
                  <a:lnTo>
                    <a:pt x="286263" y="90176"/>
                  </a:lnTo>
                  <a:cubicBezTo>
                    <a:pt x="273119" y="125228"/>
                    <a:pt x="235781" y="171043"/>
                    <a:pt x="196061" y="201142"/>
                  </a:cubicBezTo>
                  <a:close/>
                  <a:moveTo>
                    <a:pt x="241019" y="35788"/>
                  </a:moveTo>
                  <a:lnTo>
                    <a:pt x="241019" y="35788"/>
                  </a:lnTo>
                  <a:close/>
                </a:path>
              </a:pathLst>
            </a:custGeom>
            <a:solidFill>
              <a:schemeClr val="bg1">
                <a:lumMod val="50000"/>
              </a:schemeClr>
            </a:solidFill>
            <a:ln w="9525" cap="flat">
              <a:noFill/>
              <a:prstDash val="solid"/>
              <a:miter/>
            </a:ln>
          </p:spPr>
          <p:txBody>
            <a:bodyPr rtlCol="0" anchor="ctr"/>
            <a:lstStyle/>
            <a:p>
              <a:endParaRPr lang="en-AU"/>
            </a:p>
          </p:txBody>
        </p:sp>
        <p:sp>
          <p:nvSpPr>
            <p:cNvPr id="53" name="Freeform: Shape 52">
              <a:extLst>
                <a:ext uri="{FF2B5EF4-FFF2-40B4-BE49-F238E27FC236}">
                  <a16:creationId xmlns:a16="http://schemas.microsoft.com/office/drawing/2014/main" id="{76EAC4C9-C4A7-27FD-3AE6-A477A3C20201}"/>
                </a:ext>
              </a:extLst>
            </p:cNvPr>
            <p:cNvSpPr/>
            <p:nvPr/>
          </p:nvSpPr>
          <p:spPr>
            <a:xfrm>
              <a:off x="1756410" y="4146581"/>
              <a:ext cx="110013" cy="74580"/>
            </a:xfrm>
            <a:custGeom>
              <a:avLst/>
              <a:gdLst>
                <a:gd name="connsiteX0" fmla="*/ 110014 w 110013"/>
                <a:gd name="connsiteY0" fmla="*/ 74581 h 74580"/>
                <a:gd name="connsiteX1" fmla="*/ 90964 w 110013"/>
                <a:gd name="connsiteY1" fmla="*/ 74581 h 74580"/>
                <a:gd name="connsiteX2" fmla="*/ 90964 w 110013"/>
                <a:gd name="connsiteY2" fmla="*/ 19336 h 74580"/>
                <a:gd name="connsiteX3" fmla="*/ 19050 w 110013"/>
                <a:gd name="connsiteY3" fmla="*/ 19336 h 74580"/>
                <a:gd name="connsiteX4" fmla="*/ 19050 w 110013"/>
                <a:gd name="connsiteY4" fmla="*/ 65056 h 74580"/>
                <a:gd name="connsiteX5" fmla="*/ 0 w 110013"/>
                <a:gd name="connsiteY5" fmla="*/ 65056 h 74580"/>
                <a:gd name="connsiteX6" fmla="*/ 0 w 110013"/>
                <a:gd name="connsiteY6" fmla="*/ 14383 h 74580"/>
                <a:gd name="connsiteX7" fmla="*/ 14383 w 110013"/>
                <a:gd name="connsiteY7" fmla="*/ 0 h 74580"/>
                <a:gd name="connsiteX8" fmla="*/ 95631 w 110013"/>
                <a:gd name="connsiteY8" fmla="*/ 0 h 74580"/>
                <a:gd name="connsiteX9" fmla="*/ 110014 w 110013"/>
                <a:gd name="connsiteY9" fmla="*/ 14383 h 745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013" h="74580">
                  <a:moveTo>
                    <a:pt x="110014" y="74581"/>
                  </a:moveTo>
                  <a:lnTo>
                    <a:pt x="90964" y="74581"/>
                  </a:lnTo>
                  <a:lnTo>
                    <a:pt x="90964" y="19336"/>
                  </a:lnTo>
                  <a:lnTo>
                    <a:pt x="19050" y="19336"/>
                  </a:lnTo>
                  <a:lnTo>
                    <a:pt x="19050" y="65056"/>
                  </a:lnTo>
                  <a:lnTo>
                    <a:pt x="0" y="65056"/>
                  </a:lnTo>
                  <a:lnTo>
                    <a:pt x="0" y="14383"/>
                  </a:lnTo>
                  <a:cubicBezTo>
                    <a:pt x="52" y="6458"/>
                    <a:pt x="6461" y="47"/>
                    <a:pt x="14383" y="0"/>
                  </a:cubicBezTo>
                  <a:lnTo>
                    <a:pt x="95631" y="0"/>
                  </a:lnTo>
                  <a:cubicBezTo>
                    <a:pt x="103553" y="47"/>
                    <a:pt x="109961" y="6458"/>
                    <a:pt x="110014" y="14383"/>
                  </a:cubicBezTo>
                  <a:close/>
                </a:path>
              </a:pathLst>
            </a:custGeom>
            <a:solidFill>
              <a:schemeClr val="bg1">
                <a:lumMod val="50000"/>
              </a:schemeClr>
            </a:solidFill>
            <a:ln w="9525" cap="flat">
              <a:noFill/>
              <a:prstDash val="solid"/>
              <a:miter/>
            </a:ln>
          </p:spPr>
          <p:txBody>
            <a:bodyPr rtlCol="0" anchor="ctr"/>
            <a:lstStyle/>
            <a:p>
              <a:endParaRPr lang="en-AU"/>
            </a:p>
          </p:txBody>
        </p:sp>
        <p:sp>
          <p:nvSpPr>
            <p:cNvPr id="54" name="Freeform: Shape 53">
              <a:extLst>
                <a:ext uri="{FF2B5EF4-FFF2-40B4-BE49-F238E27FC236}">
                  <a16:creationId xmlns:a16="http://schemas.microsoft.com/office/drawing/2014/main" id="{C5EC9645-37E7-834B-0CCF-7A9033EB8C34}"/>
                </a:ext>
              </a:extLst>
            </p:cNvPr>
            <p:cNvSpPr/>
            <p:nvPr/>
          </p:nvSpPr>
          <p:spPr>
            <a:xfrm>
              <a:off x="1748409" y="4264977"/>
              <a:ext cx="19050" cy="39719"/>
            </a:xfrm>
            <a:custGeom>
              <a:avLst/>
              <a:gdLst>
                <a:gd name="connsiteX0" fmla="*/ 0 w 19050"/>
                <a:gd name="connsiteY0" fmla="*/ 0 h 39719"/>
                <a:gd name="connsiteX1" fmla="*/ 19050 w 19050"/>
                <a:gd name="connsiteY1" fmla="*/ 0 h 39719"/>
                <a:gd name="connsiteX2" fmla="*/ 19050 w 19050"/>
                <a:gd name="connsiteY2" fmla="*/ 39719 h 39719"/>
                <a:gd name="connsiteX3" fmla="*/ 0 w 19050"/>
                <a:gd name="connsiteY3" fmla="*/ 39719 h 39719"/>
              </a:gdLst>
              <a:ahLst/>
              <a:cxnLst>
                <a:cxn ang="0">
                  <a:pos x="connsiteX0" y="connsiteY0"/>
                </a:cxn>
                <a:cxn ang="0">
                  <a:pos x="connsiteX1" y="connsiteY1"/>
                </a:cxn>
                <a:cxn ang="0">
                  <a:pos x="connsiteX2" y="connsiteY2"/>
                </a:cxn>
                <a:cxn ang="0">
                  <a:pos x="connsiteX3" y="connsiteY3"/>
                </a:cxn>
              </a:cxnLst>
              <a:rect l="l" t="t" r="r" b="b"/>
              <a:pathLst>
                <a:path w="19050" h="39719">
                  <a:moveTo>
                    <a:pt x="0" y="0"/>
                  </a:moveTo>
                  <a:lnTo>
                    <a:pt x="19050" y="0"/>
                  </a:lnTo>
                  <a:lnTo>
                    <a:pt x="19050" y="39719"/>
                  </a:lnTo>
                  <a:lnTo>
                    <a:pt x="0" y="39719"/>
                  </a:lnTo>
                  <a:close/>
                </a:path>
              </a:pathLst>
            </a:custGeom>
            <a:solidFill>
              <a:schemeClr val="bg1">
                <a:lumMod val="50000"/>
              </a:schemeClr>
            </a:solidFill>
            <a:ln w="9525" cap="flat">
              <a:noFill/>
              <a:prstDash val="solid"/>
              <a:miter/>
            </a:ln>
          </p:spPr>
          <p:txBody>
            <a:bodyPr rtlCol="0" anchor="ctr"/>
            <a:lstStyle/>
            <a:p>
              <a:endParaRPr lang="en-AU"/>
            </a:p>
          </p:txBody>
        </p:sp>
        <p:sp>
          <p:nvSpPr>
            <p:cNvPr id="55" name="Freeform: Shape 54">
              <a:extLst>
                <a:ext uri="{FF2B5EF4-FFF2-40B4-BE49-F238E27FC236}">
                  <a16:creationId xmlns:a16="http://schemas.microsoft.com/office/drawing/2014/main" id="{F62138E4-79B7-5958-E78A-D9D34243E7E9}"/>
                </a:ext>
              </a:extLst>
            </p:cNvPr>
            <p:cNvSpPr/>
            <p:nvPr/>
          </p:nvSpPr>
          <p:spPr>
            <a:xfrm>
              <a:off x="1542669" y="4003992"/>
              <a:ext cx="9525" cy="9525"/>
            </a:xfrm>
            <a:custGeom>
              <a:avLst/>
              <a:gdLst>
                <a:gd name="connsiteX0" fmla="*/ 0 w 9525"/>
                <a:gd name="connsiteY0" fmla="*/ 0 h 9525"/>
                <a:gd name="connsiteX1" fmla="*/ 0 w 9525"/>
                <a:gd name="connsiteY1" fmla="*/ 0 h 9525"/>
              </a:gdLst>
              <a:ahLst/>
              <a:cxnLst>
                <a:cxn ang="0">
                  <a:pos x="connsiteX0" y="connsiteY0"/>
                </a:cxn>
                <a:cxn ang="0">
                  <a:pos x="connsiteX1" y="connsiteY1"/>
                </a:cxn>
              </a:cxnLst>
              <a:rect l="l" t="t" r="r" b="b"/>
              <a:pathLst>
                <a:path w="9525" h="9525">
                  <a:moveTo>
                    <a:pt x="0" y="0"/>
                  </a:moveTo>
                  <a:lnTo>
                    <a:pt x="0" y="0"/>
                  </a:lnTo>
                  <a:close/>
                </a:path>
              </a:pathLst>
            </a:custGeom>
            <a:solidFill>
              <a:srgbClr val="C7E4F1"/>
            </a:solidFill>
            <a:ln w="9525" cap="flat">
              <a:noFill/>
              <a:prstDash val="solid"/>
              <a:miter/>
            </a:ln>
          </p:spPr>
          <p:txBody>
            <a:bodyPr rtlCol="0" anchor="ctr"/>
            <a:lstStyle/>
            <a:p>
              <a:endParaRPr lang="en-AU"/>
            </a:p>
          </p:txBody>
        </p:sp>
      </p:grpSp>
      <p:grpSp>
        <p:nvGrpSpPr>
          <p:cNvPr id="56" name="Group 55">
            <a:extLst>
              <a:ext uri="{FF2B5EF4-FFF2-40B4-BE49-F238E27FC236}">
                <a16:creationId xmlns:a16="http://schemas.microsoft.com/office/drawing/2014/main" id="{8C95A359-D3F8-CC9A-621C-0483FF1D2354}"/>
              </a:ext>
            </a:extLst>
          </p:cNvPr>
          <p:cNvGrpSpPr/>
          <p:nvPr/>
        </p:nvGrpSpPr>
        <p:grpSpPr>
          <a:xfrm>
            <a:off x="4998033" y="4493225"/>
            <a:ext cx="412108" cy="582602"/>
            <a:chOff x="1773368" y="2855245"/>
            <a:chExt cx="308892" cy="413387"/>
          </a:xfrm>
        </p:grpSpPr>
        <p:sp>
          <p:nvSpPr>
            <p:cNvPr id="57" name="Freeform: Shape 56">
              <a:extLst>
                <a:ext uri="{FF2B5EF4-FFF2-40B4-BE49-F238E27FC236}">
                  <a16:creationId xmlns:a16="http://schemas.microsoft.com/office/drawing/2014/main" id="{7F847CBC-4A9A-6661-39B0-0A0D71DB3366}"/>
                </a:ext>
              </a:extLst>
            </p:cNvPr>
            <p:cNvSpPr/>
            <p:nvPr/>
          </p:nvSpPr>
          <p:spPr>
            <a:xfrm>
              <a:off x="1921097" y="2860198"/>
              <a:ext cx="153162" cy="125158"/>
            </a:xfrm>
            <a:custGeom>
              <a:avLst/>
              <a:gdLst>
                <a:gd name="connsiteX0" fmla="*/ 286 w 153162"/>
                <a:gd name="connsiteY0" fmla="*/ 103251 h 125158"/>
                <a:gd name="connsiteX1" fmla="*/ 38386 w 153162"/>
                <a:gd name="connsiteY1" fmla="*/ 118777 h 125158"/>
                <a:gd name="connsiteX2" fmla="*/ 93059 w 153162"/>
                <a:gd name="connsiteY2" fmla="*/ 112586 h 125158"/>
                <a:gd name="connsiteX3" fmla="*/ 153162 w 153162"/>
                <a:gd name="connsiteY3" fmla="*/ 125158 h 125158"/>
                <a:gd name="connsiteX4" fmla="*/ 153162 w 153162"/>
                <a:gd name="connsiteY4" fmla="*/ 14383 h 125158"/>
                <a:gd name="connsiteX5" fmla="*/ 93059 w 153162"/>
                <a:gd name="connsiteY5" fmla="*/ 1905 h 125158"/>
                <a:gd name="connsiteX6" fmla="*/ 30766 w 153162"/>
                <a:gd name="connsiteY6" fmla="*/ 8001 h 125158"/>
                <a:gd name="connsiteX7" fmla="*/ 0 w 153162"/>
                <a:gd name="connsiteY7" fmla="*/ 0 h 125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3162" h="125158">
                  <a:moveTo>
                    <a:pt x="286" y="103251"/>
                  </a:moveTo>
                  <a:cubicBezTo>
                    <a:pt x="286" y="103251"/>
                    <a:pt x="25337" y="118777"/>
                    <a:pt x="38386" y="118777"/>
                  </a:cubicBezTo>
                  <a:cubicBezTo>
                    <a:pt x="51435" y="118777"/>
                    <a:pt x="69151" y="112586"/>
                    <a:pt x="93059" y="112586"/>
                  </a:cubicBezTo>
                  <a:cubicBezTo>
                    <a:pt x="113557" y="114148"/>
                    <a:pt x="133760" y="118377"/>
                    <a:pt x="153162" y="125158"/>
                  </a:cubicBezTo>
                  <a:lnTo>
                    <a:pt x="153162" y="14383"/>
                  </a:lnTo>
                  <a:cubicBezTo>
                    <a:pt x="133798" y="7468"/>
                    <a:pt x="113576" y="3267"/>
                    <a:pt x="93059" y="1905"/>
                  </a:cubicBezTo>
                  <a:cubicBezTo>
                    <a:pt x="67627" y="1905"/>
                    <a:pt x="47625" y="8001"/>
                    <a:pt x="30766" y="8001"/>
                  </a:cubicBezTo>
                  <a:cubicBezTo>
                    <a:pt x="20022" y="7772"/>
                    <a:pt x="9487" y="5039"/>
                    <a:pt x="0" y="0"/>
                  </a:cubicBezTo>
                  <a:close/>
                </a:path>
              </a:pathLst>
            </a:custGeom>
            <a:solidFill>
              <a:srgbClr val="C7E4F1"/>
            </a:solidFill>
            <a:ln w="9525" cap="flat">
              <a:noFill/>
              <a:prstDash val="solid"/>
              <a:miter/>
            </a:ln>
          </p:spPr>
          <p:txBody>
            <a:bodyPr rtlCol="0" anchor="ctr"/>
            <a:lstStyle/>
            <a:p>
              <a:endParaRPr lang="en-AU" sz="153"/>
            </a:p>
          </p:txBody>
        </p:sp>
        <p:sp>
          <p:nvSpPr>
            <p:cNvPr id="58" name="Freeform: Shape 57">
              <a:extLst>
                <a:ext uri="{FF2B5EF4-FFF2-40B4-BE49-F238E27FC236}">
                  <a16:creationId xmlns:a16="http://schemas.microsoft.com/office/drawing/2014/main" id="{676E9E44-C29F-31C6-46B6-DD753EED567D}"/>
                </a:ext>
              </a:extLst>
            </p:cNvPr>
            <p:cNvSpPr/>
            <p:nvPr/>
          </p:nvSpPr>
          <p:spPr>
            <a:xfrm>
              <a:off x="1913477" y="2855245"/>
              <a:ext cx="168783" cy="288988"/>
            </a:xfrm>
            <a:custGeom>
              <a:avLst/>
              <a:gdLst>
                <a:gd name="connsiteX0" fmla="*/ 12001 w 168783"/>
                <a:gd name="connsiteY0" fmla="*/ 116872 h 288988"/>
                <a:gd name="connsiteX1" fmla="*/ 12763 w 168783"/>
                <a:gd name="connsiteY1" fmla="*/ 101537 h 288988"/>
                <a:gd name="connsiteX2" fmla="*/ 32766 w 168783"/>
                <a:gd name="connsiteY2" fmla="*/ 111062 h 288988"/>
                <a:gd name="connsiteX3" fmla="*/ 62865 w 168783"/>
                <a:gd name="connsiteY3" fmla="*/ 118586 h 288988"/>
                <a:gd name="connsiteX4" fmla="*/ 78010 w 168783"/>
                <a:gd name="connsiteY4" fmla="*/ 116300 h 288988"/>
                <a:gd name="connsiteX5" fmla="*/ 109728 w 168783"/>
                <a:gd name="connsiteY5" fmla="*/ 112300 h 288988"/>
                <a:gd name="connsiteX6" fmla="*/ 153353 w 168783"/>
                <a:gd name="connsiteY6" fmla="*/ 121825 h 288988"/>
                <a:gd name="connsiteX7" fmla="*/ 153353 w 168783"/>
                <a:gd name="connsiteY7" fmla="*/ 27527 h 288988"/>
                <a:gd name="connsiteX8" fmla="*/ 109633 w 168783"/>
                <a:gd name="connsiteY8" fmla="*/ 17526 h 288988"/>
                <a:gd name="connsiteX9" fmla="*/ 78962 w 168783"/>
                <a:gd name="connsiteY9" fmla="*/ 20860 h 288988"/>
                <a:gd name="connsiteX10" fmla="*/ 56388 w 168783"/>
                <a:gd name="connsiteY10" fmla="*/ 23622 h 288988"/>
                <a:gd name="connsiteX11" fmla="*/ 27813 w 168783"/>
                <a:gd name="connsiteY11" fmla="*/ 15621 h 288988"/>
                <a:gd name="connsiteX12" fmla="*/ 15621 w 168783"/>
                <a:gd name="connsiteY12" fmla="*/ 15621 h 288988"/>
                <a:gd name="connsiteX13" fmla="*/ 15621 w 168783"/>
                <a:gd name="connsiteY13" fmla="*/ 281178 h 288988"/>
                <a:gd name="connsiteX14" fmla="*/ 7811 w 168783"/>
                <a:gd name="connsiteY14" fmla="*/ 288989 h 288988"/>
                <a:gd name="connsiteX15" fmla="*/ 0 w 168783"/>
                <a:gd name="connsiteY15" fmla="*/ 281178 h 288988"/>
                <a:gd name="connsiteX16" fmla="*/ 0 w 168783"/>
                <a:gd name="connsiteY16" fmla="*/ 7811 h 288988"/>
                <a:gd name="connsiteX17" fmla="*/ 7811 w 168783"/>
                <a:gd name="connsiteY17" fmla="*/ 0 h 288988"/>
                <a:gd name="connsiteX18" fmla="*/ 30004 w 168783"/>
                <a:gd name="connsiteY18" fmla="*/ 0 h 288988"/>
                <a:gd name="connsiteX19" fmla="*/ 34290 w 168783"/>
                <a:gd name="connsiteY19" fmla="*/ 1334 h 288988"/>
                <a:gd name="connsiteX20" fmla="*/ 56293 w 168783"/>
                <a:gd name="connsiteY20" fmla="*/ 8096 h 288988"/>
                <a:gd name="connsiteX21" fmla="*/ 76200 w 168783"/>
                <a:gd name="connsiteY21" fmla="*/ 5620 h 288988"/>
                <a:gd name="connsiteX22" fmla="*/ 109538 w 168783"/>
                <a:gd name="connsiteY22" fmla="*/ 1905 h 288988"/>
                <a:gd name="connsiteX23" fmla="*/ 164021 w 168783"/>
                <a:gd name="connsiteY23" fmla="*/ 15050 h 288988"/>
                <a:gd name="connsiteX24" fmla="*/ 168783 w 168783"/>
                <a:gd name="connsiteY24" fmla="*/ 22193 h 288988"/>
                <a:gd name="connsiteX25" fmla="*/ 168783 w 168783"/>
                <a:gd name="connsiteY25" fmla="*/ 133064 h 288988"/>
                <a:gd name="connsiteX26" fmla="*/ 165354 w 168783"/>
                <a:gd name="connsiteY26" fmla="*/ 139446 h 288988"/>
                <a:gd name="connsiteX27" fmla="*/ 158020 w 168783"/>
                <a:gd name="connsiteY27" fmla="*/ 140208 h 288988"/>
                <a:gd name="connsiteX28" fmla="*/ 109633 w 168783"/>
                <a:gd name="connsiteY28" fmla="*/ 128111 h 288988"/>
                <a:gd name="connsiteX29" fmla="*/ 81058 w 168783"/>
                <a:gd name="connsiteY29" fmla="*/ 131826 h 288988"/>
                <a:gd name="connsiteX30" fmla="*/ 62675 w 168783"/>
                <a:gd name="connsiteY30" fmla="*/ 134398 h 288988"/>
                <a:gd name="connsiteX31" fmla="*/ 37624 w 168783"/>
                <a:gd name="connsiteY31" fmla="*/ 129445 h 288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68783" h="288988">
                  <a:moveTo>
                    <a:pt x="12001" y="116872"/>
                  </a:moveTo>
                  <a:cubicBezTo>
                    <a:pt x="12001" y="114300"/>
                    <a:pt x="10668" y="102965"/>
                    <a:pt x="12763" y="101537"/>
                  </a:cubicBezTo>
                  <a:cubicBezTo>
                    <a:pt x="14859" y="100108"/>
                    <a:pt x="30385" y="110300"/>
                    <a:pt x="32766" y="111062"/>
                  </a:cubicBezTo>
                  <a:cubicBezTo>
                    <a:pt x="42434" y="114853"/>
                    <a:pt x="52549" y="117377"/>
                    <a:pt x="62865" y="118586"/>
                  </a:cubicBezTo>
                  <a:cubicBezTo>
                    <a:pt x="67970" y="118301"/>
                    <a:pt x="73047" y="117539"/>
                    <a:pt x="78010" y="116300"/>
                  </a:cubicBezTo>
                  <a:cubicBezTo>
                    <a:pt x="88411" y="113824"/>
                    <a:pt x="99041" y="112481"/>
                    <a:pt x="109728" y="112300"/>
                  </a:cubicBezTo>
                  <a:cubicBezTo>
                    <a:pt x="124654" y="113319"/>
                    <a:pt x="139360" y="116529"/>
                    <a:pt x="153353" y="121825"/>
                  </a:cubicBezTo>
                  <a:lnTo>
                    <a:pt x="153353" y="27527"/>
                  </a:lnTo>
                  <a:cubicBezTo>
                    <a:pt x="139379" y="21965"/>
                    <a:pt x="124635" y="18583"/>
                    <a:pt x="109633" y="17526"/>
                  </a:cubicBezTo>
                  <a:cubicBezTo>
                    <a:pt x="99336" y="17764"/>
                    <a:pt x="89068" y="18879"/>
                    <a:pt x="78962" y="20860"/>
                  </a:cubicBezTo>
                  <a:cubicBezTo>
                    <a:pt x="71533" y="22441"/>
                    <a:pt x="63979" y="23365"/>
                    <a:pt x="56388" y="23622"/>
                  </a:cubicBezTo>
                  <a:cubicBezTo>
                    <a:pt x="46339" y="23393"/>
                    <a:pt x="36519" y="20641"/>
                    <a:pt x="27813" y="15621"/>
                  </a:cubicBezTo>
                  <a:lnTo>
                    <a:pt x="15621" y="15621"/>
                  </a:lnTo>
                  <a:lnTo>
                    <a:pt x="15621" y="281178"/>
                  </a:lnTo>
                  <a:cubicBezTo>
                    <a:pt x="15621" y="285493"/>
                    <a:pt x="12125" y="288989"/>
                    <a:pt x="7811" y="288989"/>
                  </a:cubicBezTo>
                  <a:cubicBezTo>
                    <a:pt x="3496" y="288989"/>
                    <a:pt x="0" y="285493"/>
                    <a:pt x="0" y="281178"/>
                  </a:cubicBezTo>
                  <a:lnTo>
                    <a:pt x="0" y="7811"/>
                  </a:lnTo>
                  <a:cubicBezTo>
                    <a:pt x="0" y="3496"/>
                    <a:pt x="3496" y="0"/>
                    <a:pt x="7811" y="0"/>
                  </a:cubicBezTo>
                  <a:lnTo>
                    <a:pt x="30004" y="0"/>
                  </a:lnTo>
                  <a:cubicBezTo>
                    <a:pt x="31537" y="0"/>
                    <a:pt x="33023" y="467"/>
                    <a:pt x="34290" y="1334"/>
                  </a:cubicBezTo>
                  <a:cubicBezTo>
                    <a:pt x="40910" y="5467"/>
                    <a:pt x="48492" y="7801"/>
                    <a:pt x="56293" y="8096"/>
                  </a:cubicBezTo>
                  <a:cubicBezTo>
                    <a:pt x="62989" y="7820"/>
                    <a:pt x="69647" y="6991"/>
                    <a:pt x="76200" y="5620"/>
                  </a:cubicBezTo>
                  <a:cubicBezTo>
                    <a:pt x="87173" y="3372"/>
                    <a:pt x="98336" y="2124"/>
                    <a:pt x="109538" y="1905"/>
                  </a:cubicBezTo>
                  <a:cubicBezTo>
                    <a:pt x="128292" y="3296"/>
                    <a:pt x="146695" y="7734"/>
                    <a:pt x="164021" y="15050"/>
                  </a:cubicBezTo>
                  <a:cubicBezTo>
                    <a:pt x="166887" y="16269"/>
                    <a:pt x="168764" y="19079"/>
                    <a:pt x="168783" y="22193"/>
                  </a:cubicBezTo>
                  <a:lnTo>
                    <a:pt x="168783" y="133064"/>
                  </a:lnTo>
                  <a:cubicBezTo>
                    <a:pt x="168754" y="135627"/>
                    <a:pt x="167478" y="138008"/>
                    <a:pt x="165354" y="139446"/>
                  </a:cubicBezTo>
                  <a:cubicBezTo>
                    <a:pt x="163211" y="140961"/>
                    <a:pt x="160430" y="141256"/>
                    <a:pt x="158020" y="140208"/>
                  </a:cubicBezTo>
                  <a:cubicBezTo>
                    <a:pt x="142570" y="133836"/>
                    <a:pt x="126263" y="129759"/>
                    <a:pt x="109633" y="128111"/>
                  </a:cubicBezTo>
                  <a:cubicBezTo>
                    <a:pt x="100003" y="128311"/>
                    <a:pt x="90421" y="129559"/>
                    <a:pt x="81058" y="131826"/>
                  </a:cubicBezTo>
                  <a:cubicBezTo>
                    <a:pt x="75028" y="133255"/>
                    <a:pt x="68866" y="134122"/>
                    <a:pt x="62675" y="134398"/>
                  </a:cubicBezTo>
                  <a:cubicBezTo>
                    <a:pt x="54140" y="133864"/>
                    <a:pt x="45720" y="132198"/>
                    <a:pt x="37624" y="129445"/>
                  </a:cubicBezTo>
                </a:path>
              </a:pathLst>
            </a:custGeom>
            <a:solidFill>
              <a:schemeClr val="tx2"/>
            </a:solidFill>
            <a:ln w="9525" cap="flat">
              <a:noFill/>
              <a:prstDash val="solid"/>
              <a:miter/>
            </a:ln>
          </p:spPr>
          <p:txBody>
            <a:bodyPr rtlCol="0" anchor="ctr"/>
            <a:lstStyle/>
            <a:p>
              <a:endParaRPr lang="en-AU" sz="153"/>
            </a:p>
          </p:txBody>
        </p:sp>
        <p:sp>
          <p:nvSpPr>
            <p:cNvPr id="59" name="Freeform: Shape 58">
              <a:extLst>
                <a:ext uri="{FF2B5EF4-FFF2-40B4-BE49-F238E27FC236}">
                  <a16:creationId xmlns:a16="http://schemas.microsoft.com/office/drawing/2014/main" id="{EA9C9ECC-C2BF-95D9-6086-B284A156FE9F}"/>
                </a:ext>
              </a:extLst>
            </p:cNvPr>
            <p:cNvSpPr/>
            <p:nvPr/>
          </p:nvSpPr>
          <p:spPr>
            <a:xfrm>
              <a:off x="1943094" y="3045841"/>
              <a:ext cx="126944" cy="222791"/>
            </a:xfrm>
            <a:custGeom>
              <a:avLst/>
              <a:gdLst>
                <a:gd name="connsiteX0" fmla="*/ 119258 w 126944"/>
                <a:gd name="connsiteY0" fmla="*/ 222790 h 222791"/>
                <a:gd name="connsiteX1" fmla="*/ 114591 w 126944"/>
                <a:gd name="connsiteY1" fmla="*/ 221171 h 222791"/>
                <a:gd name="connsiteX2" fmla="*/ 2767 w 126944"/>
                <a:gd name="connsiteY2" fmla="*/ 135446 h 222791"/>
                <a:gd name="connsiteX3" fmla="*/ 5 w 126944"/>
                <a:gd name="connsiteY3" fmla="*/ 129159 h 222791"/>
                <a:gd name="connsiteX4" fmla="*/ 5 w 126944"/>
                <a:gd name="connsiteY4" fmla="*/ 7810 h 222791"/>
                <a:gd name="connsiteX5" fmla="*/ 7720 w 126944"/>
                <a:gd name="connsiteY5" fmla="*/ 0 h 222791"/>
                <a:gd name="connsiteX6" fmla="*/ 15531 w 126944"/>
                <a:gd name="connsiteY6" fmla="*/ 7810 h 222791"/>
                <a:gd name="connsiteX7" fmla="*/ 15531 w 126944"/>
                <a:gd name="connsiteY7" fmla="*/ 125254 h 222791"/>
                <a:gd name="connsiteX8" fmla="*/ 123830 w 126944"/>
                <a:gd name="connsiteY8" fmla="*/ 208883 h 222791"/>
                <a:gd name="connsiteX9" fmla="*/ 125421 w 126944"/>
                <a:gd name="connsiteY9" fmla="*/ 219675 h 222791"/>
                <a:gd name="connsiteX10" fmla="*/ 119068 w 126944"/>
                <a:gd name="connsiteY10" fmla="*/ 222790 h 2227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944" h="222791">
                  <a:moveTo>
                    <a:pt x="119258" y="222790"/>
                  </a:moveTo>
                  <a:cubicBezTo>
                    <a:pt x="117563" y="222809"/>
                    <a:pt x="115915" y="222237"/>
                    <a:pt x="114591" y="221171"/>
                  </a:cubicBezTo>
                  <a:lnTo>
                    <a:pt x="2767" y="135446"/>
                  </a:lnTo>
                  <a:cubicBezTo>
                    <a:pt x="939" y="133883"/>
                    <a:pt x="-81" y="131569"/>
                    <a:pt x="5" y="129159"/>
                  </a:cubicBezTo>
                  <a:lnTo>
                    <a:pt x="5" y="7810"/>
                  </a:lnTo>
                  <a:cubicBezTo>
                    <a:pt x="5" y="3534"/>
                    <a:pt x="3443" y="48"/>
                    <a:pt x="7720" y="0"/>
                  </a:cubicBezTo>
                  <a:cubicBezTo>
                    <a:pt x="12035" y="0"/>
                    <a:pt x="15531" y="3496"/>
                    <a:pt x="15531" y="7810"/>
                  </a:cubicBezTo>
                  <a:lnTo>
                    <a:pt x="15531" y="125254"/>
                  </a:lnTo>
                  <a:lnTo>
                    <a:pt x="123830" y="208883"/>
                  </a:lnTo>
                  <a:cubicBezTo>
                    <a:pt x="127249" y="211426"/>
                    <a:pt x="127964" y="216256"/>
                    <a:pt x="125421" y="219675"/>
                  </a:cubicBezTo>
                  <a:cubicBezTo>
                    <a:pt x="123935" y="221685"/>
                    <a:pt x="121563" y="222837"/>
                    <a:pt x="119068" y="222790"/>
                  </a:cubicBezTo>
                  <a:close/>
                </a:path>
              </a:pathLst>
            </a:custGeom>
            <a:solidFill>
              <a:schemeClr val="tx2"/>
            </a:solidFill>
            <a:ln w="9525" cap="flat">
              <a:noFill/>
              <a:prstDash val="solid"/>
              <a:miter/>
            </a:ln>
          </p:spPr>
          <p:txBody>
            <a:bodyPr rtlCol="0" anchor="ctr"/>
            <a:lstStyle/>
            <a:p>
              <a:endParaRPr lang="en-AU" sz="153"/>
            </a:p>
          </p:txBody>
        </p:sp>
        <p:sp>
          <p:nvSpPr>
            <p:cNvPr id="60" name="Freeform: Shape 59">
              <a:extLst>
                <a:ext uri="{FF2B5EF4-FFF2-40B4-BE49-F238E27FC236}">
                  <a16:creationId xmlns:a16="http://schemas.microsoft.com/office/drawing/2014/main" id="{DE113AA2-0FD7-645D-59E5-48688C30C1F8}"/>
                </a:ext>
              </a:extLst>
            </p:cNvPr>
            <p:cNvSpPr/>
            <p:nvPr/>
          </p:nvSpPr>
          <p:spPr>
            <a:xfrm>
              <a:off x="1773368" y="3045841"/>
              <a:ext cx="127345" cy="222789"/>
            </a:xfrm>
            <a:custGeom>
              <a:avLst/>
              <a:gdLst>
                <a:gd name="connsiteX0" fmla="*/ 7806 w 127345"/>
                <a:gd name="connsiteY0" fmla="*/ 222790 h 222789"/>
                <a:gd name="connsiteX1" fmla="*/ 1615 w 127345"/>
                <a:gd name="connsiteY1" fmla="*/ 219742 h 222789"/>
                <a:gd name="connsiteX2" fmla="*/ 2996 w 127345"/>
                <a:gd name="connsiteY2" fmla="*/ 208921 h 222789"/>
                <a:gd name="connsiteX3" fmla="*/ 3044 w 127345"/>
                <a:gd name="connsiteY3" fmla="*/ 208883 h 222789"/>
                <a:gd name="connsiteX4" fmla="*/ 111819 w 127345"/>
                <a:gd name="connsiteY4" fmla="*/ 125254 h 222789"/>
                <a:gd name="connsiteX5" fmla="*/ 111819 w 127345"/>
                <a:gd name="connsiteY5" fmla="*/ 7810 h 222789"/>
                <a:gd name="connsiteX6" fmla="*/ 119535 w 127345"/>
                <a:gd name="connsiteY6" fmla="*/ 0 h 222789"/>
                <a:gd name="connsiteX7" fmla="*/ 127345 w 127345"/>
                <a:gd name="connsiteY7" fmla="*/ 7810 h 222789"/>
                <a:gd name="connsiteX8" fmla="*/ 127345 w 127345"/>
                <a:gd name="connsiteY8" fmla="*/ 129159 h 222789"/>
                <a:gd name="connsiteX9" fmla="*/ 124297 w 127345"/>
                <a:gd name="connsiteY9" fmla="*/ 135350 h 222789"/>
                <a:gd name="connsiteX10" fmla="*/ 12569 w 127345"/>
                <a:gd name="connsiteY10" fmla="*/ 221075 h 222789"/>
                <a:gd name="connsiteX11" fmla="*/ 7806 w 127345"/>
                <a:gd name="connsiteY11" fmla="*/ 222790 h 2227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7345" h="222789">
                  <a:moveTo>
                    <a:pt x="7806" y="222790"/>
                  </a:moveTo>
                  <a:cubicBezTo>
                    <a:pt x="5377" y="222790"/>
                    <a:pt x="3091" y="221666"/>
                    <a:pt x="1615" y="219742"/>
                  </a:cubicBezTo>
                  <a:cubicBezTo>
                    <a:pt x="-995" y="216370"/>
                    <a:pt x="-376" y="211522"/>
                    <a:pt x="2996" y="208921"/>
                  </a:cubicBezTo>
                  <a:cubicBezTo>
                    <a:pt x="3015" y="208902"/>
                    <a:pt x="3025" y="208893"/>
                    <a:pt x="3044" y="208883"/>
                  </a:cubicBezTo>
                  <a:lnTo>
                    <a:pt x="111819" y="125254"/>
                  </a:lnTo>
                  <a:lnTo>
                    <a:pt x="111819" y="7810"/>
                  </a:lnTo>
                  <a:cubicBezTo>
                    <a:pt x="111819" y="3534"/>
                    <a:pt x="115258" y="48"/>
                    <a:pt x="119535" y="0"/>
                  </a:cubicBezTo>
                  <a:cubicBezTo>
                    <a:pt x="123849" y="0"/>
                    <a:pt x="127345" y="3496"/>
                    <a:pt x="127345" y="7810"/>
                  </a:cubicBezTo>
                  <a:lnTo>
                    <a:pt x="127345" y="129159"/>
                  </a:lnTo>
                  <a:cubicBezTo>
                    <a:pt x="127316" y="131578"/>
                    <a:pt x="126193" y="133855"/>
                    <a:pt x="124297" y="135350"/>
                  </a:cubicBezTo>
                  <a:lnTo>
                    <a:pt x="12569" y="221075"/>
                  </a:lnTo>
                  <a:cubicBezTo>
                    <a:pt x="11226" y="222171"/>
                    <a:pt x="9540" y="222780"/>
                    <a:pt x="7806" y="222790"/>
                  </a:cubicBezTo>
                  <a:close/>
                </a:path>
              </a:pathLst>
            </a:custGeom>
            <a:solidFill>
              <a:schemeClr val="tx2"/>
            </a:solidFill>
            <a:ln w="9525" cap="flat">
              <a:noFill/>
              <a:prstDash val="solid"/>
              <a:miter/>
            </a:ln>
          </p:spPr>
          <p:txBody>
            <a:bodyPr rtlCol="0" anchor="ctr"/>
            <a:lstStyle/>
            <a:p>
              <a:endParaRPr lang="en-AU" sz="153"/>
            </a:p>
          </p:txBody>
        </p:sp>
      </p:grpSp>
      <p:grpSp>
        <p:nvGrpSpPr>
          <p:cNvPr id="61" name="Group 60">
            <a:extLst>
              <a:ext uri="{FF2B5EF4-FFF2-40B4-BE49-F238E27FC236}">
                <a16:creationId xmlns:a16="http://schemas.microsoft.com/office/drawing/2014/main" id="{4329F454-44C8-80F1-D746-697AE79A865E}"/>
              </a:ext>
            </a:extLst>
          </p:cNvPr>
          <p:cNvGrpSpPr/>
          <p:nvPr/>
        </p:nvGrpSpPr>
        <p:grpSpPr>
          <a:xfrm>
            <a:off x="4856929" y="2572435"/>
            <a:ext cx="587652" cy="524754"/>
            <a:chOff x="1170361" y="2190305"/>
            <a:chExt cx="420076" cy="419150"/>
          </a:xfrm>
        </p:grpSpPr>
        <p:sp>
          <p:nvSpPr>
            <p:cNvPr id="62" name="Graphic 2">
              <a:extLst>
                <a:ext uri="{FF2B5EF4-FFF2-40B4-BE49-F238E27FC236}">
                  <a16:creationId xmlns:a16="http://schemas.microsoft.com/office/drawing/2014/main" id="{18F9A79A-1C70-819F-43F2-9FFEFCA75C64}"/>
                </a:ext>
              </a:extLst>
            </p:cNvPr>
            <p:cNvSpPr/>
            <p:nvPr/>
          </p:nvSpPr>
          <p:spPr>
            <a:xfrm>
              <a:off x="1432179" y="2466149"/>
              <a:ext cx="84581" cy="143255"/>
            </a:xfrm>
            <a:custGeom>
              <a:avLst/>
              <a:gdLst>
                <a:gd name="connsiteX0" fmla="*/ 0 w 84581"/>
                <a:gd name="connsiteY0" fmla="*/ 0 h 143255"/>
                <a:gd name="connsiteX1" fmla="*/ 84582 w 84581"/>
                <a:gd name="connsiteY1" fmla="*/ 0 h 143255"/>
                <a:gd name="connsiteX2" fmla="*/ 84582 w 84581"/>
                <a:gd name="connsiteY2" fmla="*/ 143256 h 143255"/>
                <a:gd name="connsiteX3" fmla="*/ 0 w 84581"/>
                <a:gd name="connsiteY3" fmla="*/ 143256 h 143255"/>
              </a:gdLst>
              <a:ahLst/>
              <a:cxnLst>
                <a:cxn ang="0">
                  <a:pos x="connsiteX0" y="connsiteY0"/>
                </a:cxn>
                <a:cxn ang="0">
                  <a:pos x="connsiteX1" y="connsiteY1"/>
                </a:cxn>
                <a:cxn ang="0">
                  <a:pos x="connsiteX2" y="connsiteY2"/>
                </a:cxn>
                <a:cxn ang="0">
                  <a:pos x="connsiteX3" y="connsiteY3"/>
                </a:cxn>
              </a:cxnLst>
              <a:rect l="l" t="t" r="r" b="b"/>
              <a:pathLst>
                <a:path w="84581" h="143255">
                  <a:moveTo>
                    <a:pt x="0" y="0"/>
                  </a:moveTo>
                  <a:lnTo>
                    <a:pt x="84582" y="0"/>
                  </a:lnTo>
                  <a:lnTo>
                    <a:pt x="84582" y="143256"/>
                  </a:lnTo>
                  <a:lnTo>
                    <a:pt x="0" y="143256"/>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3" name="Graphic 2">
              <a:extLst>
                <a:ext uri="{FF2B5EF4-FFF2-40B4-BE49-F238E27FC236}">
                  <a16:creationId xmlns:a16="http://schemas.microsoft.com/office/drawing/2014/main" id="{640E2C5B-EB30-746A-0EE6-C84B622C6989}"/>
                </a:ext>
              </a:extLst>
            </p:cNvPr>
            <p:cNvSpPr/>
            <p:nvPr/>
          </p:nvSpPr>
          <p:spPr>
            <a:xfrm>
              <a:off x="1365980" y="2208212"/>
              <a:ext cx="211073" cy="197548"/>
            </a:xfrm>
            <a:custGeom>
              <a:avLst/>
              <a:gdLst>
                <a:gd name="connsiteX0" fmla="*/ 120491 w 211073"/>
                <a:gd name="connsiteY0" fmla="*/ 197549 h 197548"/>
                <a:gd name="connsiteX1" fmla="*/ 169640 w 211073"/>
                <a:gd name="connsiteY1" fmla="*/ 187357 h 197548"/>
                <a:gd name="connsiteX2" fmla="*/ 206502 w 211073"/>
                <a:gd name="connsiteY2" fmla="*/ 132397 h 197548"/>
                <a:gd name="connsiteX3" fmla="*/ 211074 w 211073"/>
                <a:gd name="connsiteY3" fmla="*/ 70009 h 197548"/>
                <a:gd name="connsiteX4" fmla="*/ 179737 w 211073"/>
                <a:gd name="connsiteY4" fmla="*/ 16859 h 197548"/>
                <a:gd name="connsiteX5" fmla="*/ 154781 w 211073"/>
                <a:gd name="connsiteY5" fmla="*/ 4191 h 197548"/>
                <a:gd name="connsiteX6" fmla="*/ 146780 w 211073"/>
                <a:gd name="connsiteY6" fmla="*/ 91916 h 197548"/>
                <a:gd name="connsiteX7" fmla="*/ 70294 w 211073"/>
                <a:gd name="connsiteY7" fmla="*/ 91916 h 197548"/>
                <a:gd name="connsiteX8" fmla="*/ 64294 w 211073"/>
                <a:gd name="connsiteY8" fmla="*/ 0 h 197548"/>
                <a:gd name="connsiteX9" fmla="*/ 17050 w 211073"/>
                <a:gd name="connsiteY9" fmla="*/ 37147 h 197548"/>
                <a:gd name="connsiteX10" fmla="*/ 0 w 211073"/>
                <a:gd name="connsiteY10" fmla="*/ 114871 h 197548"/>
                <a:gd name="connsiteX11" fmla="*/ 47149 w 211073"/>
                <a:gd name="connsiteY11" fmla="*/ 185166 h 197548"/>
                <a:gd name="connsiteX12" fmla="*/ 82105 w 211073"/>
                <a:gd name="connsiteY12" fmla="*/ 197549 h 197548"/>
                <a:gd name="connsiteX13" fmla="*/ 120491 w 211073"/>
                <a:gd name="connsiteY13" fmla="*/ 197549 h 197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1073" h="197548">
                  <a:moveTo>
                    <a:pt x="120491" y="197549"/>
                  </a:moveTo>
                  <a:lnTo>
                    <a:pt x="169640" y="187357"/>
                  </a:lnTo>
                  <a:lnTo>
                    <a:pt x="206502" y="132397"/>
                  </a:lnTo>
                  <a:lnTo>
                    <a:pt x="211074" y="70009"/>
                  </a:lnTo>
                  <a:lnTo>
                    <a:pt x="179737" y="16859"/>
                  </a:lnTo>
                  <a:lnTo>
                    <a:pt x="154781" y="4191"/>
                  </a:lnTo>
                  <a:lnTo>
                    <a:pt x="146780" y="91916"/>
                  </a:lnTo>
                  <a:lnTo>
                    <a:pt x="70294" y="91916"/>
                  </a:lnTo>
                  <a:lnTo>
                    <a:pt x="64294" y="0"/>
                  </a:lnTo>
                  <a:lnTo>
                    <a:pt x="17050" y="37147"/>
                  </a:lnTo>
                  <a:lnTo>
                    <a:pt x="0" y="114871"/>
                  </a:lnTo>
                  <a:lnTo>
                    <a:pt x="47149" y="185166"/>
                  </a:lnTo>
                  <a:lnTo>
                    <a:pt x="82105" y="197549"/>
                  </a:lnTo>
                  <a:lnTo>
                    <a:pt x="120491" y="197549"/>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4" name="Graphic 2">
              <a:extLst>
                <a:ext uri="{FF2B5EF4-FFF2-40B4-BE49-F238E27FC236}">
                  <a16:creationId xmlns:a16="http://schemas.microsoft.com/office/drawing/2014/main" id="{CF529894-7F92-C95C-7573-AAC9BA116C0B}"/>
                </a:ext>
              </a:extLst>
            </p:cNvPr>
            <p:cNvSpPr/>
            <p:nvPr/>
          </p:nvSpPr>
          <p:spPr>
            <a:xfrm>
              <a:off x="1219485" y="2198878"/>
              <a:ext cx="95821" cy="319658"/>
            </a:xfrm>
            <a:custGeom>
              <a:avLst/>
              <a:gdLst>
                <a:gd name="connsiteX0" fmla="*/ 69056 w 95821"/>
                <a:gd name="connsiteY0" fmla="*/ 319659 h 319658"/>
                <a:gd name="connsiteX1" fmla="*/ 69056 w 95821"/>
                <a:gd name="connsiteY1" fmla="*/ 165068 h 319658"/>
                <a:gd name="connsiteX2" fmla="*/ 95821 w 95821"/>
                <a:gd name="connsiteY2" fmla="*/ 78581 h 319658"/>
                <a:gd name="connsiteX3" fmla="*/ 82487 w 95821"/>
                <a:gd name="connsiteY3" fmla="*/ 0 h 319658"/>
                <a:gd name="connsiteX4" fmla="*/ 13716 w 95821"/>
                <a:gd name="connsiteY4" fmla="*/ 0 h 319658"/>
                <a:gd name="connsiteX5" fmla="*/ 0 w 95821"/>
                <a:gd name="connsiteY5" fmla="*/ 80963 h 319658"/>
                <a:gd name="connsiteX6" fmla="*/ 29813 w 95821"/>
                <a:gd name="connsiteY6" fmla="*/ 166973 h 319658"/>
                <a:gd name="connsiteX7" fmla="*/ 30385 w 95821"/>
                <a:gd name="connsiteY7" fmla="*/ 319659 h 319658"/>
                <a:gd name="connsiteX8" fmla="*/ 69056 w 95821"/>
                <a:gd name="connsiteY8" fmla="*/ 319659 h 3196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5821" h="319658">
                  <a:moveTo>
                    <a:pt x="69056" y="319659"/>
                  </a:moveTo>
                  <a:lnTo>
                    <a:pt x="69056" y="165068"/>
                  </a:lnTo>
                  <a:lnTo>
                    <a:pt x="95821" y="78581"/>
                  </a:lnTo>
                  <a:lnTo>
                    <a:pt x="82487" y="0"/>
                  </a:lnTo>
                  <a:lnTo>
                    <a:pt x="13716" y="0"/>
                  </a:lnTo>
                  <a:lnTo>
                    <a:pt x="0" y="80963"/>
                  </a:lnTo>
                  <a:lnTo>
                    <a:pt x="29813" y="166973"/>
                  </a:lnTo>
                  <a:lnTo>
                    <a:pt x="30385" y="319659"/>
                  </a:lnTo>
                  <a:lnTo>
                    <a:pt x="69056" y="319659"/>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5" name="Graphic 2">
              <a:extLst>
                <a:ext uri="{FF2B5EF4-FFF2-40B4-BE49-F238E27FC236}">
                  <a16:creationId xmlns:a16="http://schemas.microsoft.com/office/drawing/2014/main" id="{4A44D188-A746-E562-74C6-9D07596FBCA8}"/>
                </a:ext>
              </a:extLst>
            </p:cNvPr>
            <p:cNvSpPr/>
            <p:nvPr/>
          </p:nvSpPr>
          <p:spPr>
            <a:xfrm>
              <a:off x="1433798" y="2409666"/>
              <a:ext cx="84581" cy="56578"/>
            </a:xfrm>
            <a:custGeom>
              <a:avLst/>
              <a:gdLst>
                <a:gd name="connsiteX0" fmla="*/ 0 w 84581"/>
                <a:gd name="connsiteY0" fmla="*/ 0 h 56578"/>
                <a:gd name="connsiteX1" fmla="*/ 84582 w 84581"/>
                <a:gd name="connsiteY1" fmla="*/ 0 h 56578"/>
                <a:gd name="connsiteX2" fmla="*/ 84582 w 84581"/>
                <a:gd name="connsiteY2" fmla="*/ 56578 h 56578"/>
                <a:gd name="connsiteX3" fmla="*/ 0 w 84581"/>
                <a:gd name="connsiteY3" fmla="*/ 56578 h 56578"/>
              </a:gdLst>
              <a:ahLst/>
              <a:cxnLst>
                <a:cxn ang="0">
                  <a:pos x="connsiteX0" y="connsiteY0"/>
                </a:cxn>
                <a:cxn ang="0">
                  <a:pos x="connsiteX1" y="connsiteY1"/>
                </a:cxn>
                <a:cxn ang="0">
                  <a:pos x="connsiteX2" y="connsiteY2"/>
                </a:cxn>
                <a:cxn ang="0">
                  <a:pos x="connsiteX3" y="connsiteY3"/>
                </a:cxn>
              </a:cxnLst>
              <a:rect l="l" t="t" r="r" b="b"/>
              <a:pathLst>
                <a:path w="84581" h="56578">
                  <a:moveTo>
                    <a:pt x="0" y="0"/>
                  </a:moveTo>
                  <a:lnTo>
                    <a:pt x="84582" y="0"/>
                  </a:lnTo>
                  <a:lnTo>
                    <a:pt x="84582" y="56578"/>
                  </a:lnTo>
                  <a:lnTo>
                    <a:pt x="0" y="56578"/>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6" name="Graphic 2">
              <a:extLst>
                <a:ext uri="{FF2B5EF4-FFF2-40B4-BE49-F238E27FC236}">
                  <a16:creationId xmlns:a16="http://schemas.microsoft.com/office/drawing/2014/main" id="{4A166986-762E-BDBB-1887-077153064564}"/>
                </a:ext>
              </a:extLst>
            </p:cNvPr>
            <p:cNvSpPr/>
            <p:nvPr/>
          </p:nvSpPr>
          <p:spPr>
            <a:xfrm>
              <a:off x="1170361" y="2190305"/>
              <a:ext cx="420076" cy="419150"/>
            </a:xfrm>
            <a:custGeom>
              <a:avLst/>
              <a:gdLst>
                <a:gd name="connsiteX0" fmla="*/ 410788 w 420076"/>
                <a:gd name="connsiteY0" fmla="*/ 401098 h 419150"/>
                <a:gd name="connsiteX1" fmla="*/ 357639 w 420076"/>
                <a:gd name="connsiteY1" fmla="*/ 401098 h 419150"/>
                <a:gd name="connsiteX2" fmla="*/ 353257 w 420076"/>
                <a:gd name="connsiteY2" fmla="*/ 396907 h 419150"/>
                <a:gd name="connsiteX3" fmla="*/ 353257 w 420076"/>
                <a:gd name="connsiteY3" fmla="*/ 396716 h 419150"/>
                <a:gd name="connsiteX4" fmla="*/ 353257 w 420076"/>
                <a:gd name="connsiteY4" fmla="*/ 223552 h 419150"/>
                <a:gd name="connsiteX5" fmla="*/ 355639 w 420076"/>
                <a:gd name="connsiteY5" fmla="*/ 219647 h 419150"/>
                <a:gd name="connsiteX6" fmla="*/ 408015 w 420076"/>
                <a:gd name="connsiteY6" fmla="*/ 64446 h 419150"/>
                <a:gd name="connsiteX7" fmla="*/ 347638 w 420076"/>
                <a:gd name="connsiteY7" fmla="*/ 8477 h 419150"/>
                <a:gd name="connsiteX8" fmla="*/ 344209 w 420076"/>
                <a:gd name="connsiteY8" fmla="*/ 7811 h 419150"/>
                <a:gd name="connsiteX9" fmla="*/ 335255 w 420076"/>
                <a:gd name="connsiteY9" fmla="*/ 16859 h 419150"/>
                <a:gd name="connsiteX10" fmla="*/ 335255 w 420076"/>
                <a:gd name="connsiteY10" fmla="*/ 102584 h 419150"/>
                <a:gd name="connsiteX11" fmla="*/ 330874 w 420076"/>
                <a:gd name="connsiteY11" fmla="*/ 106966 h 419150"/>
                <a:gd name="connsiteX12" fmla="*/ 277438 w 420076"/>
                <a:gd name="connsiteY12" fmla="*/ 106966 h 419150"/>
                <a:gd name="connsiteX13" fmla="*/ 273057 w 420076"/>
                <a:gd name="connsiteY13" fmla="*/ 102584 h 419150"/>
                <a:gd name="connsiteX14" fmla="*/ 273057 w 420076"/>
                <a:gd name="connsiteY14" fmla="*/ 16859 h 419150"/>
                <a:gd name="connsiteX15" fmla="*/ 269152 w 420076"/>
                <a:gd name="connsiteY15" fmla="*/ 9335 h 419150"/>
                <a:gd name="connsiteX16" fmla="*/ 264103 w 420076"/>
                <a:gd name="connsiteY16" fmla="*/ 7811 h 419150"/>
                <a:gd name="connsiteX17" fmla="*/ 260770 w 420076"/>
                <a:gd name="connsiteY17" fmla="*/ 8477 h 419150"/>
                <a:gd name="connsiteX18" fmla="*/ 196726 w 420076"/>
                <a:gd name="connsiteY18" fmla="*/ 159239 h 419150"/>
                <a:gd name="connsiteX19" fmla="*/ 252673 w 420076"/>
                <a:gd name="connsiteY19" fmla="*/ 219647 h 419150"/>
                <a:gd name="connsiteX20" fmla="*/ 255150 w 420076"/>
                <a:gd name="connsiteY20" fmla="*/ 223552 h 419150"/>
                <a:gd name="connsiteX21" fmla="*/ 255150 w 420076"/>
                <a:gd name="connsiteY21" fmla="*/ 396716 h 419150"/>
                <a:gd name="connsiteX22" fmla="*/ 250768 w 420076"/>
                <a:gd name="connsiteY22" fmla="*/ 401098 h 419150"/>
                <a:gd name="connsiteX23" fmla="*/ 170377 w 420076"/>
                <a:gd name="connsiteY23" fmla="*/ 401098 h 419150"/>
                <a:gd name="connsiteX24" fmla="*/ 165996 w 420076"/>
                <a:gd name="connsiteY24" fmla="*/ 396716 h 419150"/>
                <a:gd name="connsiteX25" fmla="*/ 165996 w 420076"/>
                <a:gd name="connsiteY25" fmla="*/ 341852 h 419150"/>
                <a:gd name="connsiteX26" fmla="*/ 166948 w 420076"/>
                <a:gd name="connsiteY26" fmla="*/ 340328 h 419150"/>
                <a:gd name="connsiteX27" fmla="*/ 170187 w 420076"/>
                <a:gd name="connsiteY27" fmla="*/ 338900 h 419150"/>
                <a:gd name="connsiteX28" fmla="*/ 183808 w 420076"/>
                <a:gd name="connsiteY28" fmla="*/ 338900 h 419150"/>
                <a:gd name="connsiteX29" fmla="*/ 191882 w 420076"/>
                <a:gd name="connsiteY29" fmla="*/ 328975 h 419150"/>
                <a:gd name="connsiteX30" fmla="*/ 183808 w 420076"/>
                <a:gd name="connsiteY30" fmla="*/ 320897 h 419150"/>
                <a:gd name="connsiteX31" fmla="*/ 130277 w 420076"/>
                <a:gd name="connsiteY31" fmla="*/ 320897 h 419150"/>
                <a:gd name="connsiteX32" fmla="*/ 125896 w 420076"/>
                <a:gd name="connsiteY32" fmla="*/ 316516 h 419150"/>
                <a:gd name="connsiteX33" fmla="*/ 125896 w 420076"/>
                <a:gd name="connsiteY33" fmla="*/ 171641 h 419150"/>
                <a:gd name="connsiteX34" fmla="*/ 125896 w 420076"/>
                <a:gd name="connsiteY34" fmla="*/ 170212 h 419150"/>
                <a:gd name="connsiteX35" fmla="*/ 151994 w 420076"/>
                <a:gd name="connsiteY35" fmla="*/ 92012 h 419150"/>
                <a:gd name="connsiteX36" fmla="*/ 151994 w 420076"/>
                <a:gd name="connsiteY36" fmla="*/ 87725 h 419150"/>
                <a:gd name="connsiteX37" fmla="*/ 138564 w 420076"/>
                <a:gd name="connsiteY37" fmla="*/ 7525 h 419150"/>
                <a:gd name="connsiteX38" fmla="*/ 129706 w 420076"/>
                <a:gd name="connsiteY38" fmla="*/ 0 h 419150"/>
                <a:gd name="connsiteX39" fmla="*/ 63031 w 420076"/>
                <a:gd name="connsiteY39" fmla="*/ 0 h 419150"/>
                <a:gd name="connsiteX40" fmla="*/ 54172 w 420076"/>
                <a:gd name="connsiteY40" fmla="*/ 7525 h 419150"/>
                <a:gd name="connsiteX41" fmla="*/ 40837 w 420076"/>
                <a:gd name="connsiteY41" fmla="*/ 87725 h 419150"/>
                <a:gd name="connsiteX42" fmla="*/ 40837 w 420076"/>
                <a:gd name="connsiteY42" fmla="*/ 92012 h 419150"/>
                <a:gd name="connsiteX43" fmla="*/ 67888 w 420076"/>
                <a:gd name="connsiteY43" fmla="*/ 170212 h 419150"/>
                <a:gd name="connsiteX44" fmla="*/ 67888 w 420076"/>
                <a:gd name="connsiteY44" fmla="*/ 171641 h 419150"/>
                <a:gd name="connsiteX45" fmla="*/ 67888 w 420076"/>
                <a:gd name="connsiteY45" fmla="*/ 316516 h 419150"/>
                <a:gd name="connsiteX46" fmla="*/ 63507 w 420076"/>
                <a:gd name="connsiteY46" fmla="*/ 320897 h 419150"/>
                <a:gd name="connsiteX47" fmla="*/ 9976 w 420076"/>
                <a:gd name="connsiteY47" fmla="*/ 320897 h 419150"/>
                <a:gd name="connsiteX48" fmla="*/ 48 w 420076"/>
                <a:gd name="connsiteY48" fmla="*/ 328975 h 419150"/>
                <a:gd name="connsiteX49" fmla="*/ 8122 w 420076"/>
                <a:gd name="connsiteY49" fmla="*/ 338900 h 419150"/>
                <a:gd name="connsiteX50" fmla="*/ 9976 w 420076"/>
                <a:gd name="connsiteY50" fmla="*/ 338900 h 419150"/>
                <a:gd name="connsiteX51" fmla="*/ 23597 w 420076"/>
                <a:gd name="connsiteY51" fmla="*/ 338900 h 419150"/>
                <a:gd name="connsiteX52" fmla="*/ 26836 w 420076"/>
                <a:gd name="connsiteY52" fmla="*/ 340328 h 419150"/>
                <a:gd name="connsiteX53" fmla="*/ 27693 w 420076"/>
                <a:gd name="connsiteY53" fmla="*/ 341852 h 419150"/>
                <a:gd name="connsiteX54" fmla="*/ 27693 w 420076"/>
                <a:gd name="connsiteY54" fmla="*/ 396716 h 419150"/>
                <a:gd name="connsiteX55" fmla="*/ 23504 w 420076"/>
                <a:gd name="connsiteY55" fmla="*/ 401098 h 419150"/>
                <a:gd name="connsiteX56" fmla="*/ 23311 w 420076"/>
                <a:gd name="connsiteY56" fmla="*/ 401098 h 419150"/>
                <a:gd name="connsiteX57" fmla="*/ 9976 w 420076"/>
                <a:gd name="connsiteY57" fmla="*/ 401098 h 419150"/>
                <a:gd name="connsiteX58" fmla="*/ 48 w 420076"/>
                <a:gd name="connsiteY58" fmla="*/ 409175 h 419150"/>
                <a:gd name="connsiteX59" fmla="*/ 8122 w 420076"/>
                <a:gd name="connsiteY59" fmla="*/ 419100 h 419150"/>
                <a:gd name="connsiteX60" fmla="*/ 9976 w 420076"/>
                <a:gd name="connsiteY60" fmla="*/ 419100 h 419150"/>
                <a:gd name="connsiteX61" fmla="*/ 36646 w 420076"/>
                <a:gd name="connsiteY61" fmla="*/ 419100 h 419150"/>
                <a:gd name="connsiteX62" fmla="*/ 46153 w 420076"/>
                <a:gd name="connsiteY62" fmla="*/ 410737 h 419150"/>
                <a:gd name="connsiteX63" fmla="*/ 46171 w 420076"/>
                <a:gd name="connsiteY63" fmla="*/ 410147 h 419150"/>
                <a:gd name="connsiteX64" fmla="*/ 46171 w 420076"/>
                <a:gd name="connsiteY64" fmla="*/ 345948 h 419150"/>
                <a:gd name="connsiteX65" fmla="*/ 46171 w 420076"/>
                <a:gd name="connsiteY65" fmla="*/ 342805 h 419150"/>
                <a:gd name="connsiteX66" fmla="*/ 50553 w 420076"/>
                <a:gd name="connsiteY66" fmla="*/ 338900 h 419150"/>
                <a:gd name="connsiteX67" fmla="*/ 143136 w 420076"/>
                <a:gd name="connsiteY67" fmla="*/ 338900 h 419150"/>
                <a:gd name="connsiteX68" fmla="*/ 146470 w 420076"/>
                <a:gd name="connsiteY68" fmla="*/ 340328 h 419150"/>
                <a:gd name="connsiteX69" fmla="*/ 148375 w 420076"/>
                <a:gd name="connsiteY69" fmla="*/ 345948 h 419150"/>
                <a:gd name="connsiteX70" fmla="*/ 148375 w 420076"/>
                <a:gd name="connsiteY70" fmla="*/ 410147 h 419150"/>
                <a:gd name="connsiteX71" fmla="*/ 157328 w 420076"/>
                <a:gd name="connsiteY71" fmla="*/ 419100 h 419150"/>
                <a:gd name="connsiteX72" fmla="*/ 264008 w 420076"/>
                <a:gd name="connsiteY72" fmla="*/ 419100 h 419150"/>
                <a:gd name="connsiteX73" fmla="*/ 272962 w 420076"/>
                <a:gd name="connsiteY73" fmla="*/ 410147 h 419150"/>
                <a:gd name="connsiteX74" fmla="*/ 272962 w 420076"/>
                <a:gd name="connsiteY74" fmla="*/ 286322 h 419150"/>
                <a:gd name="connsiteX75" fmla="*/ 274676 w 420076"/>
                <a:gd name="connsiteY75" fmla="*/ 282893 h 419150"/>
                <a:gd name="connsiteX76" fmla="*/ 277343 w 420076"/>
                <a:gd name="connsiteY76" fmla="*/ 281940 h 419150"/>
                <a:gd name="connsiteX77" fmla="*/ 278391 w 420076"/>
                <a:gd name="connsiteY77" fmla="*/ 281940 h 419150"/>
                <a:gd name="connsiteX78" fmla="*/ 304108 w 420076"/>
                <a:gd name="connsiteY78" fmla="*/ 284893 h 419150"/>
                <a:gd name="connsiteX79" fmla="*/ 329921 w 420076"/>
                <a:gd name="connsiteY79" fmla="*/ 281940 h 419150"/>
                <a:gd name="connsiteX80" fmla="*/ 330874 w 420076"/>
                <a:gd name="connsiteY80" fmla="*/ 281940 h 419150"/>
                <a:gd name="connsiteX81" fmla="*/ 333636 w 420076"/>
                <a:gd name="connsiteY81" fmla="*/ 282893 h 419150"/>
                <a:gd name="connsiteX82" fmla="*/ 335255 w 420076"/>
                <a:gd name="connsiteY82" fmla="*/ 286322 h 419150"/>
                <a:gd name="connsiteX83" fmla="*/ 335255 w 420076"/>
                <a:gd name="connsiteY83" fmla="*/ 410147 h 419150"/>
                <a:gd name="connsiteX84" fmla="*/ 344209 w 420076"/>
                <a:gd name="connsiteY84" fmla="*/ 419100 h 419150"/>
                <a:gd name="connsiteX85" fmla="*/ 410884 w 420076"/>
                <a:gd name="connsiteY85" fmla="*/ 419100 h 419150"/>
                <a:gd name="connsiteX86" fmla="*/ 418958 w 420076"/>
                <a:gd name="connsiteY86" fmla="*/ 409175 h 419150"/>
                <a:gd name="connsiteX87" fmla="*/ 410884 w 420076"/>
                <a:gd name="connsiteY87" fmla="*/ 401098 h 419150"/>
                <a:gd name="connsiteX88" fmla="*/ 107893 w 420076"/>
                <a:gd name="connsiteY88" fmla="*/ 169450 h 419150"/>
                <a:gd name="connsiteX89" fmla="*/ 107893 w 420076"/>
                <a:gd name="connsiteY89" fmla="*/ 316516 h 419150"/>
                <a:gd name="connsiteX90" fmla="*/ 103512 w 420076"/>
                <a:gd name="connsiteY90" fmla="*/ 320897 h 419150"/>
                <a:gd name="connsiteX91" fmla="*/ 90177 w 420076"/>
                <a:gd name="connsiteY91" fmla="*/ 320897 h 419150"/>
                <a:gd name="connsiteX92" fmla="*/ 85795 w 420076"/>
                <a:gd name="connsiteY92" fmla="*/ 316516 h 419150"/>
                <a:gd name="connsiteX93" fmla="*/ 85795 w 420076"/>
                <a:gd name="connsiteY93" fmla="*/ 169450 h 419150"/>
                <a:gd name="connsiteX94" fmla="*/ 85319 w 420076"/>
                <a:gd name="connsiteY94" fmla="*/ 166592 h 419150"/>
                <a:gd name="connsiteX95" fmla="*/ 59602 w 420076"/>
                <a:gd name="connsiteY95" fmla="*/ 89345 h 419150"/>
                <a:gd name="connsiteX96" fmla="*/ 59602 w 420076"/>
                <a:gd name="connsiteY96" fmla="*/ 87249 h 419150"/>
                <a:gd name="connsiteX97" fmla="*/ 70555 w 420076"/>
                <a:gd name="connsiteY97" fmla="*/ 21431 h 419150"/>
                <a:gd name="connsiteX98" fmla="*/ 74842 w 420076"/>
                <a:gd name="connsiteY98" fmla="*/ 17812 h 419150"/>
                <a:gd name="connsiteX99" fmla="*/ 119038 w 420076"/>
                <a:gd name="connsiteY99" fmla="*/ 17812 h 419150"/>
                <a:gd name="connsiteX100" fmla="*/ 123419 w 420076"/>
                <a:gd name="connsiteY100" fmla="*/ 21431 h 419150"/>
                <a:gd name="connsiteX101" fmla="*/ 134563 w 420076"/>
                <a:gd name="connsiteY101" fmla="*/ 87440 h 419150"/>
                <a:gd name="connsiteX102" fmla="*/ 134563 w 420076"/>
                <a:gd name="connsiteY102" fmla="*/ 89535 h 419150"/>
                <a:gd name="connsiteX103" fmla="*/ 108846 w 420076"/>
                <a:gd name="connsiteY103" fmla="*/ 166592 h 419150"/>
                <a:gd name="connsiteX104" fmla="*/ 107893 w 420076"/>
                <a:gd name="connsiteY104" fmla="*/ 169450 h 419150"/>
                <a:gd name="connsiteX105" fmla="*/ 335255 w 420076"/>
                <a:gd name="connsiteY105" fmla="*/ 259175 h 419150"/>
                <a:gd name="connsiteX106" fmla="*/ 332112 w 420076"/>
                <a:gd name="connsiteY106" fmla="*/ 263366 h 419150"/>
                <a:gd name="connsiteX107" fmla="*/ 276105 w 420076"/>
                <a:gd name="connsiteY107" fmla="*/ 263366 h 419150"/>
                <a:gd name="connsiteX108" fmla="*/ 272962 w 420076"/>
                <a:gd name="connsiteY108" fmla="*/ 259175 h 419150"/>
                <a:gd name="connsiteX109" fmla="*/ 272962 w 420076"/>
                <a:gd name="connsiteY109" fmla="*/ 233172 h 419150"/>
                <a:gd name="connsiteX110" fmla="*/ 274676 w 420076"/>
                <a:gd name="connsiteY110" fmla="*/ 229743 h 419150"/>
                <a:gd name="connsiteX111" fmla="*/ 277343 w 420076"/>
                <a:gd name="connsiteY111" fmla="*/ 228791 h 419150"/>
                <a:gd name="connsiteX112" fmla="*/ 278391 w 420076"/>
                <a:gd name="connsiteY112" fmla="*/ 228791 h 419150"/>
                <a:gd name="connsiteX113" fmla="*/ 304108 w 420076"/>
                <a:gd name="connsiteY113" fmla="*/ 231839 h 419150"/>
                <a:gd name="connsiteX114" fmla="*/ 329921 w 420076"/>
                <a:gd name="connsiteY114" fmla="*/ 228791 h 419150"/>
                <a:gd name="connsiteX115" fmla="*/ 330874 w 420076"/>
                <a:gd name="connsiteY115" fmla="*/ 228791 h 419150"/>
                <a:gd name="connsiteX116" fmla="*/ 333636 w 420076"/>
                <a:gd name="connsiteY116" fmla="*/ 229743 h 419150"/>
                <a:gd name="connsiteX117" fmla="*/ 335255 w 420076"/>
                <a:gd name="connsiteY117" fmla="*/ 233172 h 419150"/>
                <a:gd name="connsiteX118" fmla="*/ 304108 w 420076"/>
                <a:gd name="connsiteY118" fmla="*/ 213932 h 419150"/>
                <a:gd name="connsiteX119" fmla="*/ 206158 w 420076"/>
                <a:gd name="connsiteY119" fmla="*/ 115862 h 419150"/>
                <a:gd name="connsiteX120" fmla="*/ 248101 w 420076"/>
                <a:gd name="connsiteY120" fmla="*/ 35528 h 419150"/>
                <a:gd name="connsiteX121" fmla="*/ 250673 w 420076"/>
                <a:gd name="connsiteY121" fmla="*/ 34766 h 419150"/>
                <a:gd name="connsiteX122" fmla="*/ 252673 w 420076"/>
                <a:gd name="connsiteY122" fmla="*/ 34766 h 419150"/>
                <a:gd name="connsiteX123" fmla="*/ 255055 w 420076"/>
                <a:gd name="connsiteY123" fmla="*/ 38671 h 419150"/>
                <a:gd name="connsiteX124" fmla="*/ 255055 w 420076"/>
                <a:gd name="connsiteY124" fmla="*/ 102108 h 419150"/>
                <a:gd name="connsiteX125" fmla="*/ 276957 w 420076"/>
                <a:gd name="connsiteY125" fmla="*/ 124959 h 419150"/>
                <a:gd name="connsiteX126" fmla="*/ 277438 w 420076"/>
                <a:gd name="connsiteY126" fmla="*/ 124968 h 419150"/>
                <a:gd name="connsiteX127" fmla="*/ 330969 w 420076"/>
                <a:gd name="connsiteY127" fmla="*/ 124968 h 419150"/>
                <a:gd name="connsiteX128" fmla="*/ 353637 w 420076"/>
                <a:gd name="connsiteY128" fmla="*/ 102680 h 419150"/>
                <a:gd name="connsiteX129" fmla="*/ 353638 w 420076"/>
                <a:gd name="connsiteY129" fmla="*/ 102584 h 419150"/>
                <a:gd name="connsiteX130" fmla="*/ 353638 w 420076"/>
                <a:gd name="connsiteY130" fmla="*/ 39148 h 419150"/>
                <a:gd name="connsiteX131" fmla="*/ 355924 w 420076"/>
                <a:gd name="connsiteY131" fmla="*/ 35243 h 419150"/>
                <a:gd name="connsiteX132" fmla="*/ 358020 w 420076"/>
                <a:gd name="connsiteY132" fmla="*/ 35243 h 419150"/>
                <a:gd name="connsiteX133" fmla="*/ 360496 w 420076"/>
                <a:gd name="connsiteY133" fmla="*/ 36005 h 419150"/>
                <a:gd name="connsiteX134" fmla="*/ 384818 w 420076"/>
                <a:gd name="connsiteY134" fmla="*/ 172460 h 419150"/>
                <a:gd name="connsiteX135" fmla="*/ 304489 w 420076"/>
                <a:gd name="connsiteY135" fmla="*/ 214408 h 419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Lst>
              <a:rect l="l" t="t" r="r" b="b"/>
              <a:pathLst>
                <a:path w="420076" h="419150">
                  <a:moveTo>
                    <a:pt x="410788" y="401098"/>
                  </a:moveTo>
                  <a:lnTo>
                    <a:pt x="357639" y="401098"/>
                  </a:lnTo>
                  <a:cubicBezTo>
                    <a:pt x="355272" y="401155"/>
                    <a:pt x="353311" y="399279"/>
                    <a:pt x="353257" y="396907"/>
                  </a:cubicBezTo>
                  <a:cubicBezTo>
                    <a:pt x="353255" y="396840"/>
                    <a:pt x="353255" y="396783"/>
                    <a:pt x="353257" y="396716"/>
                  </a:cubicBezTo>
                  <a:lnTo>
                    <a:pt x="353257" y="223552"/>
                  </a:lnTo>
                  <a:cubicBezTo>
                    <a:pt x="353233" y="221904"/>
                    <a:pt x="354158" y="220380"/>
                    <a:pt x="355639" y="219647"/>
                  </a:cubicBezTo>
                  <a:cubicBezTo>
                    <a:pt x="412959" y="191253"/>
                    <a:pt x="436409" y="121768"/>
                    <a:pt x="408015" y="64446"/>
                  </a:cubicBezTo>
                  <a:cubicBezTo>
                    <a:pt x="395423" y="39024"/>
                    <a:pt x="373938" y="19107"/>
                    <a:pt x="347638" y="8477"/>
                  </a:cubicBezTo>
                  <a:cubicBezTo>
                    <a:pt x="346545" y="8049"/>
                    <a:pt x="345383" y="7820"/>
                    <a:pt x="344209" y="7811"/>
                  </a:cubicBezTo>
                  <a:cubicBezTo>
                    <a:pt x="339248" y="7858"/>
                    <a:pt x="335255" y="11897"/>
                    <a:pt x="335255" y="16859"/>
                  </a:cubicBezTo>
                  <a:lnTo>
                    <a:pt x="335255" y="102584"/>
                  </a:lnTo>
                  <a:cubicBezTo>
                    <a:pt x="335205" y="104985"/>
                    <a:pt x="333272" y="106918"/>
                    <a:pt x="330874" y="106966"/>
                  </a:cubicBezTo>
                  <a:lnTo>
                    <a:pt x="277438" y="106966"/>
                  </a:lnTo>
                  <a:cubicBezTo>
                    <a:pt x="275040" y="106918"/>
                    <a:pt x="273107" y="104985"/>
                    <a:pt x="273057" y="102584"/>
                  </a:cubicBezTo>
                  <a:lnTo>
                    <a:pt x="273057" y="16859"/>
                  </a:lnTo>
                  <a:cubicBezTo>
                    <a:pt x="273004" y="13878"/>
                    <a:pt x="271559" y="11097"/>
                    <a:pt x="269152" y="9335"/>
                  </a:cubicBezTo>
                  <a:cubicBezTo>
                    <a:pt x="267646" y="8363"/>
                    <a:pt x="265896" y="7830"/>
                    <a:pt x="264103" y="7811"/>
                  </a:cubicBezTo>
                  <a:cubicBezTo>
                    <a:pt x="262961" y="7830"/>
                    <a:pt x="261832" y="8058"/>
                    <a:pt x="260770" y="8477"/>
                  </a:cubicBezTo>
                  <a:cubicBezTo>
                    <a:pt x="201453" y="32423"/>
                    <a:pt x="172780" y="99917"/>
                    <a:pt x="196726" y="159239"/>
                  </a:cubicBezTo>
                  <a:cubicBezTo>
                    <a:pt x="207347" y="185547"/>
                    <a:pt x="227255" y="207045"/>
                    <a:pt x="252673" y="219647"/>
                  </a:cubicBezTo>
                  <a:cubicBezTo>
                    <a:pt x="254174" y="220370"/>
                    <a:pt x="255135" y="221885"/>
                    <a:pt x="255150" y="223552"/>
                  </a:cubicBezTo>
                  <a:lnTo>
                    <a:pt x="255150" y="396716"/>
                  </a:lnTo>
                  <a:cubicBezTo>
                    <a:pt x="255150" y="399136"/>
                    <a:pt x="253189" y="401098"/>
                    <a:pt x="250768" y="401098"/>
                  </a:cubicBezTo>
                  <a:lnTo>
                    <a:pt x="170377" y="401098"/>
                  </a:lnTo>
                  <a:cubicBezTo>
                    <a:pt x="167958" y="401098"/>
                    <a:pt x="165996" y="399136"/>
                    <a:pt x="165996" y="396716"/>
                  </a:cubicBezTo>
                  <a:lnTo>
                    <a:pt x="165996" y="341852"/>
                  </a:lnTo>
                  <a:cubicBezTo>
                    <a:pt x="166163" y="341262"/>
                    <a:pt x="166493" y="340738"/>
                    <a:pt x="166948" y="340328"/>
                  </a:cubicBezTo>
                  <a:cubicBezTo>
                    <a:pt x="167771" y="339404"/>
                    <a:pt x="168952" y="338890"/>
                    <a:pt x="170187" y="338900"/>
                  </a:cubicBezTo>
                  <a:lnTo>
                    <a:pt x="183808" y="338900"/>
                  </a:lnTo>
                  <a:cubicBezTo>
                    <a:pt x="188779" y="338385"/>
                    <a:pt x="192393" y="333947"/>
                    <a:pt x="191882" y="328975"/>
                  </a:cubicBezTo>
                  <a:cubicBezTo>
                    <a:pt x="191442" y="324707"/>
                    <a:pt x="188072" y="321336"/>
                    <a:pt x="183808" y="320897"/>
                  </a:cubicBezTo>
                  <a:lnTo>
                    <a:pt x="130277" y="320897"/>
                  </a:lnTo>
                  <a:cubicBezTo>
                    <a:pt x="127879" y="320850"/>
                    <a:pt x="125946" y="318916"/>
                    <a:pt x="125896" y="316516"/>
                  </a:cubicBezTo>
                  <a:lnTo>
                    <a:pt x="125896" y="171641"/>
                  </a:lnTo>
                  <a:cubicBezTo>
                    <a:pt x="125849" y="171164"/>
                    <a:pt x="125849" y="170688"/>
                    <a:pt x="125896" y="170212"/>
                  </a:cubicBezTo>
                  <a:lnTo>
                    <a:pt x="151994" y="92012"/>
                  </a:lnTo>
                  <a:cubicBezTo>
                    <a:pt x="152320" y="90602"/>
                    <a:pt x="152320" y="89135"/>
                    <a:pt x="151994" y="87725"/>
                  </a:cubicBezTo>
                  <a:lnTo>
                    <a:pt x="138564" y="7525"/>
                  </a:lnTo>
                  <a:cubicBezTo>
                    <a:pt x="137862" y="3181"/>
                    <a:pt x="134106" y="-9"/>
                    <a:pt x="129706" y="0"/>
                  </a:cubicBezTo>
                  <a:lnTo>
                    <a:pt x="63031" y="0"/>
                  </a:lnTo>
                  <a:cubicBezTo>
                    <a:pt x="58630" y="-9"/>
                    <a:pt x="54874" y="3181"/>
                    <a:pt x="54172" y="7525"/>
                  </a:cubicBezTo>
                  <a:lnTo>
                    <a:pt x="40837" y="87725"/>
                  </a:lnTo>
                  <a:cubicBezTo>
                    <a:pt x="40512" y="89135"/>
                    <a:pt x="40512" y="90602"/>
                    <a:pt x="40837" y="92012"/>
                  </a:cubicBezTo>
                  <a:lnTo>
                    <a:pt x="67888" y="170212"/>
                  </a:lnTo>
                  <a:cubicBezTo>
                    <a:pt x="67981" y="170688"/>
                    <a:pt x="67981" y="171164"/>
                    <a:pt x="67888" y="171641"/>
                  </a:cubicBezTo>
                  <a:lnTo>
                    <a:pt x="67888" y="316516"/>
                  </a:lnTo>
                  <a:cubicBezTo>
                    <a:pt x="67888" y="318935"/>
                    <a:pt x="65927" y="320897"/>
                    <a:pt x="63507" y="320897"/>
                  </a:cubicBezTo>
                  <a:lnTo>
                    <a:pt x="9976" y="320897"/>
                  </a:lnTo>
                  <a:cubicBezTo>
                    <a:pt x="5005" y="320383"/>
                    <a:pt x="560" y="324002"/>
                    <a:pt x="48" y="328975"/>
                  </a:cubicBezTo>
                  <a:cubicBezTo>
                    <a:pt x="-464" y="333947"/>
                    <a:pt x="3151" y="338385"/>
                    <a:pt x="8122" y="338900"/>
                  </a:cubicBezTo>
                  <a:cubicBezTo>
                    <a:pt x="8738" y="338966"/>
                    <a:pt x="9360" y="338966"/>
                    <a:pt x="9976" y="338900"/>
                  </a:cubicBezTo>
                  <a:lnTo>
                    <a:pt x="23597" y="338900"/>
                  </a:lnTo>
                  <a:cubicBezTo>
                    <a:pt x="24831" y="338890"/>
                    <a:pt x="26013" y="339404"/>
                    <a:pt x="26836" y="340328"/>
                  </a:cubicBezTo>
                  <a:cubicBezTo>
                    <a:pt x="27230" y="340766"/>
                    <a:pt x="27523" y="341290"/>
                    <a:pt x="27693" y="341852"/>
                  </a:cubicBezTo>
                  <a:lnTo>
                    <a:pt x="27693" y="396716"/>
                  </a:lnTo>
                  <a:cubicBezTo>
                    <a:pt x="27746" y="399079"/>
                    <a:pt x="25871" y="401041"/>
                    <a:pt x="23504" y="401098"/>
                  </a:cubicBezTo>
                  <a:cubicBezTo>
                    <a:pt x="23440" y="401098"/>
                    <a:pt x="23375" y="401098"/>
                    <a:pt x="23311" y="401098"/>
                  </a:cubicBezTo>
                  <a:lnTo>
                    <a:pt x="9976" y="401098"/>
                  </a:lnTo>
                  <a:cubicBezTo>
                    <a:pt x="5005" y="400583"/>
                    <a:pt x="560" y="404203"/>
                    <a:pt x="48" y="409175"/>
                  </a:cubicBezTo>
                  <a:cubicBezTo>
                    <a:pt x="-464" y="414147"/>
                    <a:pt x="3151" y="418586"/>
                    <a:pt x="8122" y="419100"/>
                  </a:cubicBezTo>
                  <a:cubicBezTo>
                    <a:pt x="8738" y="419167"/>
                    <a:pt x="9360" y="419167"/>
                    <a:pt x="9976" y="419100"/>
                  </a:cubicBezTo>
                  <a:lnTo>
                    <a:pt x="36646" y="419100"/>
                  </a:lnTo>
                  <a:cubicBezTo>
                    <a:pt x="41581" y="419414"/>
                    <a:pt x="45837" y="415671"/>
                    <a:pt x="46153" y="410737"/>
                  </a:cubicBezTo>
                  <a:cubicBezTo>
                    <a:pt x="46166" y="410537"/>
                    <a:pt x="46171" y="410347"/>
                    <a:pt x="46171" y="410147"/>
                  </a:cubicBezTo>
                  <a:lnTo>
                    <a:pt x="46171" y="345948"/>
                  </a:lnTo>
                  <a:cubicBezTo>
                    <a:pt x="46171" y="345091"/>
                    <a:pt x="46171" y="343186"/>
                    <a:pt x="46171" y="342805"/>
                  </a:cubicBezTo>
                  <a:cubicBezTo>
                    <a:pt x="46415" y="340576"/>
                    <a:pt x="48308" y="338890"/>
                    <a:pt x="50553" y="338900"/>
                  </a:cubicBezTo>
                  <a:lnTo>
                    <a:pt x="143136" y="338900"/>
                  </a:lnTo>
                  <a:cubicBezTo>
                    <a:pt x="144399" y="338881"/>
                    <a:pt x="145609" y="339404"/>
                    <a:pt x="146470" y="340328"/>
                  </a:cubicBezTo>
                  <a:cubicBezTo>
                    <a:pt x="147754" y="341919"/>
                    <a:pt x="148429" y="343910"/>
                    <a:pt x="148375" y="345948"/>
                  </a:cubicBezTo>
                  <a:lnTo>
                    <a:pt x="148375" y="410147"/>
                  </a:lnTo>
                  <a:cubicBezTo>
                    <a:pt x="148375" y="415090"/>
                    <a:pt x="152383" y="419100"/>
                    <a:pt x="157328" y="419100"/>
                  </a:cubicBezTo>
                  <a:lnTo>
                    <a:pt x="264008" y="419100"/>
                  </a:lnTo>
                  <a:cubicBezTo>
                    <a:pt x="268953" y="419100"/>
                    <a:pt x="272962" y="415090"/>
                    <a:pt x="272962" y="410147"/>
                  </a:cubicBezTo>
                  <a:lnTo>
                    <a:pt x="272962" y="286322"/>
                  </a:lnTo>
                  <a:cubicBezTo>
                    <a:pt x="272990" y="284979"/>
                    <a:pt x="273620" y="283721"/>
                    <a:pt x="274676" y="282893"/>
                  </a:cubicBezTo>
                  <a:cubicBezTo>
                    <a:pt x="275442" y="282302"/>
                    <a:pt x="276375" y="281969"/>
                    <a:pt x="277343" y="281940"/>
                  </a:cubicBezTo>
                  <a:lnTo>
                    <a:pt x="278391" y="281940"/>
                  </a:lnTo>
                  <a:cubicBezTo>
                    <a:pt x="286834" y="283836"/>
                    <a:pt x="295455" y="284826"/>
                    <a:pt x="304108" y="284893"/>
                  </a:cubicBezTo>
                  <a:cubicBezTo>
                    <a:pt x="312796" y="284874"/>
                    <a:pt x="321454" y="283883"/>
                    <a:pt x="329921" y="281940"/>
                  </a:cubicBezTo>
                  <a:lnTo>
                    <a:pt x="330874" y="281940"/>
                  </a:lnTo>
                  <a:cubicBezTo>
                    <a:pt x="331877" y="281931"/>
                    <a:pt x="332851" y="282264"/>
                    <a:pt x="333636" y="282893"/>
                  </a:cubicBezTo>
                  <a:cubicBezTo>
                    <a:pt x="334680" y="283721"/>
                    <a:pt x="335278" y="284988"/>
                    <a:pt x="335255" y="286322"/>
                  </a:cubicBezTo>
                  <a:lnTo>
                    <a:pt x="335255" y="410147"/>
                  </a:lnTo>
                  <a:cubicBezTo>
                    <a:pt x="335255" y="415090"/>
                    <a:pt x="339264" y="419100"/>
                    <a:pt x="344209" y="419100"/>
                  </a:cubicBezTo>
                  <a:lnTo>
                    <a:pt x="410884" y="419100"/>
                  </a:lnTo>
                  <a:cubicBezTo>
                    <a:pt x="415855" y="418586"/>
                    <a:pt x="419469" y="414147"/>
                    <a:pt x="418958" y="409175"/>
                  </a:cubicBezTo>
                  <a:cubicBezTo>
                    <a:pt x="418519" y="404908"/>
                    <a:pt x="415148" y="401536"/>
                    <a:pt x="410884" y="401098"/>
                  </a:cubicBezTo>
                  <a:close/>
                  <a:moveTo>
                    <a:pt x="107893" y="169450"/>
                  </a:moveTo>
                  <a:lnTo>
                    <a:pt x="107893" y="316516"/>
                  </a:lnTo>
                  <a:cubicBezTo>
                    <a:pt x="107893" y="318935"/>
                    <a:pt x="105932" y="320897"/>
                    <a:pt x="103512" y="320897"/>
                  </a:cubicBezTo>
                  <a:lnTo>
                    <a:pt x="90177" y="320897"/>
                  </a:lnTo>
                  <a:cubicBezTo>
                    <a:pt x="87778" y="320850"/>
                    <a:pt x="85846" y="318916"/>
                    <a:pt x="85795" y="316516"/>
                  </a:cubicBezTo>
                  <a:lnTo>
                    <a:pt x="85795" y="169450"/>
                  </a:lnTo>
                  <a:cubicBezTo>
                    <a:pt x="85783" y="168478"/>
                    <a:pt x="85623" y="167516"/>
                    <a:pt x="85319" y="166592"/>
                  </a:cubicBezTo>
                  <a:lnTo>
                    <a:pt x="59602" y="89345"/>
                  </a:lnTo>
                  <a:cubicBezTo>
                    <a:pt x="59411" y="88659"/>
                    <a:pt x="59411" y="87935"/>
                    <a:pt x="59602" y="87249"/>
                  </a:cubicBezTo>
                  <a:lnTo>
                    <a:pt x="70555" y="21431"/>
                  </a:lnTo>
                  <a:cubicBezTo>
                    <a:pt x="70887" y="19326"/>
                    <a:pt x="72712" y="17783"/>
                    <a:pt x="74842" y="17812"/>
                  </a:cubicBezTo>
                  <a:lnTo>
                    <a:pt x="119038" y="17812"/>
                  </a:lnTo>
                  <a:cubicBezTo>
                    <a:pt x="121188" y="17783"/>
                    <a:pt x="123045" y="19317"/>
                    <a:pt x="123419" y="21431"/>
                  </a:cubicBezTo>
                  <a:lnTo>
                    <a:pt x="134563" y="87440"/>
                  </a:lnTo>
                  <a:cubicBezTo>
                    <a:pt x="134704" y="88135"/>
                    <a:pt x="134704" y="88840"/>
                    <a:pt x="134563" y="89535"/>
                  </a:cubicBezTo>
                  <a:lnTo>
                    <a:pt x="108846" y="166592"/>
                  </a:lnTo>
                  <a:cubicBezTo>
                    <a:pt x="108379" y="167488"/>
                    <a:pt x="108057" y="168450"/>
                    <a:pt x="107893" y="169450"/>
                  </a:cubicBezTo>
                  <a:close/>
                  <a:moveTo>
                    <a:pt x="335255" y="259175"/>
                  </a:moveTo>
                  <a:cubicBezTo>
                    <a:pt x="335220" y="261099"/>
                    <a:pt x="333953" y="262795"/>
                    <a:pt x="332112" y="263366"/>
                  </a:cubicBezTo>
                  <a:cubicBezTo>
                    <a:pt x="313824" y="268700"/>
                    <a:pt x="294393" y="268700"/>
                    <a:pt x="276105" y="263366"/>
                  </a:cubicBezTo>
                  <a:cubicBezTo>
                    <a:pt x="274264" y="262795"/>
                    <a:pt x="272997" y="261099"/>
                    <a:pt x="272962" y="259175"/>
                  </a:cubicBezTo>
                  <a:lnTo>
                    <a:pt x="272962" y="233172"/>
                  </a:lnTo>
                  <a:cubicBezTo>
                    <a:pt x="272990" y="231829"/>
                    <a:pt x="273620" y="230572"/>
                    <a:pt x="274676" y="229743"/>
                  </a:cubicBezTo>
                  <a:cubicBezTo>
                    <a:pt x="275442" y="229152"/>
                    <a:pt x="276375" y="228819"/>
                    <a:pt x="277343" y="228791"/>
                  </a:cubicBezTo>
                  <a:lnTo>
                    <a:pt x="278391" y="228791"/>
                  </a:lnTo>
                  <a:cubicBezTo>
                    <a:pt x="286821" y="230772"/>
                    <a:pt x="295448" y="231791"/>
                    <a:pt x="304108" y="231839"/>
                  </a:cubicBezTo>
                  <a:cubicBezTo>
                    <a:pt x="312799" y="231791"/>
                    <a:pt x="321458" y="230772"/>
                    <a:pt x="329921" y="228791"/>
                  </a:cubicBezTo>
                  <a:lnTo>
                    <a:pt x="330874" y="228791"/>
                  </a:lnTo>
                  <a:cubicBezTo>
                    <a:pt x="331868" y="228829"/>
                    <a:pt x="332829" y="229162"/>
                    <a:pt x="333636" y="229743"/>
                  </a:cubicBezTo>
                  <a:cubicBezTo>
                    <a:pt x="334668" y="230581"/>
                    <a:pt x="335264" y="231839"/>
                    <a:pt x="335255" y="233172"/>
                  </a:cubicBezTo>
                  <a:close/>
                  <a:moveTo>
                    <a:pt x="304108" y="213932"/>
                  </a:moveTo>
                  <a:cubicBezTo>
                    <a:pt x="249978" y="213894"/>
                    <a:pt x="206124" y="169993"/>
                    <a:pt x="206158" y="115862"/>
                  </a:cubicBezTo>
                  <a:cubicBezTo>
                    <a:pt x="206178" y="83839"/>
                    <a:pt x="221838" y="53845"/>
                    <a:pt x="248101" y="35528"/>
                  </a:cubicBezTo>
                  <a:cubicBezTo>
                    <a:pt x="248868" y="35033"/>
                    <a:pt x="249761" y="34766"/>
                    <a:pt x="250673" y="34766"/>
                  </a:cubicBezTo>
                  <a:cubicBezTo>
                    <a:pt x="251333" y="34633"/>
                    <a:pt x="252013" y="34633"/>
                    <a:pt x="252673" y="34766"/>
                  </a:cubicBezTo>
                  <a:cubicBezTo>
                    <a:pt x="254122" y="35538"/>
                    <a:pt x="255036" y="37033"/>
                    <a:pt x="255055" y="38671"/>
                  </a:cubicBezTo>
                  <a:lnTo>
                    <a:pt x="255055" y="102108"/>
                  </a:lnTo>
                  <a:cubicBezTo>
                    <a:pt x="254792" y="114472"/>
                    <a:pt x="264598" y="124701"/>
                    <a:pt x="276957" y="124959"/>
                  </a:cubicBezTo>
                  <a:cubicBezTo>
                    <a:pt x="277117" y="124968"/>
                    <a:pt x="277278" y="124968"/>
                    <a:pt x="277438" y="124968"/>
                  </a:cubicBezTo>
                  <a:lnTo>
                    <a:pt x="330969" y="124968"/>
                  </a:lnTo>
                  <a:cubicBezTo>
                    <a:pt x="343383" y="125073"/>
                    <a:pt x="353533" y="115091"/>
                    <a:pt x="353637" y="102680"/>
                  </a:cubicBezTo>
                  <a:cubicBezTo>
                    <a:pt x="353638" y="102651"/>
                    <a:pt x="353638" y="102613"/>
                    <a:pt x="353638" y="102584"/>
                  </a:cubicBezTo>
                  <a:lnTo>
                    <a:pt x="353638" y="39148"/>
                  </a:lnTo>
                  <a:cubicBezTo>
                    <a:pt x="353617" y="37519"/>
                    <a:pt x="354498" y="36024"/>
                    <a:pt x="355924" y="35243"/>
                  </a:cubicBezTo>
                  <a:cubicBezTo>
                    <a:pt x="356616" y="35100"/>
                    <a:pt x="357328" y="35100"/>
                    <a:pt x="358020" y="35243"/>
                  </a:cubicBezTo>
                  <a:cubicBezTo>
                    <a:pt x="358900" y="35262"/>
                    <a:pt x="359757" y="35528"/>
                    <a:pt x="360496" y="36005"/>
                  </a:cubicBezTo>
                  <a:cubicBezTo>
                    <a:pt x="404895" y="66970"/>
                    <a:pt x="415784" y="128064"/>
                    <a:pt x="384818" y="172460"/>
                  </a:cubicBezTo>
                  <a:cubicBezTo>
                    <a:pt x="366501" y="198730"/>
                    <a:pt x="336510" y="214389"/>
                    <a:pt x="304489" y="214408"/>
                  </a:cubicBezTo>
                  <a:close/>
                </a:path>
              </a:pathLst>
            </a:custGeom>
            <a:solidFill>
              <a:srgbClr val="265998"/>
            </a:solidFill>
            <a:ln w="9525" cap="flat">
              <a:noFill/>
              <a:prstDash val="solid"/>
              <a:miter/>
            </a:ln>
          </p:spPr>
          <p:txBody>
            <a:bodyPr rtlCol="0" anchor="ctr"/>
            <a:lstStyle/>
            <a:p>
              <a:endParaRPr lang="en-AU" sz="153"/>
            </a:p>
          </p:txBody>
        </p:sp>
      </p:grpSp>
      <p:sp>
        <p:nvSpPr>
          <p:cNvPr id="67" name="Slide Number Placeholder 66">
            <a:extLst>
              <a:ext uri="{FF2B5EF4-FFF2-40B4-BE49-F238E27FC236}">
                <a16:creationId xmlns:a16="http://schemas.microsoft.com/office/drawing/2014/main" id="{615D3745-3BD1-CB8A-B2CE-B97E99A405C4}"/>
              </a:ext>
            </a:extLst>
          </p:cNvPr>
          <p:cNvSpPr>
            <a:spLocks noGrp="1"/>
          </p:cNvSpPr>
          <p:nvPr>
            <p:ph type="sldNum" sz="quarter" idx="4"/>
          </p:nvPr>
        </p:nvSpPr>
        <p:spPr/>
        <p:txBody>
          <a:bodyPr/>
          <a:lstStyle/>
          <a:p>
            <a:fld id="{3FE8A0A5-0893-3B4E-9EB9-FE67329D76D6}" type="slidenum">
              <a:rPr lang="en-US" smtClean="0"/>
              <a:pPr/>
              <a:t>25</a:t>
            </a:fld>
            <a:endParaRPr lang="en-US"/>
          </a:p>
        </p:txBody>
      </p:sp>
    </p:spTree>
    <p:custDataLst>
      <p:custData r:id="rId1"/>
      <p:custData r:id="rId2"/>
    </p:custDataLst>
    <p:extLst>
      <p:ext uri="{BB962C8B-B14F-4D97-AF65-F5344CB8AC3E}">
        <p14:creationId xmlns:p14="http://schemas.microsoft.com/office/powerpoint/2010/main" val="3203442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BDD5044-697C-4F70-30F7-1EBDE2229101}"/>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18887213-DC6B-6B9B-6CD1-5C4BB19DE26B}"/>
              </a:ext>
            </a:extLst>
          </p:cNvPr>
          <p:cNvSpPr>
            <a:spLocks noGrp="1"/>
          </p:cNvSpPr>
          <p:nvPr>
            <p:ph type="ctrTitle"/>
          </p:nvPr>
        </p:nvSpPr>
        <p:spPr>
          <a:xfrm>
            <a:off x="569994" y="507634"/>
            <a:ext cx="11082431" cy="515848"/>
          </a:xfrm>
        </p:spPr>
        <p:txBody>
          <a:bodyPr/>
          <a:lstStyle/>
          <a:p>
            <a:r>
              <a:rPr lang="en-US"/>
              <a:t>The Agreement has not been set up for success</a:t>
            </a:r>
          </a:p>
        </p:txBody>
      </p:sp>
      <p:sp>
        <p:nvSpPr>
          <p:cNvPr id="36" name="Rectangle 35">
            <a:extLst>
              <a:ext uri="{FF2B5EF4-FFF2-40B4-BE49-F238E27FC236}">
                <a16:creationId xmlns:a16="http://schemas.microsoft.com/office/drawing/2014/main" id="{99EB5E46-C609-A6B9-A1B8-EA5AD88DC07C}"/>
              </a:ext>
            </a:extLst>
          </p:cNvPr>
          <p:cNvSpPr/>
          <p:nvPr/>
        </p:nvSpPr>
        <p:spPr>
          <a:xfrm>
            <a:off x="686696" y="1172409"/>
            <a:ext cx="4032000" cy="1620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Goal posts are not clear and measurable</a:t>
            </a:r>
          </a:p>
          <a:p>
            <a:pPr marL="285750" indent="-285750">
              <a:spcAft>
                <a:spcPts val="600"/>
              </a:spcAft>
              <a:buFont typeface="Arial" panose="020B0604020202020204" pitchFamily="34" charset="0"/>
              <a:buChar char="•"/>
            </a:pPr>
            <a:r>
              <a:rPr lang="en-US" sz="1400">
                <a:solidFill>
                  <a:schemeClr val="tx1"/>
                </a:solidFill>
              </a:rPr>
              <a:t>Objectives are vague Assessing progress is challenging because data is lacking, or it is unclear how to measure objectives</a:t>
            </a:r>
          </a:p>
        </p:txBody>
      </p:sp>
      <p:sp>
        <p:nvSpPr>
          <p:cNvPr id="37" name="Rectangle 36">
            <a:extLst>
              <a:ext uri="{FF2B5EF4-FFF2-40B4-BE49-F238E27FC236}">
                <a16:creationId xmlns:a16="http://schemas.microsoft.com/office/drawing/2014/main" id="{E2911B61-6161-67F9-7A5B-CDCFF6A223AF}"/>
              </a:ext>
            </a:extLst>
          </p:cNvPr>
          <p:cNvSpPr/>
          <p:nvPr/>
        </p:nvSpPr>
        <p:spPr>
          <a:xfrm>
            <a:off x="4795518" y="1166895"/>
            <a:ext cx="1220465" cy="1620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38" name="Rectangle 37">
            <a:extLst>
              <a:ext uri="{FF2B5EF4-FFF2-40B4-BE49-F238E27FC236}">
                <a16:creationId xmlns:a16="http://schemas.microsoft.com/office/drawing/2014/main" id="{796CA96B-6081-5A0E-4A1C-11F00364AEF9}"/>
              </a:ext>
            </a:extLst>
          </p:cNvPr>
          <p:cNvSpPr/>
          <p:nvPr/>
        </p:nvSpPr>
        <p:spPr>
          <a:xfrm>
            <a:off x="686697" y="2863908"/>
            <a:ext cx="4032000" cy="1620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Roles are not clearly defined</a:t>
            </a:r>
          </a:p>
          <a:p>
            <a:pPr marL="285750" indent="-285750">
              <a:spcAft>
                <a:spcPts val="600"/>
              </a:spcAft>
              <a:buFont typeface="Arial" panose="020B0604020202020204" pitchFamily="34" charset="0"/>
              <a:buChar char="•"/>
            </a:pPr>
            <a:r>
              <a:rPr lang="en-US" sz="1400">
                <a:solidFill>
                  <a:schemeClr val="tx1"/>
                </a:solidFill>
                <a:latin typeface="+mj-lt"/>
                <a:cs typeface="Times New Roman" panose="02020603050405020304" pitchFamily="18" charset="0"/>
              </a:rPr>
              <a:t>Shared responsibilities create confusion, which affects services for consumers, particularly for psychosocial supports</a:t>
            </a:r>
          </a:p>
        </p:txBody>
      </p:sp>
      <p:sp>
        <p:nvSpPr>
          <p:cNvPr id="39" name="Rectangle 38">
            <a:extLst>
              <a:ext uri="{FF2B5EF4-FFF2-40B4-BE49-F238E27FC236}">
                <a16:creationId xmlns:a16="http://schemas.microsoft.com/office/drawing/2014/main" id="{CDD20664-0A50-21DF-08EC-4AB855AED20C}"/>
              </a:ext>
            </a:extLst>
          </p:cNvPr>
          <p:cNvSpPr/>
          <p:nvPr/>
        </p:nvSpPr>
        <p:spPr>
          <a:xfrm>
            <a:off x="4795519" y="2856373"/>
            <a:ext cx="1220465" cy="1620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0" name="Rectangle 39">
            <a:extLst>
              <a:ext uri="{FF2B5EF4-FFF2-40B4-BE49-F238E27FC236}">
                <a16:creationId xmlns:a16="http://schemas.microsoft.com/office/drawing/2014/main" id="{9BFAA042-4028-82BF-1F0C-BDAAFC091993}"/>
              </a:ext>
            </a:extLst>
          </p:cNvPr>
          <p:cNvSpPr/>
          <p:nvPr/>
        </p:nvSpPr>
        <p:spPr>
          <a:xfrm>
            <a:off x="686697" y="4555407"/>
            <a:ext cx="4032000" cy="1656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Commitments are not funded</a:t>
            </a:r>
          </a:p>
          <a:p>
            <a:pPr marL="285750" indent="-285750">
              <a:spcAft>
                <a:spcPts val="600"/>
              </a:spcAft>
              <a:buFont typeface="Arial" panose="020B0604020202020204" pitchFamily="34" charset="0"/>
              <a:buChar char="•"/>
            </a:pPr>
            <a:r>
              <a:rPr lang="en-AU" sz="1400">
                <a:solidFill>
                  <a:schemeClr val="tx1"/>
                </a:solidFill>
                <a:effectLst/>
                <a:latin typeface="+mj-lt"/>
                <a:ea typeface="Arial" panose="020B0604020202020204" pitchFamily="34" charset="0"/>
                <a:cs typeface="Times New Roman" panose="02020603050405020304" pitchFamily="18" charset="0"/>
              </a:rPr>
              <a:t>No funding for some national priorities and whole-of-government actions</a:t>
            </a:r>
            <a:endParaRPr lang="en-US" sz="1400">
              <a:solidFill>
                <a:schemeClr val="tx1"/>
              </a:solidFill>
              <a:latin typeface="+mj-lt"/>
            </a:endParaRPr>
          </a:p>
        </p:txBody>
      </p:sp>
      <p:sp>
        <p:nvSpPr>
          <p:cNvPr id="41" name="Rectangle 40">
            <a:extLst>
              <a:ext uri="{FF2B5EF4-FFF2-40B4-BE49-F238E27FC236}">
                <a16:creationId xmlns:a16="http://schemas.microsoft.com/office/drawing/2014/main" id="{B6BB895C-A7FF-B59D-7173-DB0DC765A5B3}"/>
              </a:ext>
            </a:extLst>
          </p:cNvPr>
          <p:cNvSpPr/>
          <p:nvPr/>
        </p:nvSpPr>
        <p:spPr>
          <a:xfrm>
            <a:off x="4795519" y="4540338"/>
            <a:ext cx="1220465" cy="1656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2" name="Rectangle 41">
            <a:extLst>
              <a:ext uri="{FF2B5EF4-FFF2-40B4-BE49-F238E27FC236}">
                <a16:creationId xmlns:a16="http://schemas.microsoft.com/office/drawing/2014/main" id="{B0B46C30-A73C-8F77-8D7F-FF26D35FACC3}"/>
              </a:ext>
            </a:extLst>
          </p:cNvPr>
          <p:cNvSpPr/>
          <p:nvPr/>
        </p:nvSpPr>
        <p:spPr>
          <a:xfrm>
            <a:off x="6092805" y="1172409"/>
            <a:ext cx="4032000" cy="1620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Priority population needs are not addressed</a:t>
            </a:r>
          </a:p>
          <a:p>
            <a:pPr marL="285750" indent="-285750">
              <a:spcAft>
                <a:spcPts val="600"/>
              </a:spcAft>
              <a:buFont typeface="Arial" panose="020B0604020202020204" pitchFamily="34" charset="0"/>
              <a:buChar char="•"/>
            </a:pPr>
            <a:r>
              <a:rPr lang="en-AU" sz="1400">
                <a:solidFill>
                  <a:schemeClr val="tx1"/>
                </a:solidFill>
                <a:latin typeface="+mj-lt"/>
                <a:ea typeface="Arial" panose="020B0604020202020204" pitchFamily="34" charset="0"/>
                <a:cs typeface="Times New Roman" panose="02020603050405020304" pitchFamily="18" charset="0"/>
              </a:rPr>
              <a:t>For example, t</a:t>
            </a:r>
            <a:r>
              <a:rPr lang="en-AU" sz="1400">
                <a:solidFill>
                  <a:schemeClr val="tx1"/>
                </a:solidFill>
                <a:effectLst/>
                <a:latin typeface="+mj-lt"/>
                <a:ea typeface="Arial" panose="020B0604020202020204" pitchFamily="34" charset="0"/>
                <a:cs typeface="Times New Roman" panose="02020603050405020304" pitchFamily="18" charset="0"/>
              </a:rPr>
              <a:t>here is no funding for commitments relating to Aboriginal and Torres Strait Islander people</a:t>
            </a:r>
            <a:endParaRPr lang="en-US" sz="1400" b="1">
              <a:solidFill>
                <a:schemeClr val="tx1"/>
              </a:solidFill>
              <a:latin typeface="+mj-lt"/>
            </a:endParaRPr>
          </a:p>
        </p:txBody>
      </p:sp>
      <p:sp>
        <p:nvSpPr>
          <p:cNvPr id="43" name="Rectangle 42">
            <a:extLst>
              <a:ext uri="{FF2B5EF4-FFF2-40B4-BE49-F238E27FC236}">
                <a16:creationId xmlns:a16="http://schemas.microsoft.com/office/drawing/2014/main" id="{56D2C399-4A7A-27E6-CB95-DEA1118E05F1}"/>
              </a:ext>
            </a:extLst>
          </p:cNvPr>
          <p:cNvSpPr/>
          <p:nvPr/>
        </p:nvSpPr>
        <p:spPr>
          <a:xfrm>
            <a:off x="10201628" y="1172409"/>
            <a:ext cx="1220465" cy="1620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4" name="Rectangle 43">
            <a:extLst>
              <a:ext uri="{FF2B5EF4-FFF2-40B4-BE49-F238E27FC236}">
                <a16:creationId xmlns:a16="http://schemas.microsoft.com/office/drawing/2014/main" id="{2D4BE540-2B43-CC27-1AE6-548C9AB906D8}"/>
              </a:ext>
            </a:extLst>
          </p:cNvPr>
          <p:cNvSpPr/>
          <p:nvPr/>
        </p:nvSpPr>
        <p:spPr>
          <a:xfrm>
            <a:off x="6092806" y="2866712"/>
            <a:ext cx="4032000" cy="1620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Lack of accountability mechanisms</a:t>
            </a:r>
          </a:p>
          <a:p>
            <a:pPr marL="285750" indent="-285750">
              <a:spcAft>
                <a:spcPts val="600"/>
              </a:spcAft>
              <a:buFont typeface="Arial" panose="020B0604020202020204" pitchFamily="34" charset="0"/>
              <a:buChar char="•"/>
            </a:pPr>
            <a:r>
              <a:rPr lang="en-US" sz="1400">
                <a:solidFill>
                  <a:schemeClr val="tx1"/>
                </a:solidFill>
              </a:rPr>
              <a:t>Failure to meet reporting requirements and lack of transparency </a:t>
            </a:r>
          </a:p>
          <a:p>
            <a:pPr marL="285750" indent="-285750">
              <a:spcAft>
                <a:spcPts val="600"/>
              </a:spcAft>
              <a:buFont typeface="Arial" panose="020B0604020202020204" pitchFamily="34" charset="0"/>
              <a:buChar char="•"/>
            </a:pPr>
            <a:r>
              <a:rPr lang="en-US" sz="1400">
                <a:solidFill>
                  <a:schemeClr val="tx1"/>
                </a:solidFill>
              </a:rPr>
              <a:t>Limited powers for oversight body</a:t>
            </a:r>
          </a:p>
        </p:txBody>
      </p:sp>
      <p:sp>
        <p:nvSpPr>
          <p:cNvPr id="45" name="Rectangle 44">
            <a:extLst>
              <a:ext uri="{FF2B5EF4-FFF2-40B4-BE49-F238E27FC236}">
                <a16:creationId xmlns:a16="http://schemas.microsoft.com/office/drawing/2014/main" id="{68AF4357-2C6F-A6C9-F454-0F647B56BA80}"/>
              </a:ext>
            </a:extLst>
          </p:cNvPr>
          <p:cNvSpPr/>
          <p:nvPr/>
        </p:nvSpPr>
        <p:spPr>
          <a:xfrm>
            <a:off x="10201628" y="2866380"/>
            <a:ext cx="1220465" cy="1620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6" name="Rectangle 45">
            <a:extLst>
              <a:ext uri="{FF2B5EF4-FFF2-40B4-BE49-F238E27FC236}">
                <a16:creationId xmlns:a16="http://schemas.microsoft.com/office/drawing/2014/main" id="{E8DA3166-9199-52F5-54E5-8D96D9FA2BBB}"/>
              </a:ext>
            </a:extLst>
          </p:cNvPr>
          <p:cNvSpPr/>
          <p:nvPr/>
        </p:nvSpPr>
        <p:spPr>
          <a:xfrm>
            <a:off x="6092806" y="4537057"/>
            <a:ext cx="4032000" cy="1656000"/>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Unclear how components fit together</a:t>
            </a:r>
          </a:p>
          <a:p>
            <a:pPr marL="285750" indent="-285750">
              <a:spcAft>
                <a:spcPts val="600"/>
              </a:spcAft>
              <a:buFont typeface="Arial" panose="020B0604020202020204" pitchFamily="34" charset="0"/>
              <a:buChar char="•"/>
            </a:pPr>
            <a:r>
              <a:rPr lang="en-AU" sz="1400">
                <a:solidFill>
                  <a:schemeClr val="tx1"/>
                </a:solidFill>
                <a:latin typeface="+mj-lt"/>
                <a:ea typeface="Arial" panose="020B0604020202020204" pitchFamily="34" charset="0"/>
                <a:cs typeface="Times New Roman" panose="02020603050405020304" pitchFamily="18" charset="0"/>
              </a:rPr>
              <a:t>No</a:t>
            </a:r>
            <a:r>
              <a:rPr lang="en-AU" sz="1400">
                <a:solidFill>
                  <a:schemeClr val="tx1"/>
                </a:solidFill>
                <a:effectLst/>
                <a:latin typeface="+mj-lt"/>
                <a:ea typeface="Arial" panose="020B0604020202020204" pitchFamily="34" charset="0"/>
                <a:cs typeface="Times New Roman" panose="02020603050405020304" pitchFamily="18" charset="0"/>
              </a:rPr>
              <a:t> theory of change to explain how activities funded under the Agreement will lead to the expected outcomes</a:t>
            </a:r>
            <a:endParaRPr lang="en-US" sz="1400" b="1">
              <a:solidFill>
                <a:schemeClr val="tx1"/>
              </a:solidFill>
              <a:latin typeface="+mj-lt"/>
            </a:endParaRPr>
          </a:p>
        </p:txBody>
      </p:sp>
      <p:sp>
        <p:nvSpPr>
          <p:cNvPr id="47" name="Rectangle 46">
            <a:extLst>
              <a:ext uri="{FF2B5EF4-FFF2-40B4-BE49-F238E27FC236}">
                <a16:creationId xmlns:a16="http://schemas.microsoft.com/office/drawing/2014/main" id="{4A0532D5-4FDA-DD64-F2B7-36A23B1C1AC1}"/>
              </a:ext>
            </a:extLst>
          </p:cNvPr>
          <p:cNvSpPr/>
          <p:nvPr/>
        </p:nvSpPr>
        <p:spPr>
          <a:xfrm>
            <a:off x="10201628" y="4537057"/>
            <a:ext cx="1220465" cy="1656000"/>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62" name="Group 61">
            <a:extLst>
              <a:ext uri="{FF2B5EF4-FFF2-40B4-BE49-F238E27FC236}">
                <a16:creationId xmlns:a16="http://schemas.microsoft.com/office/drawing/2014/main" id="{24244B0E-F933-6863-2FE2-4F18050A805A}"/>
              </a:ext>
            </a:extLst>
          </p:cNvPr>
          <p:cNvGrpSpPr/>
          <p:nvPr/>
        </p:nvGrpSpPr>
        <p:grpSpPr>
          <a:xfrm>
            <a:off x="5115847" y="1654987"/>
            <a:ext cx="579807" cy="643817"/>
            <a:chOff x="472171" y="36412"/>
            <a:chExt cx="118528" cy="110363"/>
          </a:xfrm>
        </p:grpSpPr>
        <p:sp>
          <p:nvSpPr>
            <p:cNvPr id="63" name="Freeform 2">
              <a:extLst>
                <a:ext uri="{FF2B5EF4-FFF2-40B4-BE49-F238E27FC236}">
                  <a16:creationId xmlns:a16="http://schemas.microsoft.com/office/drawing/2014/main" id="{395516D9-3FF8-9FB1-A87E-23DA7E83BC4A}"/>
                </a:ext>
              </a:extLst>
            </p:cNvPr>
            <p:cNvSpPr/>
            <p:nvPr/>
          </p:nvSpPr>
          <p:spPr>
            <a:xfrm>
              <a:off x="545001" y="48921"/>
              <a:ext cx="23108" cy="25845"/>
            </a:xfrm>
            <a:custGeom>
              <a:avLst/>
              <a:gdLst>
                <a:gd name="connsiteX0" fmla="*/ 0 w 23108"/>
                <a:gd name="connsiteY0" fmla="*/ 1498 h 25845"/>
                <a:gd name="connsiteX1" fmla="*/ 0 w 23108"/>
                <a:gd name="connsiteY1" fmla="*/ 22144 h 25845"/>
                <a:gd name="connsiteX2" fmla="*/ 23091 w 23108"/>
                <a:gd name="connsiteY2" fmla="*/ 25845 h 25845"/>
                <a:gd name="connsiteX3" fmla="*/ 21370 w 23108"/>
                <a:gd name="connsiteY3" fmla="*/ 22725 h 25845"/>
                <a:gd name="connsiteX4" fmla="*/ 15847 w 23108"/>
                <a:gd name="connsiteY4" fmla="*/ 12402 h 25845"/>
                <a:gd name="connsiteX5" fmla="*/ 23109 w 23108"/>
                <a:gd name="connsiteY5" fmla="*/ 5199 h 25845"/>
                <a:gd name="connsiteX6" fmla="*/ 0 w 23108"/>
                <a:gd name="connsiteY6" fmla="*/ 1498 h 25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108" h="25845">
                  <a:moveTo>
                    <a:pt x="0" y="1498"/>
                  </a:moveTo>
                  <a:lnTo>
                    <a:pt x="0" y="22144"/>
                  </a:lnTo>
                  <a:cubicBezTo>
                    <a:pt x="7661" y="19223"/>
                    <a:pt x="15901" y="20602"/>
                    <a:pt x="23091" y="25845"/>
                  </a:cubicBezTo>
                  <a:lnTo>
                    <a:pt x="21370" y="22725"/>
                  </a:lnTo>
                  <a:lnTo>
                    <a:pt x="15847" y="12402"/>
                  </a:lnTo>
                  <a:lnTo>
                    <a:pt x="23109" y="5199"/>
                  </a:lnTo>
                  <a:cubicBezTo>
                    <a:pt x="15919" y="-44"/>
                    <a:pt x="7661" y="-1405"/>
                    <a:pt x="0" y="1498"/>
                  </a:cubicBezTo>
                  <a:close/>
                </a:path>
              </a:pathLst>
            </a:custGeom>
            <a:solidFill>
              <a:srgbClr val="66BCDB"/>
            </a:solidFill>
            <a:ln w="1793" cap="flat">
              <a:noFill/>
              <a:prstDash val="solid"/>
              <a:miter/>
            </a:ln>
          </p:spPr>
          <p:txBody>
            <a:bodyPr rtlCol="0" anchor="ctr"/>
            <a:lstStyle/>
            <a:p>
              <a:endParaRPr lang="en-AU"/>
            </a:p>
          </p:txBody>
        </p:sp>
        <p:sp>
          <p:nvSpPr>
            <p:cNvPr id="64" name="Freeform 3">
              <a:extLst>
                <a:ext uri="{FF2B5EF4-FFF2-40B4-BE49-F238E27FC236}">
                  <a16:creationId xmlns:a16="http://schemas.microsoft.com/office/drawing/2014/main" id="{181D12E0-49EB-6AB3-6639-2B186F1C4A39}"/>
                </a:ext>
              </a:extLst>
            </p:cNvPr>
            <p:cNvSpPr/>
            <p:nvPr/>
          </p:nvSpPr>
          <p:spPr>
            <a:xfrm>
              <a:off x="520118" y="41210"/>
              <a:ext cx="24883" cy="23976"/>
            </a:xfrm>
            <a:custGeom>
              <a:avLst/>
              <a:gdLst>
                <a:gd name="connsiteX0" fmla="*/ 0 w 24883"/>
                <a:gd name="connsiteY0" fmla="*/ 2804 h 23976"/>
                <a:gd name="connsiteX1" fmla="*/ 0 w 24883"/>
                <a:gd name="connsiteY1" fmla="*/ 23451 h 23976"/>
                <a:gd name="connsiteX2" fmla="*/ 24884 w 24883"/>
                <a:gd name="connsiteY2" fmla="*/ 23977 h 23976"/>
                <a:gd name="connsiteX3" fmla="*/ 24884 w 24883"/>
                <a:gd name="connsiteY3" fmla="*/ 3330 h 23976"/>
                <a:gd name="connsiteX4" fmla="*/ 0 w 24883"/>
                <a:gd name="connsiteY4" fmla="*/ 2804 h 239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883" h="23976">
                  <a:moveTo>
                    <a:pt x="0" y="2804"/>
                  </a:moveTo>
                  <a:lnTo>
                    <a:pt x="0" y="23451"/>
                  </a:lnTo>
                  <a:cubicBezTo>
                    <a:pt x="7842" y="19532"/>
                    <a:pt x="17169" y="19713"/>
                    <a:pt x="24884" y="23977"/>
                  </a:cubicBezTo>
                  <a:lnTo>
                    <a:pt x="24884" y="3330"/>
                  </a:lnTo>
                  <a:cubicBezTo>
                    <a:pt x="17187" y="-933"/>
                    <a:pt x="7842" y="-1097"/>
                    <a:pt x="0" y="2804"/>
                  </a:cubicBezTo>
                  <a:close/>
                </a:path>
              </a:pathLst>
            </a:custGeom>
            <a:solidFill>
              <a:srgbClr val="66BCDB"/>
            </a:solidFill>
            <a:ln w="1793" cap="flat">
              <a:noFill/>
              <a:prstDash val="solid"/>
              <a:miter/>
            </a:ln>
          </p:spPr>
          <p:txBody>
            <a:bodyPr rtlCol="0" anchor="ctr"/>
            <a:lstStyle/>
            <a:p>
              <a:endParaRPr lang="en-AU"/>
            </a:p>
          </p:txBody>
        </p:sp>
        <p:sp>
          <p:nvSpPr>
            <p:cNvPr id="65" name="Freeform 4">
              <a:extLst>
                <a:ext uri="{FF2B5EF4-FFF2-40B4-BE49-F238E27FC236}">
                  <a16:creationId xmlns:a16="http://schemas.microsoft.com/office/drawing/2014/main" id="{77E01680-9BD4-459A-5CB7-45450388EBC4}"/>
                </a:ext>
              </a:extLst>
            </p:cNvPr>
            <p:cNvSpPr/>
            <p:nvPr/>
          </p:nvSpPr>
          <p:spPr>
            <a:xfrm>
              <a:off x="518307" y="36412"/>
              <a:ext cx="3622" cy="41982"/>
            </a:xfrm>
            <a:custGeom>
              <a:avLst/>
              <a:gdLst>
                <a:gd name="connsiteX0" fmla="*/ 1811 w 3622"/>
                <a:gd name="connsiteY0" fmla="*/ 0 h 41982"/>
                <a:gd name="connsiteX1" fmla="*/ 3622 w 3622"/>
                <a:gd name="connsiteY1" fmla="*/ 1814 h 41982"/>
                <a:gd name="connsiteX2" fmla="*/ 3622 w 3622"/>
                <a:gd name="connsiteY2" fmla="*/ 40168 h 41982"/>
                <a:gd name="connsiteX3" fmla="*/ 1811 w 3622"/>
                <a:gd name="connsiteY3" fmla="*/ 41983 h 41982"/>
                <a:gd name="connsiteX4" fmla="*/ 1811 w 3622"/>
                <a:gd name="connsiteY4" fmla="*/ 41983 h 41982"/>
                <a:gd name="connsiteX5" fmla="*/ 0 w 3622"/>
                <a:gd name="connsiteY5" fmla="*/ 40168 h 41982"/>
                <a:gd name="connsiteX6" fmla="*/ 0 w 3622"/>
                <a:gd name="connsiteY6" fmla="*/ 1814 h 41982"/>
                <a:gd name="connsiteX7" fmla="*/ 1811 w 3622"/>
                <a:gd name="connsiteY7" fmla="*/ 0 h 419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22" h="41982">
                  <a:moveTo>
                    <a:pt x="1811" y="0"/>
                  </a:moveTo>
                  <a:cubicBezTo>
                    <a:pt x="2811" y="0"/>
                    <a:pt x="3622" y="812"/>
                    <a:pt x="3622" y="1814"/>
                  </a:cubicBezTo>
                  <a:lnTo>
                    <a:pt x="3622" y="40168"/>
                  </a:lnTo>
                  <a:cubicBezTo>
                    <a:pt x="3622" y="41170"/>
                    <a:pt x="2811" y="41983"/>
                    <a:pt x="1811" y="41983"/>
                  </a:cubicBezTo>
                  <a:lnTo>
                    <a:pt x="1811" y="41983"/>
                  </a:lnTo>
                  <a:cubicBezTo>
                    <a:pt x="811" y="41983"/>
                    <a:pt x="0" y="41170"/>
                    <a:pt x="0" y="40168"/>
                  </a:cubicBezTo>
                  <a:lnTo>
                    <a:pt x="0" y="1814"/>
                  </a:lnTo>
                  <a:cubicBezTo>
                    <a:pt x="0" y="812"/>
                    <a:pt x="811" y="0"/>
                    <a:pt x="1811" y="0"/>
                  </a:cubicBezTo>
                  <a:close/>
                </a:path>
              </a:pathLst>
            </a:custGeom>
            <a:solidFill>
              <a:srgbClr val="265A9A"/>
            </a:solidFill>
            <a:ln w="1793" cap="flat">
              <a:noFill/>
              <a:prstDash val="solid"/>
              <a:miter/>
            </a:ln>
          </p:spPr>
          <p:txBody>
            <a:bodyPr rtlCol="0" anchor="ctr"/>
            <a:lstStyle/>
            <a:p>
              <a:endParaRPr lang="en-AU"/>
            </a:p>
          </p:txBody>
        </p:sp>
        <p:sp>
          <p:nvSpPr>
            <p:cNvPr id="66" name="Freeform 5">
              <a:extLst>
                <a:ext uri="{FF2B5EF4-FFF2-40B4-BE49-F238E27FC236}">
                  <a16:creationId xmlns:a16="http://schemas.microsoft.com/office/drawing/2014/main" id="{9A1430B0-6969-F646-0B6C-1680673267D8}"/>
                </a:ext>
              </a:extLst>
            </p:cNvPr>
            <p:cNvSpPr/>
            <p:nvPr/>
          </p:nvSpPr>
          <p:spPr>
            <a:xfrm>
              <a:off x="543190" y="47109"/>
              <a:ext cx="26735" cy="29471"/>
            </a:xfrm>
            <a:custGeom>
              <a:avLst/>
              <a:gdLst>
                <a:gd name="connsiteX0" fmla="*/ 24902 w 26735"/>
                <a:gd name="connsiteY0" fmla="*/ 29472 h 29471"/>
                <a:gd name="connsiteX1" fmla="*/ 23833 w 26735"/>
                <a:gd name="connsiteY1" fmla="*/ 29127 h 29471"/>
                <a:gd name="connsiteX2" fmla="*/ 2445 w 26735"/>
                <a:gd name="connsiteY2" fmla="*/ 25662 h 29471"/>
                <a:gd name="connsiteX3" fmla="*/ 779 w 26735"/>
                <a:gd name="connsiteY3" fmla="*/ 25462 h 29471"/>
                <a:gd name="connsiteX4" fmla="*/ 0 w 26735"/>
                <a:gd name="connsiteY4" fmla="*/ 23974 h 29471"/>
                <a:gd name="connsiteX5" fmla="*/ 0 w 26735"/>
                <a:gd name="connsiteY5" fmla="*/ 3328 h 29471"/>
                <a:gd name="connsiteX6" fmla="*/ 1177 w 26735"/>
                <a:gd name="connsiteY6" fmla="*/ 1640 h 29471"/>
                <a:gd name="connsiteX7" fmla="*/ 25988 w 26735"/>
                <a:gd name="connsiteY7" fmla="*/ 5559 h 29471"/>
                <a:gd name="connsiteX8" fmla="*/ 26731 w 26735"/>
                <a:gd name="connsiteY8" fmla="*/ 6884 h 29471"/>
                <a:gd name="connsiteX9" fmla="*/ 26206 w 26735"/>
                <a:gd name="connsiteY9" fmla="*/ 8317 h 29471"/>
                <a:gd name="connsiteX10" fmla="*/ 19903 w 26735"/>
                <a:gd name="connsiteY10" fmla="*/ 14558 h 29471"/>
                <a:gd name="connsiteX11" fmla="*/ 26495 w 26735"/>
                <a:gd name="connsiteY11" fmla="*/ 26786 h 29471"/>
                <a:gd name="connsiteX12" fmla="*/ 26115 w 26735"/>
                <a:gd name="connsiteY12" fmla="*/ 29018 h 29471"/>
                <a:gd name="connsiteX13" fmla="*/ 24920 w 26735"/>
                <a:gd name="connsiteY13" fmla="*/ 29472 h 29471"/>
                <a:gd name="connsiteX14" fmla="*/ 9943 w 26735"/>
                <a:gd name="connsiteY14" fmla="*/ 20636 h 29471"/>
                <a:gd name="connsiteX15" fmla="*/ 20229 w 26735"/>
                <a:gd name="connsiteY15" fmla="*/ 22868 h 29471"/>
                <a:gd name="connsiteX16" fmla="*/ 16064 w 26735"/>
                <a:gd name="connsiteY16" fmla="*/ 15066 h 29471"/>
                <a:gd name="connsiteX17" fmla="*/ 16390 w 26735"/>
                <a:gd name="connsiteY17" fmla="*/ 12925 h 29471"/>
                <a:gd name="connsiteX18" fmla="*/ 22076 w 26735"/>
                <a:gd name="connsiteY18" fmla="*/ 7283 h 29471"/>
                <a:gd name="connsiteX19" fmla="*/ 3622 w 26735"/>
                <a:gd name="connsiteY19" fmla="*/ 4616 h 29471"/>
                <a:gd name="connsiteX20" fmla="*/ 3622 w 26735"/>
                <a:gd name="connsiteY20" fmla="*/ 21471 h 29471"/>
                <a:gd name="connsiteX21" fmla="*/ 9943 w 26735"/>
                <a:gd name="connsiteY21" fmla="*/ 20636 h 29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6735" h="29471">
                  <a:moveTo>
                    <a:pt x="24902" y="29472"/>
                  </a:moveTo>
                  <a:cubicBezTo>
                    <a:pt x="24521" y="29472"/>
                    <a:pt x="24159" y="29363"/>
                    <a:pt x="23833" y="29127"/>
                  </a:cubicBezTo>
                  <a:cubicBezTo>
                    <a:pt x="17096" y="24210"/>
                    <a:pt x="9490" y="22976"/>
                    <a:pt x="2445" y="25662"/>
                  </a:cubicBezTo>
                  <a:cubicBezTo>
                    <a:pt x="1883" y="25879"/>
                    <a:pt x="1268" y="25807"/>
                    <a:pt x="779" y="25462"/>
                  </a:cubicBezTo>
                  <a:cubicBezTo>
                    <a:pt x="290" y="25117"/>
                    <a:pt x="0" y="24573"/>
                    <a:pt x="0" y="23974"/>
                  </a:cubicBezTo>
                  <a:lnTo>
                    <a:pt x="0" y="3328"/>
                  </a:lnTo>
                  <a:cubicBezTo>
                    <a:pt x="0" y="2566"/>
                    <a:pt x="471" y="1894"/>
                    <a:pt x="1177" y="1640"/>
                  </a:cubicBezTo>
                  <a:cubicBezTo>
                    <a:pt x="9417" y="-1498"/>
                    <a:pt x="18219" y="-101"/>
                    <a:pt x="25988" y="5559"/>
                  </a:cubicBezTo>
                  <a:cubicBezTo>
                    <a:pt x="26423" y="5868"/>
                    <a:pt x="26695" y="6358"/>
                    <a:pt x="26731" y="6884"/>
                  </a:cubicBezTo>
                  <a:cubicBezTo>
                    <a:pt x="26767" y="7410"/>
                    <a:pt x="26586" y="7936"/>
                    <a:pt x="26206" y="8317"/>
                  </a:cubicBezTo>
                  <a:lnTo>
                    <a:pt x="19903" y="14558"/>
                  </a:lnTo>
                  <a:lnTo>
                    <a:pt x="26495" y="26786"/>
                  </a:lnTo>
                  <a:cubicBezTo>
                    <a:pt x="26912" y="27530"/>
                    <a:pt x="26749" y="28456"/>
                    <a:pt x="26115" y="29018"/>
                  </a:cubicBezTo>
                  <a:cubicBezTo>
                    <a:pt x="25771" y="29326"/>
                    <a:pt x="25354" y="29472"/>
                    <a:pt x="24920" y="29472"/>
                  </a:cubicBezTo>
                  <a:close/>
                  <a:moveTo>
                    <a:pt x="9943" y="20636"/>
                  </a:moveTo>
                  <a:cubicBezTo>
                    <a:pt x="13402" y="20636"/>
                    <a:pt x="16879" y="21380"/>
                    <a:pt x="20229" y="22868"/>
                  </a:cubicBezTo>
                  <a:lnTo>
                    <a:pt x="16064" y="15066"/>
                  </a:lnTo>
                  <a:cubicBezTo>
                    <a:pt x="15684" y="14359"/>
                    <a:pt x="15810" y="13488"/>
                    <a:pt x="16390" y="12925"/>
                  </a:cubicBezTo>
                  <a:lnTo>
                    <a:pt x="22076" y="7283"/>
                  </a:lnTo>
                  <a:cubicBezTo>
                    <a:pt x="16173" y="3618"/>
                    <a:pt x="9725" y="2675"/>
                    <a:pt x="3622" y="4616"/>
                  </a:cubicBezTo>
                  <a:lnTo>
                    <a:pt x="3622" y="21471"/>
                  </a:lnTo>
                  <a:cubicBezTo>
                    <a:pt x="5705" y="20908"/>
                    <a:pt x="7824" y="20636"/>
                    <a:pt x="9943" y="20636"/>
                  </a:cubicBezTo>
                  <a:close/>
                </a:path>
              </a:pathLst>
            </a:custGeom>
            <a:solidFill>
              <a:srgbClr val="265A9A"/>
            </a:solidFill>
            <a:ln w="1793" cap="flat">
              <a:noFill/>
              <a:prstDash val="solid"/>
              <a:miter/>
            </a:ln>
          </p:spPr>
          <p:txBody>
            <a:bodyPr rtlCol="0" anchor="ctr"/>
            <a:lstStyle/>
            <a:p>
              <a:endParaRPr lang="en-AU"/>
            </a:p>
          </p:txBody>
        </p:sp>
        <p:sp>
          <p:nvSpPr>
            <p:cNvPr id="67" name="Freeform 6">
              <a:extLst>
                <a:ext uri="{FF2B5EF4-FFF2-40B4-BE49-F238E27FC236}">
                  <a16:creationId xmlns:a16="http://schemas.microsoft.com/office/drawing/2014/main" id="{008AF770-BC0C-1BD8-51F2-E408556AC4CD}"/>
                </a:ext>
              </a:extLst>
            </p:cNvPr>
            <p:cNvSpPr/>
            <p:nvPr/>
          </p:nvSpPr>
          <p:spPr>
            <a:xfrm>
              <a:off x="518325" y="39386"/>
              <a:ext cx="28505" cy="27615"/>
            </a:xfrm>
            <a:custGeom>
              <a:avLst/>
              <a:gdLst>
                <a:gd name="connsiteX0" fmla="*/ 26676 w 28505"/>
                <a:gd name="connsiteY0" fmla="*/ 27597 h 27615"/>
                <a:gd name="connsiteX1" fmla="*/ 25807 w 28505"/>
                <a:gd name="connsiteY1" fmla="*/ 27379 h 27615"/>
                <a:gd name="connsiteX2" fmla="*/ 2608 w 28505"/>
                <a:gd name="connsiteY2" fmla="*/ 26889 h 27615"/>
                <a:gd name="connsiteX3" fmla="*/ 851 w 28505"/>
                <a:gd name="connsiteY3" fmla="*/ 26817 h 27615"/>
                <a:gd name="connsiteX4" fmla="*/ 0 w 28505"/>
                <a:gd name="connsiteY4" fmla="*/ 25275 h 27615"/>
                <a:gd name="connsiteX5" fmla="*/ 0 w 28505"/>
                <a:gd name="connsiteY5" fmla="*/ 4628 h 27615"/>
                <a:gd name="connsiteX6" fmla="*/ 996 w 28505"/>
                <a:gd name="connsiteY6" fmla="*/ 3013 h 27615"/>
                <a:gd name="connsiteX7" fmla="*/ 27564 w 28505"/>
                <a:gd name="connsiteY7" fmla="*/ 3558 h 27615"/>
                <a:gd name="connsiteX8" fmla="*/ 28506 w 28505"/>
                <a:gd name="connsiteY8" fmla="*/ 5154 h 27615"/>
                <a:gd name="connsiteX9" fmla="*/ 28506 w 28505"/>
                <a:gd name="connsiteY9" fmla="*/ 25801 h 27615"/>
                <a:gd name="connsiteX10" fmla="*/ 27618 w 28505"/>
                <a:gd name="connsiteY10" fmla="*/ 27361 h 27615"/>
                <a:gd name="connsiteX11" fmla="*/ 26695 w 28505"/>
                <a:gd name="connsiteY11" fmla="*/ 27615 h 27615"/>
                <a:gd name="connsiteX12" fmla="*/ 13746 w 28505"/>
                <a:gd name="connsiteY12" fmla="*/ 20630 h 27615"/>
                <a:gd name="connsiteX13" fmla="*/ 24865 w 28505"/>
                <a:gd name="connsiteY13" fmla="*/ 22880 h 27615"/>
                <a:gd name="connsiteX14" fmla="*/ 24865 w 28505"/>
                <a:gd name="connsiteY14" fmla="*/ 6225 h 27615"/>
                <a:gd name="connsiteX15" fmla="*/ 3604 w 28505"/>
                <a:gd name="connsiteY15" fmla="*/ 5753 h 27615"/>
                <a:gd name="connsiteX16" fmla="*/ 3604 w 28505"/>
                <a:gd name="connsiteY16" fmla="*/ 22481 h 27615"/>
                <a:gd name="connsiteX17" fmla="*/ 13746 w 28505"/>
                <a:gd name="connsiteY17" fmla="*/ 20612 h 27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8505" h="27615">
                  <a:moveTo>
                    <a:pt x="26676" y="27597"/>
                  </a:moveTo>
                  <a:cubicBezTo>
                    <a:pt x="26369" y="27597"/>
                    <a:pt x="26079" y="27524"/>
                    <a:pt x="25807" y="27379"/>
                  </a:cubicBezTo>
                  <a:cubicBezTo>
                    <a:pt x="18636" y="23406"/>
                    <a:pt x="9961" y="23225"/>
                    <a:pt x="2608" y="26889"/>
                  </a:cubicBezTo>
                  <a:cubicBezTo>
                    <a:pt x="2046" y="27162"/>
                    <a:pt x="1376" y="27143"/>
                    <a:pt x="851" y="26817"/>
                  </a:cubicBezTo>
                  <a:cubicBezTo>
                    <a:pt x="326" y="26490"/>
                    <a:pt x="0" y="25910"/>
                    <a:pt x="0" y="25275"/>
                  </a:cubicBezTo>
                  <a:lnTo>
                    <a:pt x="0" y="4628"/>
                  </a:lnTo>
                  <a:cubicBezTo>
                    <a:pt x="0" y="3939"/>
                    <a:pt x="380" y="3304"/>
                    <a:pt x="996" y="3013"/>
                  </a:cubicBezTo>
                  <a:cubicBezTo>
                    <a:pt x="9399" y="-1196"/>
                    <a:pt x="19342" y="-978"/>
                    <a:pt x="27564" y="3558"/>
                  </a:cubicBezTo>
                  <a:cubicBezTo>
                    <a:pt x="28143" y="3884"/>
                    <a:pt x="28506" y="4483"/>
                    <a:pt x="28506" y="5154"/>
                  </a:cubicBezTo>
                  <a:lnTo>
                    <a:pt x="28506" y="25801"/>
                  </a:lnTo>
                  <a:cubicBezTo>
                    <a:pt x="28506" y="26436"/>
                    <a:pt x="28162" y="27035"/>
                    <a:pt x="27618" y="27361"/>
                  </a:cubicBezTo>
                  <a:cubicBezTo>
                    <a:pt x="27328" y="27524"/>
                    <a:pt x="27021" y="27615"/>
                    <a:pt x="26695" y="27615"/>
                  </a:cubicBezTo>
                  <a:close/>
                  <a:moveTo>
                    <a:pt x="13746" y="20630"/>
                  </a:moveTo>
                  <a:cubicBezTo>
                    <a:pt x="17531" y="20630"/>
                    <a:pt x="21316" y="21392"/>
                    <a:pt x="24865" y="22880"/>
                  </a:cubicBezTo>
                  <a:lnTo>
                    <a:pt x="24865" y="6225"/>
                  </a:lnTo>
                  <a:cubicBezTo>
                    <a:pt x="18201" y="2905"/>
                    <a:pt x="10413" y="2723"/>
                    <a:pt x="3604" y="5753"/>
                  </a:cubicBezTo>
                  <a:lnTo>
                    <a:pt x="3604" y="22481"/>
                  </a:lnTo>
                  <a:cubicBezTo>
                    <a:pt x="6864" y="21247"/>
                    <a:pt x="10305" y="20612"/>
                    <a:pt x="13746" y="20612"/>
                  </a:cubicBezTo>
                  <a:close/>
                </a:path>
              </a:pathLst>
            </a:custGeom>
            <a:solidFill>
              <a:srgbClr val="265A9A"/>
            </a:solidFill>
            <a:ln w="1793" cap="flat">
              <a:noFill/>
              <a:prstDash val="solid"/>
              <a:miter/>
            </a:ln>
          </p:spPr>
          <p:txBody>
            <a:bodyPr rtlCol="0" anchor="ctr"/>
            <a:lstStyle/>
            <a:p>
              <a:endParaRPr lang="en-AU"/>
            </a:p>
          </p:txBody>
        </p:sp>
        <p:grpSp>
          <p:nvGrpSpPr>
            <p:cNvPr id="68" name="Group 67">
              <a:extLst>
                <a:ext uri="{FF2B5EF4-FFF2-40B4-BE49-F238E27FC236}">
                  <a16:creationId xmlns:a16="http://schemas.microsoft.com/office/drawing/2014/main" id="{62C96708-B14F-DB0D-1283-825BEF6901F9}"/>
                </a:ext>
              </a:extLst>
            </p:cNvPr>
            <p:cNvGrpSpPr/>
            <p:nvPr/>
          </p:nvGrpSpPr>
          <p:grpSpPr>
            <a:xfrm>
              <a:off x="472171" y="76127"/>
              <a:ext cx="118528" cy="70648"/>
              <a:chOff x="472171" y="76127"/>
              <a:chExt cx="118528" cy="70648"/>
            </a:xfrm>
          </p:grpSpPr>
          <p:sp>
            <p:nvSpPr>
              <p:cNvPr id="69" name="Freeform 8">
                <a:extLst>
                  <a:ext uri="{FF2B5EF4-FFF2-40B4-BE49-F238E27FC236}">
                    <a16:creationId xmlns:a16="http://schemas.microsoft.com/office/drawing/2014/main" id="{2AE18357-1D36-A582-8DEC-3608210A8D31}"/>
                  </a:ext>
                </a:extLst>
              </p:cNvPr>
              <p:cNvSpPr/>
              <p:nvPr/>
            </p:nvSpPr>
            <p:spPr>
              <a:xfrm>
                <a:off x="472171" y="76127"/>
                <a:ext cx="95007" cy="70648"/>
              </a:xfrm>
              <a:custGeom>
                <a:avLst/>
                <a:gdLst>
                  <a:gd name="connsiteX0" fmla="*/ 2273 w 95007"/>
                  <a:gd name="connsiteY0" fmla="*/ 70648 h 70648"/>
                  <a:gd name="connsiteX1" fmla="*/ 1078 w 95007"/>
                  <a:gd name="connsiteY1" fmla="*/ 70304 h 70648"/>
                  <a:gd name="connsiteX2" fmla="*/ 335 w 95007"/>
                  <a:gd name="connsiteY2" fmla="*/ 67183 h 70648"/>
                  <a:gd name="connsiteX3" fmla="*/ 38928 w 95007"/>
                  <a:gd name="connsiteY3" fmla="*/ 4699 h 70648"/>
                  <a:gd name="connsiteX4" fmla="*/ 47513 w 95007"/>
                  <a:gd name="connsiteY4" fmla="*/ 0 h 70648"/>
                  <a:gd name="connsiteX5" fmla="*/ 47513 w 95007"/>
                  <a:gd name="connsiteY5" fmla="*/ 0 h 70648"/>
                  <a:gd name="connsiteX6" fmla="*/ 56061 w 95007"/>
                  <a:gd name="connsiteY6" fmla="*/ 4663 h 70648"/>
                  <a:gd name="connsiteX7" fmla="*/ 94672 w 95007"/>
                  <a:gd name="connsiteY7" fmla="*/ 67183 h 70648"/>
                  <a:gd name="connsiteX8" fmla="*/ 93929 w 95007"/>
                  <a:gd name="connsiteY8" fmla="*/ 70304 h 70648"/>
                  <a:gd name="connsiteX9" fmla="*/ 90814 w 95007"/>
                  <a:gd name="connsiteY9" fmla="*/ 69560 h 70648"/>
                  <a:gd name="connsiteX10" fmla="*/ 52239 w 95007"/>
                  <a:gd name="connsiteY10" fmla="*/ 7076 h 70648"/>
                  <a:gd name="connsiteX11" fmla="*/ 47513 w 95007"/>
                  <a:gd name="connsiteY11" fmla="*/ 4518 h 70648"/>
                  <a:gd name="connsiteX12" fmla="*/ 42750 w 95007"/>
                  <a:gd name="connsiteY12" fmla="*/ 7112 h 70648"/>
                  <a:gd name="connsiteX13" fmla="*/ 4193 w 95007"/>
                  <a:gd name="connsiteY13" fmla="*/ 69560 h 70648"/>
                  <a:gd name="connsiteX14" fmla="*/ 2273 w 95007"/>
                  <a:gd name="connsiteY14" fmla="*/ 70630 h 7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5007" h="70648">
                    <a:moveTo>
                      <a:pt x="2273" y="70648"/>
                    </a:moveTo>
                    <a:cubicBezTo>
                      <a:pt x="1875" y="70648"/>
                      <a:pt x="1458" y="70539"/>
                      <a:pt x="1078" y="70304"/>
                    </a:cubicBezTo>
                    <a:cubicBezTo>
                      <a:pt x="9" y="69650"/>
                      <a:pt x="-317" y="68253"/>
                      <a:pt x="335" y="67183"/>
                    </a:cubicBezTo>
                    <a:lnTo>
                      <a:pt x="38928" y="4699"/>
                    </a:lnTo>
                    <a:cubicBezTo>
                      <a:pt x="40848" y="1742"/>
                      <a:pt x="44035" y="0"/>
                      <a:pt x="47513" y="0"/>
                    </a:cubicBezTo>
                    <a:lnTo>
                      <a:pt x="47513" y="0"/>
                    </a:lnTo>
                    <a:cubicBezTo>
                      <a:pt x="50990" y="0"/>
                      <a:pt x="54177" y="1742"/>
                      <a:pt x="56061" y="4663"/>
                    </a:cubicBezTo>
                    <a:lnTo>
                      <a:pt x="94672" y="67183"/>
                    </a:lnTo>
                    <a:cubicBezTo>
                      <a:pt x="95324" y="68253"/>
                      <a:pt x="94998" y="69650"/>
                      <a:pt x="93929" y="70304"/>
                    </a:cubicBezTo>
                    <a:cubicBezTo>
                      <a:pt x="92879" y="70957"/>
                      <a:pt x="91466" y="70630"/>
                      <a:pt x="90814" y="69560"/>
                    </a:cubicBezTo>
                    <a:lnTo>
                      <a:pt x="52239" y="7076"/>
                    </a:lnTo>
                    <a:cubicBezTo>
                      <a:pt x="51207" y="5461"/>
                      <a:pt x="49469" y="4518"/>
                      <a:pt x="47513" y="4518"/>
                    </a:cubicBezTo>
                    <a:cubicBezTo>
                      <a:pt x="45557" y="4518"/>
                      <a:pt x="43818" y="5461"/>
                      <a:pt x="42750" y="7112"/>
                    </a:cubicBezTo>
                    <a:lnTo>
                      <a:pt x="4193" y="69560"/>
                    </a:lnTo>
                    <a:cubicBezTo>
                      <a:pt x="3758" y="70249"/>
                      <a:pt x="3016" y="70630"/>
                      <a:pt x="2273" y="70630"/>
                    </a:cubicBezTo>
                    <a:close/>
                  </a:path>
                </a:pathLst>
              </a:custGeom>
              <a:solidFill>
                <a:srgbClr val="265A9A"/>
              </a:solidFill>
              <a:ln w="1793" cap="flat">
                <a:noFill/>
                <a:prstDash val="solid"/>
                <a:miter/>
              </a:ln>
            </p:spPr>
            <p:txBody>
              <a:bodyPr rtlCol="0" anchor="ctr"/>
              <a:lstStyle/>
              <a:p>
                <a:endParaRPr lang="en-AU"/>
              </a:p>
            </p:txBody>
          </p:sp>
          <p:sp>
            <p:nvSpPr>
              <p:cNvPr id="70" name="Freeform 9">
                <a:extLst>
                  <a:ext uri="{FF2B5EF4-FFF2-40B4-BE49-F238E27FC236}">
                    <a16:creationId xmlns:a16="http://schemas.microsoft.com/office/drawing/2014/main" id="{D0674C61-2A0F-2356-96E0-1A34BF04ECB6}"/>
                  </a:ext>
                </a:extLst>
              </p:cNvPr>
              <p:cNvSpPr/>
              <p:nvPr/>
            </p:nvSpPr>
            <p:spPr>
              <a:xfrm>
                <a:off x="539164" y="88373"/>
                <a:ext cx="51535" cy="51471"/>
              </a:xfrm>
              <a:custGeom>
                <a:avLst/>
                <a:gdLst>
                  <a:gd name="connsiteX0" fmla="*/ 49302 w 51535"/>
                  <a:gd name="connsiteY0" fmla="*/ 51471 h 51471"/>
                  <a:gd name="connsiteX1" fmla="*/ 47400 w 51535"/>
                  <a:gd name="connsiteY1" fmla="*/ 50437 h 51471"/>
                  <a:gd name="connsiteX2" fmla="*/ 18967 w 51535"/>
                  <a:gd name="connsiteY2" fmla="*/ 6459 h 51471"/>
                  <a:gd name="connsiteX3" fmla="*/ 15436 w 51535"/>
                  <a:gd name="connsiteY3" fmla="*/ 4536 h 51471"/>
                  <a:gd name="connsiteX4" fmla="*/ 11904 w 51535"/>
                  <a:gd name="connsiteY4" fmla="*/ 6459 h 51471"/>
                  <a:gd name="connsiteX5" fmla="*/ 4171 w 51535"/>
                  <a:gd name="connsiteY5" fmla="*/ 18415 h 51471"/>
                  <a:gd name="connsiteX6" fmla="*/ 1038 w 51535"/>
                  <a:gd name="connsiteY6" fmla="*/ 19086 h 51471"/>
                  <a:gd name="connsiteX7" fmla="*/ 368 w 51535"/>
                  <a:gd name="connsiteY7" fmla="*/ 15948 h 51471"/>
                  <a:gd name="connsiteX8" fmla="*/ 8101 w 51535"/>
                  <a:gd name="connsiteY8" fmla="*/ 3991 h 51471"/>
                  <a:gd name="connsiteX9" fmla="*/ 15417 w 51535"/>
                  <a:gd name="connsiteY9" fmla="*/ 0 h 51471"/>
                  <a:gd name="connsiteX10" fmla="*/ 22734 w 51535"/>
                  <a:gd name="connsiteY10" fmla="*/ 3991 h 51471"/>
                  <a:gd name="connsiteX11" fmla="*/ 51167 w 51535"/>
                  <a:gd name="connsiteY11" fmla="*/ 47970 h 51471"/>
                  <a:gd name="connsiteX12" fmla="*/ 50497 w 51535"/>
                  <a:gd name="connsiteY12" fmla="*/ 51108 h 51471"/>
                  <a:gd name="connsiteX13" fmla="*/ 49266 w 51535"/>
                  <a:gd name="connsiteY13" fmla="*/ 51471 h 5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535" h="51471">
                    <a:moveTo>
                      <a:pt x="49302" y="51471"/>
                    </a:moveTo>
                    <a:cubicBezTo>
                      <a:pt x="48559" y="51471"/>
                      <a:pt x="47835" y="51108"/>
                      <a:pt x="47400" y="50437"/>
                    </a:cubicBezTo>
                    <a:lnTo>
                      <a:pt x="18967" y="6459"/>
                    </a:lnTo>
                    <a:cubicBezTo>
                      <a:pt x="18170" y="5243"/>
                      <a:pt x="16903" y="4536"/>
                      <a:pt x="15436" y="4536"/>
                    </a:cubicBezTo>
                    <a:cubicBezTo>
                      <a:pt x="13969" y="4536"/>
                      <a:pt x="12701" y="5243"/>
                      <a:pt x="11904" y="6459"/>
                    </a:cubicBezTo>
                    <a:lnTo>
                      <a:pt x="4171" y="18415"/>
                    </a:lnTo>
                    <a:cubicBezTo>
                      <a:pt x="3483" y="19467"/>
                      <a:pt x="2088" y="19776"/>
                      <a:pt x="1038" y="19086"/>
                    </a:cubicBezTo>
                    <a:cubicBezTo>
                      <a:pt x="-13" y="18397"/>
                      <a:pt x="-320" y="17000"/>
                      <a:pt x="368" y="15948"/>
                    </a:cubicBezTo>
                    <a:lnTo>
                      <a:pt x="8101" y="3991"/>
                    </a:lnTo>
                    <a:cubicBezTo>
                      <a:pt x="9713" y="1488"/>
                      <a:pt x="12447" y="0"/>
                      <a:pt x="15417" y="0"/>
                    </a:cubicBezTo>
                    <a:cubicBezTo>
                      <a:pt x="18388" y="0"/>
                      <a:pt x="21122" y="1488"/>
                      <a:pt x="22734" y="3991"/>
                    </a:cubicBezTo>
                    <a:lnTo>
                      <a:pt x="51167" y="47970"/>
                    </a:lnTo>
                    <a:cubicBezTo>
                      <a:pt x="51855" y="49022"/>
                      <a:pt x="51548" y="50419"/>
                      <a:pt x="50497" y="51108"/>
                    </a:cubicBezTo>
                    <a:cubicBezTo>
                      <a:pt x="50117" y="51362"/>
                      <a:pt x="49682" y="51471"/>
                      <a:pt x="49266" y="51471"/>
                    </a:cubicBezTo>
                    <a:close/>
                  </a:path>
                </a:pathLst>
              </a:custGeom>
              <a:solidFill>
                <a:srgbClr val="265A9A"/>
              </a:solidFill>
              <a:ln w="1793" cap="flat">
                <a:noFill/>
                <a:prstDash val="solid"/>
                <a:miter/>
              </a:ln>
            </p:spPr>
            <p:txBody>
              <a:bodyPr rtlCol="0" anchor="ctr"/>
              <a:lstStyle/>
              <a:p>
                <a:endParaRPr lang="en-AU"/>
              </a:p>
            </p:txBody>
          </p:sp>
          <p:sp>
            <p:nvSpPr>
              <p:cNvPr id="71" name="Freeform 10">
                <a:extLst>
                  <a:ext uri="{FF2B5EF4-FFF2-40B4-BE49-F238E27FC236}">
                    <a16:creationId xmlns:a16="http://schemas.microsoft.com/office/drawing/2014/main" id="{4800E461-6EEA-5F6A-C392-CFBDA868E75F}"/>
                  </a:ext>
                </a:extLst>
              </p:cNvPr>
              <p:cNvSpPr/>
              <p:nvPr/>
            </p:nvSpPr>
            <p:spPr>
              <a:xfrm>
                <a:off x="498250" y="99462"/>
                <a:ext cx="42822" cy="12515"/>
              </a:xfrm>
              <a:custGeom>
                <a:avLst/>
                <a:gdLst>
                  <a:gd name="connsiteX0" fmla="*/ 11418 w 42822"/>
                  <a:gd name="connsiteY0" fmla="*/ 12497 h 12515"/>
                  <a:gd name="connsiteX1" fmla="*/ 8557 w 42822"/>
                  <a:gd name="connsiteY1" fmla="*/ 11409 h 12515"/>
                  <a:gd name="connsiteX2" fmla="*/ 770 w 42822"/>
                  <a:gd name="connsiteY2" fmla="*/ 4514 h 12515"/>
                  <a:gd name="connsiteX3" fmla="*/ 570 w 42822"/>
                  <a:gd name="connsiteY3" fmla="*/ 1321 h 12515"/>
                  <a:gd name="connsiteX4" fmla="*/ 3758 w 42822"/>
                  <a:gd name="connsiteY4" fmla="*/ 1122 h 12515"/>
                  <a:gd name="connsiteX5" fmla="*/ 11400 w 42822"/>
                  <a:gd name="connsiteY5" fmla="*/ 7889 h 12515"/>
                  <a:gd name="connsiteX6" fmla="*/ 18952 w 42822"/>
                  <a:gd name="connsiteY6" fmla="*/ 1085 h 12515"/>
                  <a:gd name="connsiteX7" fmla="*/ 24766 w 42822"/>
                  <a:gd name="connsiteY7" fmla="*/ 1231 h 12515"/>
                  <a:gd name="connsiteX8" fmla="*/ 31394 w 42822"/>
                  <a:gd name="connsiteY8" fmla="*/ 7835 h 12515"/>
                  <a:gd name="connsiteX9" fmla="*/ 39073 w 42822"/>
                  <a:gd name="connsiteY9" fmla="*/ 1085 h 12515"/>
                  <a:gd name="connsiteX10" fmla="*/ 42260 w 42822"/>
                  <a:gd name="connsiteY10" fmla="*/ 1303 h 12515"/>
                  <a:gd name="connsiteX11" fmla="*/ 42043 w 42822"/>
                  <a:gd name="connsiteY11" fmla="*/ 4496 h 12515"/>
                  <a:gd name="connsiteX12" fmla="*/ 34201 w 42822"/>
                  <a:gd name="connsiteY12" fmla="*/ 11391 h 12515"/>
                  <a:gd name="connsiteX13" fmla="*/ 28333 w 42822"/>
                  <a:gd name="connsiteY13" fmla="*/ 11209 h 12515"/>
                  <a:gd name="connsiteX14" fmla="*/ 21759 w 42822"/>
                  <a:gd name="connsiteY14" fmla="*/ 4660 h 12515"/>
                  <a:gd name="connsiteX15" fmla="*/ 14280 w 42822"/>
                  <a:gd name="connsiteY15" fmla="*/ 11409 h 12515"/>
                  <a:gd name="connsiteX16" fmla="*/ 11400 w 42822"/>
                  <a:gd name="connsiteY16" fmla="*/ 12515 h 12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822" h="12515">
                    <a:moveTo>
                      <a:pt x="11418" y="12497"/>
                    </a:moveTo>
                    <a:cubicBezTo>
                      <a:pt x="10404" y="12497"/>
                      <a:pt x="9390" y="12134"/>
                      <a:pt x="8557" y="11409"/>
                    </a:cubicBezTo>
                    <a:lnTo>
                      <a:pt x="770" y="4514"/>
                    </a:lnTo>
                    <a:cubicBezTo>
                      <a:pt x="-172" y="3680"/>
                      <a:pt x="-263" y="2247"/>
                      <a:pt x="570" y="1321"/>
                    </a:cubicBezTo>
                    <a:cubicBezTo>
                      <a:pt x="1403" y="378"/>
                      <a:pt x="2834" y="287"/>
                      <a:pt x="3758" y="1122"/>
                    </a:cubicBezTo>
                    <a:lnTo>
                      <a:pt x="11400" y="7889"/>
                    </a:lnTo>
                    <a:lnTo>
                      <a:pt x="18952" y="1085"/>
                    </a:lnTo>
                    <a:cubicBezTo>
                      <a:pt x="20618" y="-420"/>
                      <a:pt x="23172" y="-348"/>
                      <a:pt x="24766" y="1231"/>
                    </a:cubicBezTo>
                    <a:lnTo>
                      <a:pt x="31394" y="7835"/>
                    </a:lnTo>
                    <a:lnTo>
                      <a:pt x="39073" y="1085"/>
                    </a:lnTo>
                    <a:cubicBezTo>
                      <a:pt x="40015" y="251"/>
                      <a:pt x="41445" y="360"/>
                      <a:pt x="42260" y="1303"/>
                    </a:cubicBezTo>
                    <a:cubicBezTo>
                      <a:pt x="43093" y="2247"/>
                      <a:pt x="42985" y="3680"/>
                      <a:pt x="42043" y="4496"/>
                    </a:cubicBezTo>
                    <a:lnTo>
                      <a:pt x="34201" y="11391"/>
                    </a:lnTo>
                    <a:cubicBezTo>
                      <a:pt x="32517" y="12878"/>
                      <a:pt x="29927" y="12806"/>
                      <a:pt x="28333" y="11209"/>
                    </a:cubicBezTo>
                    <a:lnTo>
                      <a:pt x="21759" y="4660"/>
                    </a:lnTo>
                    <a:lnTo>
                      <a:pt x="14280" y="11409"/>
                    </a:lnTo>
                    <a:cubicBezTo>
                      <a:pt x="13465" y="12153"/>
                      <a:pt x="12433" y="12515"/>
                      <a:pt x="11400" y="12515"/>
                    </a:cubicBezTo>
                    <a:close/>
                  </a:path>
                </a:pathLst>
              </a:custGeom>
              <a:solidFill>
                <a:srgbClr val="265A9A"/>
              </a:solidFill>
              <a:ln w="1793" cap="flat">
                <a:noFill/>
                <a:prstDash val="solid"/>
                <a:miter/>
              </a:ln>
            </p:spPr>
            <p:txBody>
              <a:bodyPr rtlCol="0" anchor="ctr"/>
              <a:lstStyle/>
              <a:p>
                <a:endParaRPr lang="en-AU"/>
              </a:p>
            </p:txBody>
          </p:sp>
        </p:grpSp>
      </p:grpSp>
      <p:grpSp>
        <p:nvGrpSpPr>
          <p:cNvPr id="72" name="Group 71">
            <a:extLst>
              <a:ext uri="{FF2B5EF4-FFF2-40B4-BE49-F238E27FC236}">
                <a16:creationId xmlns:a16="http://schemas.microsoft.com/office/drawing/2014/main" id="{CBBAD92A-5D27-B523-36BF-70D33640B306}"/>
              </a:ext>
            </a:extLst>
          </p:cNvPr>
          <p:cNvGrpSpPr>
            <a:grpSpLocks noChangeAspect="1"/>
          </p:cNvGrpSpPr>
          <p:nvPr/>
        </p:nvGrpSpPr>
        <p:grpSpPr>
          <a:xfrm>
            <a:off x="5154590" y="3437628"/>
            <a:ext cx="502322" cy="457491"/>
            <a:chOff x="2889694" y="1832068"/>
            <a:chExt cx="395573" cy="360269"/>
          </a:xfrm>
        </p:grpSpPr>
        <p:sp>
          <p:nvSpPr>
            <p:cNvPr id="73" name="Freeform: Shape 72">
              <a:extLst>
                <a:ext uri="{FF2B5EF4-FFF2-40B4-BE49-F238E27FC236}">
                  <a16:creationId xmlns:a16="http://schemas.microsoft.com/office/drawing/2014/main" id="{8649696F-3A08-DDC1-54DB-F05D37502C5B}"/>
                </a:ext>
              </a:extLst>
            </p:cNvPr>
            <p:cNvSpPr/>
            <p:nvPr/>
          </p:nvSpPr>
          <p:spPr>
            <a:xfrm>
              <a:off x="2923984" y="1937638"/>
              <a:ext cx="68961" cy="68961"/>
            </a:xfrm>
            <a:custGeom>
              <a:avLst/>
              <a:gdLst>
                <a:gd name="connsiteX0" fmla="*/ 34576 w 68961"/>
                <a:gd name="connsiteY0" fmla="*/ 0 h 68961"/>
                <a:gd name="connsiteX1" fmla="*/ 0 w 68961"/>
                <a:gd name="connsiteY1" fmla="*/ 34385 h 68961"/>
                <a:gd name="connsiteX2" fmla="*/ 34385 w 68961"/>
                <a:gd name="connsiteY2" fmla="*/ 68961 h 68961"/>
                <a:gd name="connsiteX3" fmla="*/ 68961 w 68961"/>
                <a:gd name="connsiteY3" fmla="*/ 34576 h 68961"/>
                <a:gd name="connsiteX4" fmla="*/ 68961 w 68961"/>
                <a:gd name="connsiteY4" fmla="*/ 34481 h 68961"/>
                <a:gd name="connsiteX5" fmla="*/ 34576 w 68961"/>
                <a:gd name="connsiteY5" fmla="*/ 0 h 689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961" h="68961">
                  <a:moveTo>
                    <a:pt x="34576" y="0"/>
                  </a:moveTo>
                  <a:cubicBezTo>
                    <a:pt x="15535" y="-52"/>
                    <a:pt x="57" y="15342"/>
                    <a:pt x="0" y="34385"/>
                  </a:cubicBezTo>
                  <a:cubicBezTo>
                    <a:pt x="-57" y="53428"/>
                    <a:pt x="15345" y="68909"/>
                    <a:pt x="34385" y="68961"/>
                  </a:cubicBezTo>
                  <a:cubicBezTo>
                    <a:pt x="53426" y="69014"/>
                    <a:pt x="68904" y="53619"/>
                    <a:pt x="68961" y="34576"/>
                  </a:cubicBezTo>
                  <a:cubicBezTo>
                    <a:pt x="68961" y="34544"/>
                    <a:pt x="68961" y="34512"/>
                    <a:pt x="68961" y="34481"/>
                  </a:cubicBezTo>
                  <a:cubicBezTo>
                    <a:pt x="68961" y="15474"/>
                    <a:pt x="53578" y="53"/>
                    <a:pt x="34576" y="0"/>
                  </a:cubicBezTo>
                  <a:close/>
                </a:path>
              </a:pathLst>
            </a:custGeom>
            <a:solidFill>
              <a:srgbClr val="C7E4F1"/>
            </a:solidFill>
            <a:ln w="9525" cap="flat">
              <a:noFill/>
              <a:prstDash val="solid"/>
              <a:miter/>
            </a:ln>
          </p:spPr>
          <p:txBody>
            <a:bodyPr rtlCol="0" anchor="ctr"/>
            <a:lstStyle/>
            <a:p>
              <a:endParaRPr lang="en-AU"/>
            </a:p>
          </p:txBody>
        </p:sp>
        <p:sp>
          <p:nvSpPr>
            <p:cNvPr id="74" name="Freeform: Shape 73">
              <a:extLst>
                <a:ext uri="{FF2B5EF4-FFF2-40B4-BE49-F238E27FC236}">
                  <a16:creationId xmlns:a16="http://schemas.microsoft.com/office/drawing/2014/main" id="{56DE1D53-626D-B1F8-DA68-FF4833AD61A7}"/>
                </a:ext>
              </a:extLst>
            </p:cNvPr>
            <p:cNvSpPr/>
            <p:nvPr/>
          </p:nvSpPr>
          <p:spPr>
            <a:xfrm>
              <a:off x="3185064" y="1946020"/>
              <a:ext cx="68961" cy="68960"/>
            </a:xfrm>
            <a:custGeom>
              <a:avLst/>
              <a:gdLst>
                <a:gd name="connsiteX0" fmla="*/ 34480 w 68961"/>
                <a:gd name="connsiteY0" fmla="*/ 0 h 68960"/>
                <a:gd name="connsiteX1" fmla="*/ 0 w 68961"/>
                <a:gd name="connsiteY1" fmla="*/ 34481 h 68960"/>
                <a:gd name="connsiteX2" fmla="*/ 34480 w 68961"/>
                <a:gd name="connsiteY2" fmla="*/ 68961 h 68960"/>
                <a:gd name="connsiteX3" fmla="*/ 68961 w 68961"/>
                <a:gd name="connsiteY3" fmla="*/ 34481 h 68960"/>
                <a:gd name="connsiteX4" fmla="*/ 34480 w 68961"/>
                <a:gd name="connsiteY4" fmla="*/ 0 h 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961" h="68960">
                  <a:moveTo>
                    <a:pt x="34480" y="0"/>
                  </a:moveTo>
                  <a:cubicBezTo>
                    <a:pt x="15440" y="0"/>
                    <a:pt x="0" y="15437"/>
                    <a:pt x="0" y="34481"/>
                  </a:cubicBezTo>
                  <a:cubicBezTo>
                    <a:pt x="0" y="53524"/>
                    <a:pt x="15440" y="68961"/>
                    <a:pt x="34480" y="68961"/>
                  </a:cubicBezTo>
                  <a:cubicBezTo>
                    <a:pt x="53521" y="68961"/>
                    <a:pt x="68961" y="53524"/>
                    <a:pt x="68961" y="34481"/>
                  </a:cubicBezTo>
                  <a:cubicBezTo>
                    <a:pt x="68961" y="15437"/>
                    <a:pt x="53521" y="0"/>
                    <a:pt x="34480" y="0"/>
                  </a:cubicBezTo>
                  <a:close/>
                </a:path>
              </a:pathLst>
            </a:custGeom>
            <a:solidFill>
              <a:srgbClr val="C7E4F1"/>
            </a:solidFill>
            <a:ln w="9525" cap="flat">
              <a:noFill/>
              <a:prstDash val="solid"/>
              <a:miter/>
            </a:ln>
          </p:spPr>
          <p:txBody>
            <a:bodyPr rtlCol="0" anchor="ctr"/>
            <a:lstStyle/>
            <a:p>
              <a:endParaRPr lang="en-AU"/>
            </a:p>
          </p:txBody>
        </p:sp>
        <p:sp>
          <p:nvSpPr>
            <p:cNvPr id="75" name="Freeform: Shape 74">
              <a:extLst>
                <a:ext uri="{FF2B5EF4-FFF2-40B4-BE49-F238E27FC236}">
                  <a16:creationId xmlns:a16="http://schemas.microsoft.com/office/drawing/2014/main" id="{962D3E0F-F09F-76D7-8DA5-F1C51E7FAC2A}"/>
                </a:ext>
              </a:extLst>
            </p:cNvPr>
            <p:cNvSpPr/>
            <p:nvPr/>
          </p:nvSpPr>
          <p:spPr>
            <a:xfrm>
              <a:off x="3164110" y="2038984"/>
              <a:ext cx="111061" cy="47720"/>
            </a:xfrm>
            <a:custGeom>
              <a:avLst/>
              <a:gdLst>
                <a:gd name="connsiteX0" fmla="*/ 111062 w 111061"/>
                <a:gd name="connsiteY0" fmla="*/ 47720 h 47720"/>
                <a:gd name="connsiteX1" fmla="*/ 111062 w 111061"/>
                <a:gd name="connsiteY1" fmla="*/ 17050 h 47720"/>
                <a:gd name="connsiteX2" fmla="*/ 82487 w 111061"/>
                <a:gd name="connsiteY2" fmla="*/ 0 h 47720"/>
                <a:gd name="connsiteX3" fmla="*/ 32956 w 111061"/>
                <a:gd name="connsiteY3" fmla="*/ 0 h 47720"/>
                <a:gd name="connsiteX4" fmla="*/ 857 w 111061"/>
                <a:gd name="connsiteY4" fmla="*/ 23527 h 47720"/>
                <a:gd name="connsiteX5" fmla="*/ 0 w 111061"/>
                <a:gd name="connsiteY5" fmla="*/ 47720 h 477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1061" h="47720">
                  <a:moveTo>
                    <a:pt x="111062" y="47720"/>
                  </a:moveTo>
                  <a:lnTo>
                    <a:pt x="111062" y="17050"/>
                  </a:lnTo>
                  <a:cubicBezTo>
                    <a:pt x="102822" y="9452"/>
                    <a:pt x="93088" y="3646"/>
                    <a:pt x="82487" y="0"/>
                  </a:cubicBezTo>
                  <a:lnTo>
                    <a:pt x="32956" y="0"/>
                  </a:lnTo>
                  <a:cubicBezTo>
                    <a:pt x="20898" y="5800"/>
                    <a:pt x="10020" y="13776"/>
                    <a:pt x="857" y="23527"/>
                  </a:cubicBezTo>
                  <a:lnTo>
                    <a:pt x="0" y="47720"/>
                  </a:lnTo>
                </a:path>
              </a:pathLst>
            </a:custGeom>
            <a:solidFill>
              <a:srgbClr val="66B9DA"/>
            </a:solidFill>
            <a:ln w="9525" cap="flat">
              <a:noFill/>
              <a:prstDash val="solid"/>
              <a:miter/>
            </a:ln>
          </p:spPr>
          <p:txBody>
            <a:bodyPr rtlCol="0" anchor="ctr"/>
            <a:lstStyle/>
            <a:p>
              <a:endParaRPr lang="en-AU"/>
            </a:p>
          </p:txBody>
        </p:sp>
        <p:sp>
          <p:nvSpPr>
            <p:cNvPr id="76" name="Freeform: Shape 75">
              <a:extLst>
                <a:ext uri="{FF2B5EF4-FFF2-40B4-BE49-F238E27FC236}">
                  <a16:creationId xmlns:a16="http://schemas.microsoft.com/office/drawing/2014/main" id="{CEF02F3A-6D5D-393A-23B3-A68380A2A0A1}"/>
                </a:ext>
              </a:extLst>
            </p:cNvPr>
            <p:cNvSpPr/>
            <p:nvPr/>
          </p:nvSpPr>
          <p:spPr>
            <a:xfrm>
              <a:off x="2954369" y="2111088"/>
              <a:ext cx="48482" cy="54864"/>
            </a:xfrm>
            <a:custGeom>
              <a:avLst/>
              <a:gdLst>
                <a:gd name="connsiteX0" fmla="*/ 0 w 48482"/>
                <a:gd name="connsiteY0" fmla="*/ 0 h 54864"/>
                <a:gd name="connsiteX1" fmla="*/ 0 w 48482"/>
                <a:gd name="connsiteY1" fmla="*/ 54864 h 54864"/>
                <a:gd name="connsiteX2" fmla="*/ 48482 w 48482"/>
                <a:gd name="connsiteY2" fmla="*/ 12763 h 54864"/>
                <a:gd name="connsiteX3" fmla="*/ 0 w 48482"/>
                <a:gd name="connsiteY3" fmla="*/ 0 h 54864"/>
              </a:gdLst>
              <a:ahLst/>
              <a:cxnLst>
                <a:cxn ang="0">
                  <a:pos x="connsiteX0" y="connsiteY0"/>
                </a:cxn>
                <a:cxn ang="0">
                  <a:pos x="connsiteX1" y="connsiteY1"/>
                </a:cxn>
                <a:cxn ang="0">
                  <a:pos x="connsiteX2" y="connsiteY2"/>
                </a:cxn>
                <a:cxn ang="0">
                  <a:pos x="connsiteX3" y="connsiteY3"/>
                </a:cxn>
              </a:cxnLst>
              <a:rect l="l" t="t" r="r" b="b"/>
              <a:pathLst>
                <a:path w="48482" h="54864">
                  <a:moveTo>
                    <a:pt x="0" y="0"/>
                  </a:moveTo>
                  <a:lnTo>
                    <a:pt x="0" y="54864"/>
                  </a:lnTo>
                  <a:lnTo>
                    <a:pt x="48482" y="12763"/>
                  </a:lnTo>
                  <a:lnTo>
                    <a:pt x="0" y="0"/>
                  </a:lnTo>
                  <a:close/>
                </a:path>
              </a:pathLst>
            </a:custGeom>
            <a:solidFill>
              <a:srgbClr val="66B9DA"/>
            </a:solidFill>
            <a:ln w="9525" cap="flat">
              <a:noFill/>
              <a:prstDash val="solid"/>
              <a:miter/>
            </a:ln>
          </p:spPr>
          <p:txBody>
            <a:bodyPr rtlCol="0" anchor="ctr"/>
            <a:lstStyle/>
            <a:p>
              <a:endParaRPr lang="en-AU"/>
            </a:p>
          </p:txBody>
        </p:sp>
        <p:sp>
          <p:nvSpPr>
            <p:cNvPr id="77" name="Freeform: Shape 76">
              <a:extLst>
                <a:ext uri="{FF2B5EF4-FFF2-40B4-BE49-F238E27FC236}">
                  <a16:creationId xmlns:a16="http://schemas.microsoft.com/office/drawing/2014/main" id="{A2779ECD-CFDE-9309-CF6E-75A958B2C77A}"/>
                </a:ext>
              </a:extLst>
            </p:cNvPr>
            <p:cNvSpPr/>
            <p:nvPr/>
          </p:nvSpPr>
          <p:spPr>
            <a:xfrm>
              <a:off x="3157156" y="1857723"/>
              <a:ext cx="58197" cy="52673"/>
            </a:xfrm>
            <a:custGeom>
              <a:avLst/>
              <a:gdLst>
                <a:gd name="connsiteX0" fmla="*/ 58198 w 58197"/>
                <a:gd name="connsiteY0" fmla="*/ 0 h 52673"/>
                <a:gd name="connsiteX1" fmla="*/ 58198 w 58197"/>
                <a:gd name="connsiteY1" fmla="*/ 52673 h 52673"/>
                <a:gd name="connsiteX2" fmla="*/ 0 w 58197"/>
                <a:gd name="connsiteY2" fmla="*/ 42863 h 52673"/>
                <a:gd name="connsiteX3" fmla="*/ 58198 w 58197"/>
                <a:gd name="connsiteY3" fmla="*/ 0 h 52673"/>
              </a:gdLst>
              <a:ahLst/>
              <a:cxnLst>
                <a:cxn ang="0">
                  <a:pos x="connsiteX0" y="connsiteY0"/>
                </a:cxn>
                <a:cxn ang="0">
                  <a:pos x="connsiteX1" y="connsiteY1"/>
                </a:cxn>
                <a:cxn ang="0">
                  <a:pos x="connsiteX2" y="connsiteY2"/>
                </a:cxn>
                <a:cxn ang="0">
                  <a:pos x="connsiteX3" y="connsiteY3"/>
                </a:cxn>
              </a:cxnLst>
              <a:rect l="l" t="t" r="r" b="b"/>
              <a:pathLst>
                <a:path w="58197" h="52673">
                  <a:moveTo>
                    <a:pt x="58198" y="0"/>
                  </a:moveTo>
                  <a:lnTo>
                    <a:pt x="58198" y="52673"/>
                  </a:lnTo>
                  <a:lnTo>
                    <a:pt x="0" y="42863"/>
                  </a:lnTo>
                  <a:lnTo>
                    <a:pt x="58198" y="0"/>
                  </a:lnTo>
                  <a:close/>
                </a:path>
              </a:pathLst>
            </a:custGeom>
            <a:solidFill>
              <a:srgbClr val="66B9DA"/>
            </a:solidFill>
            <a:ln w="9525" cap="flat">
              <a:noFill/>
              <a:prstDash val="solid"/>
              <a:miter/>
            </a:ln>
          </p:spPr>
          <p:txBody>
            <a:bodyPr rtlCol="0" anchor="ctr"/>
            <a:lstStyle/>
            <a:p>
              <a:endParaRPr lang="en-AU"/>
            </a:p>
          </p:txBody>
        </p:sp>
        <p:sp>
          <p:nvSpPr>
            <p:cNvPr id="78" name="Freeform: Shape 77">
              <a:extLst>
                <a:ext uri="{FF2B5EF4-FFF2-40B4-BE49-F238E27FC236}">
                  <a16:creationId xmlns:a16="http://schemas.microsoft.com/office/drawing/2014/main" id="{4AB11A7F-0510-38EF-8411-63DE069D141B}"/>
                </a:ext>
              </a:extLst>
            </p:cNvPr>
            <p:cNvSpPr/>
            <p:nvPr/>
          </p:nvSpPr>
          <p:spPr>
            <a:xfrm>
              <a:off x="2897981" y="1997836"/>
              <a:ext cx="189452" cy="97440"/>
            </a:xfrm>
            <a:custGeom>
              <a:avLst/>
              <a:gdLst>
                <a:gd name="connsiteX0" fmla="*/ 0 w 189452"/>
                <a:gd name="connsiteY0" fmla="*/ 97441 h 97440"/>
                <a:gd name="connsiteX1" fmla="*/ 13049 w 189452"/>
                <a:gd name="connsiteY1" fmla="*/ 45815 h 97440"/>
                <a:gd name="connsiteX2" fmla="*/ 120110 w 189452"/>
                <a:gd name="connsiteY2" fmla="*/ 27242 h 97440"/>
                <a:gd name="connsiteX3" fmla="*/ 170497 w 189452"/>
                <a:gd name="connsiteY3" fmla="*/ 0 h 97440"/>
                <a:gd name="connsiteX4" fmla="*/ 189452 w 189452"/>
                <a:gd name="connsiteY4" fmla="*/ 13430 h 97440"/>
                <a:gd name="connsiteX5" fmla="*/ 180689 w 189452"/>
                <a:gd name="connsiteY5" fmla="*/ 35719 h 97440"/>
                <a:gd name="connsiteX6" fmla="*/ 111252 w 189452"/>
                <a:gd name="connsiteY6" fmla="*/ 74486 h 97440"/>
                <a:gd name="connsiteX7" fmla="*/ 104870 w 189452"/>
                <a:gd name="connsiteY7" fmla="*/ 97441 h 97440"/>
                <a:gd name="connsiteX8" fmla="*/ 0 w 189452"/>
                <a:gd name="connsiteY8" fmla="*/ 97441 h 97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9452" h="97440">
                  <a:moveTo>
                    <a:pt x="0" y="97441"/>
                  </a:moveTo>
                  <a:lnTo>
                    <a:pt x="13049" y="45815"/>
                  </a:lnTo>
                  <a:lnTo>
                    <a:pt x="120110" y="27242"/>
                  </a:lnTo>
                  <a:lnTo>
                    <a:pt x="170497" y="0"/>
                  </a:lnTo>
                  <a:lnTo>
                    <a:pt x="189452" y="13430"/>
                  </a:lnTo>
                  <a:lnTo>
                    <a:pt x="180689" y="35719"/>
                  </a:lnTo>
                  <a:lnTo>
                    <a:pt x="111252" y="74486"/>
                  </a:lnTo>
                  <a:lnTo>
                    <a:pt x="104870" y="97441"/>
                  </a:lnTo>
                  <a:lnTo>
                    <a:pt x="0" y="97441"/>
                  </a:lnTo>
                  <a:close/>
                </a:path>
              </a:pathLst>
            </a:custGeom>
            <a:solidFill>
              <a:srgbClr val="66B9DA"/>
            </a:solidFill>
            <a:ln w="9525" cap="flat">
              <a:noFill/>
              <a:prstDash val="solid"/>
              <a:miter/>
            </a:ln>
          </p:spPr>
          <p:txBody>
            <a:bodyPr rtlCol="0" anchor="ctr"/>
            <a:lstStyle/>
            <a:p>
              <a:endParaRPr lang="en-AU"/>
            </a:p>
          </p:txBody>
        </p:sp>
        <p:sp>
          <p:nvSpPr>
            <p:cNvPr id="79" name="Freeform: Shape 78">
              <a:extLst>
                <a:ext uri="{FF2B5EF4-FFF2-40B4-BE49-F238E27FC236}">
                  <a16:creationId xmlns:a16="http://schemas.microsoft.com/office/drawing/2014/main" id="{5B9D7814-0137-2B03-47B7-F84F2D19DE21}"/>
                </a:ext>
              </a:extLst>
            </p:cNvPr>
            <p:cNvSpPr/>
            <p:nvPr/>
          </p:nvSpPr>
          <p:spPr>
            <a:xfrm>
              <a:off x="3153918" y="2025078"/>
              <a:ext cx="131349" cy="61626"/>
            </a:xfrm>
            <a:custGeom>
              <a:avLst/>
              <a:gdLst>
                <a:gd name="connsiteX0" fmla="*/ 131350 w 131349"/>
                <a:gd name="connsiteY0" fmla="*/ 61627 h 61626"/>
                <a:gd name="connsiteX1" fmla="*/ 112300 w 131349"/>
                <a:gd name="connsiteY1" fmla="*/ 61627 h 61626"/>
                <a:gd name="connsiteX2" fmla="*/ 112300 w 131349"/>
                <a:gd name="connsiteY2" fmla="*/ 50863 h 61626"/>
                <a:gd name="connsiteX3" fmla="*/ 65627 w 131349"/>
                <a:gd name="connsiteY3" fmla="*/ 19050 h 61626"/>
                <a:gd name="connsiteX4" fmla="*/ 19050 w 131349"/>
                <a:gd name="connsiteY4" fmla="*/ 50863 h 61626"/>
                <a:gd name="connsiteX5" fmla="*/ 19050 w 131349"/>
                <a:gd name="connsiteY5" fmla="*/ 61627 h 61626"/>
                <a:gd name="connsiteX6" fmla="*/ 0 w 131349"/>
                <a:gd name="connsiteY6" fmla="*/ 61627 h 61626"/>
                <a:gd name="connsiteX7" fmla="*/ 0 w 131349"/>
                <a:gd name="connsiteY7" fmla="*/ 50863 h 61626"/>
                <a:gd name="connsiteX8" fmla="*/ 65627 w 131349"/>
                <a:gd name="connsiteY8" fmla="*/ 0 h 61626"/>
                <a:gd name="connsiteX9" fmla="*/ 131350 w 131349"/>
                <a:gd name="connsiteY9" fmla="*/ 50863 h 61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1349" h="61626">
                  <a:moveTo>
                    <a:pt x="131350" y="61627"/>
                  </a:moveTo>
                  <a:lnTo>
                    <a:pt x="112300" y="61627"/>
                  </a:lnTo>
                  <a:lnTo>
                    <a:pt x="112300" y="50863"/>
                  </a:lnTo>
                  <a:cubicBezTo>
                    <a:pt x="112300" y="28956"/>
                    <a:pt x="88868" y="19050"/>
                    <a:pt x="65627" y="19050"/>
                  </a:cubicBezTo>
                  <a:cubicBezTo>
                    <a:pt x="42386" y="19050"/>
                    <a:pt x="19050" y="28575"/>
                    <a:pt x="19050" y="50863"/>
                  </a:cubicBezTo>
                  <a:lnTo>
                    <a:pt x="19050" y="61627"/>
                  </a:lnTo>
                  <a:lnTo>
                    <a:pt x="0" y="61627"/>
                  </a:lnTo>
                  <a:lnTo>
                    <a:pt x="0" y="50863"/>
                  </a:lnTo>
                  <a:cubicBezTo>
                    <a:pt x="0" y="20955"/>
                    <a:pt x="27051" y="0"/>
                    <a:pt x="65627" y="0"/>
                  </a:cubicBezTo>
                  <a:cubicBezTo>
                    <a:pt x="104204" y="0"/>
                    <a:pt x="131350" y="20955"/>
                    <a:pt x="131350" y="50863"/>
                  </a:cubicBezTo>
                  <a:close/>
                </a:path>
              </a:pathLst>
            </a:custGeom>
            <a:solidFill>
              <a:srgbClr val="265998"/>
            </a:solidFill>
            <a:ln w="9525" cap="flat">
              <a:noFill/>
              <a:prstDash val="solid"/>
              <a:miter/>
            </a:ln>
          </p:spPr>
          <p:txBody>
            <a:bodyPr rtlCol="0" anchor="ctr"/>
            <a:lstStyle/>
            <a:p>
              <a:endParaRPr lang="en-AU"/>
            </a:p>
          </p:txBody>
        </p:sp>
        <p:sp>
          <p:nvSpPr>
            <p:cNvPr id="80" name="Freeform: Shape 79">
              <a:extLst>
                <a:ext uri="{FF2B5EF4-FFF2-40B4-BE49-F238E27FC236}">
                  <a16:creationId xmlns:a16="http://schemas.microsoft.com/office/drawing/2014/main" id="{CFF60684-9FAF-94CC-9413-74794D9F4B79}"/>
                </a:ext>
              </a:extLst>
            </p:cNvPr>
            <p:cNvSpPr/>
            <p:nvPr/>
          </p:nvSpPr>
          <p:spPr>
            <a:xfrm>
              <a:off x="3175920" y="1936781"/>
              <a:ext cx="87249" cy="87249"/>
            </a:xfrm>
            <a:custGeom>
              <a:avLst/>
              <a:gdLst>
                <a:gd name="connsiteX0" fmla="*/ 43625 w 87249"/>
                <a:gd name="connsiteY0" fmla="*/ 87249 h 87249"/>
                <a:gd name="connsiteX1" fmla="*/ 0 w 87249"/>
                <a:gd name="connsiteY1" fmla="*/ 43625 h 87249"/>
                <a:gd name="connsiteX2" fmla="*/ 43625 w 87249"/>
                <a:gd name="connsiteY2" fmla="*/ 0 h 87249"/>
                <a:gd name="connsiteX3" fmla="*/ 87249 w 87249"/>
                <a:gd name="connsiteY3" fmla="*/ 43625 h 87249"/>
                <a:gd name="connsiteX4" fmla="*/ 87249 w 87249"/>
                <a:gd name="connsiteY4" fmla="*/ 43720 h 87249"/>
                <a:gd name="connsiteX5" fmla="*/ 43625 w 87249"/>
                <a:gd name="connsiteY5" fmla="*/ 87249 h 87249"/>
                <a:gd name="connsiteX6" fmla="*/ 43625 w 87249"/>
                <a:gd name="connsiteY6" fmla="*/ 19145 h 87249"/>
                <a:gd name="connsiteX7" fmla="*/ 19050 w 87249"/>
                <a:gd name="connsiteY7" fmla="*/ 43720 h 87249"/>
                <a:gd name="connsiteX8" fmla="*/ 43625 w 87249"/>
                <a:gd name="connsiteY8" fmla="*/ 68294 h 87249"/>
                <a:gd name="connsiteX9" fmla="*/ 68199 w 87249"/>
                <a:gd name="connsiteY9" fmla="*/ 43720 h 87249"/>
                <a:gd name="connsiteX10" fmla="*/ 43625 w 87249"/>
                <a:gd name="connsiteY10" fmla="*/ 19145 h 872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7249" h="87249">
                  <a:moveTo>
                    <a:pt x="43625" y="87249"/>
                  </a:moveTo>
                  <a:cubicBezTo>
                    <a:pt x="19536" y="87249"/>
                    <a:pt x="0" y="67718"/>
                    <a:pt x="0" y="43625"/>
                  </a:cubicBezTo>
                  <a:cubicBezTo>
                    <a:pt x="0" y="19531"/>
                    <a:pt x="19536" y="0"/>
                    <a:pt x="43625" y="0"/>
                  </a:cubicBezTo>
                  <a:cubicBezTo>
                    <a:pt x="67713" y="0"/>
                    <a:pt x="87249" y="19532"/>
                    <a:pt x="87249" y="43625"/>
                  </a:cubicBezTo>
                  <a:cubicBezTo>
                    <a:pt x="87249" y="43656"/>
                    <a:pt x="87249" y="43688"/>
                    <a:pt x="87249" y="43720"/>
                  </a:cubicBezTo>
                  <a:cubicBezTo>
                    <a:pt x="87192" y="67776"/>
                    <a:pt x="67685" y="87249"/>
                    <a:pt x="43625" y="87249"/>
                  </a:cubicBezTo>
                  <a:close/>
                  <a:moveTo>
                    <a:pt x="43625" y="19145"/>
                  </a:moveTo>
                  <a:cubicBezTo>
                    <a:pt x="30052" y="19145"/>
                    <a:pt x="19050" y="30148"/>
                    <a:pt x="19050" y="43720"/>
                  </a:cubicBezTo>
                  <a:cubicBezTo>
                    <a:pt x="19050" y="57292"/>
                    <a:pt x="30052" y="68294"/>
                    <a:pt x="43625" y="68294"/>
                  </a:cubicBezTo>
                  <a:cubicBezTo>
                    <a:pt x="57198" y="68294"/>
                    <a:pt x="68199" y="57292"/>
                    <a:pt x="68199" y="43720"/>
                  </a:cubicBezTo>
                  <a:cubicBezTo>
                    <a:pt x="68199" y="30148"/>
                    <a:pt x="57198" y="19145"/>
                    <a:pt x="43625" y="19145"/>
                  </a:cubicBezTo>
                  <a:close/>
                </a:path>
              </a:pathLst>
            </a:custGeom>
            <a:solidFill>
              <a:srgbClr val="265998"/>
            </a:solidFill>
            <a:ln w="9525" cap="flat">
              <a:noFill/>
              <a:prstDash val="solid"/>
              <a:miter/>
            </a:ln>
          </p:spPr>
          <p:txBody>
            <a:bodyPr rtlCol="0" anchor="ctr"/>
            <a:lstStyle/>
            <a:p>
              <a:endParaRPr lang="en-AU"/>
            </a:p>
          </p:txBody>
        </p:sp>
        <p:sp>
          <p:nvSpPr>
            <p:cNvPr id="81" name="Freeform: Shape 80">
              <a:extLst>
                <a:ext uri="{FF2B5EF4-FFF2-40B4-BE49-F238E27FC236}">
                  <a16:creationId xmlns:a16="http://schemas.microsoft.com/office/drawing/2014/main" id="{0A996090-7617-D980-2767-FBAFEE12097C}"/>
                </a:ext>
              </a:extLst>
            </p:cNvPr>
            <p:cNvSpPr/>
            <p:nvPr/>
          </p:nvSpPr>
          <p:spPr>
            <a:xfrm>
              <a:off x="2889694" y="1989552"/>
              <a:ext cx="210871" cy="105724"/>
            </a:xfrm>
            <a:custGeom>
              <a:avLst/>
              <a:gdLst>
                <a:gd name="connsiteX0" fmla="*/ 121920 w 210871"/>
                <a:gd name="connsiteY0" fmla="*/ 105725 h 105724"/>
                <a:gd name="connsiteX1" fmla="*/ 102870 w 210871"/>
                <a:gd name="connsiteY1" fmla="*/ 105725 h 105724"/>
                <a:gd name="connsiteX2" fmla="*/ 102870 w 210871"/>
                <a:gd name="connsiteY2" fmla="*/ 80483 h 105724"/>
                <a:gd name="connsiteX3" fmla="*/ 109442 w 210871"/>
                <a:gd name="connsiteY3" fmla="*/ 70958 h 105724"/>
                <a:gd name="connsiteX4" fmla="*/ 188500 w 210871"/>
                <a:gd name="connsiteY4" fmla="*/ 31715 h 105724"/>
                <a:gd name="connsiteX5" fmla="*/ 191738 w 210871"/>
                <a:gd name="connsiteY5" fmla="*/ 26286 h 105724"/>
                <a:gd name="connsiteX6" fmla="*/ 189643 w 210871"/>
                <a:gd name="connsiteY6" fmla="*/ 20190 h 105724"/>
                <a:gd name="connsiteX7" fmla="*/ 182499 w 210871"/>
                <a:gd name="connsiteY7" fmla="*/ 18285 h 105724"/>
                <a:gd name="connsiteX8" fmla="*/ 69056 w 210871"/>
                <a:gd name="connsiteY8" fmla="*/ 49622 h 105724"/>
                <a:gd name="connsiteX9" fmla="*/ 19050 w 210871"/>
                <a:gd name="connsiteY9" fmla="*/ 87722 h 105724"/>
                <a:gd name="connsiteX10" fmla="*/ 19050 w 210871"/>
                <a:gd name="connsiteY10" fmla="*/ 105248 h 105724"/>
                <a:gd name="connsiteX11" fmla="*/ 0 w 210871"/>
                <a:gd name="connsiteY11" fmla="*/ 105248 h 105724"/>
                <a:gd name="connsiteX12" fmla="*/ 0 w 210871"/>
                <a:gd name="connsiteY12" fmla="*/ 88484 h 105724"/>
                <a:gd name="connsiteX13" fmla="*/ 68580 w 210871"/>
                <a:gd name="connsiteY13" fmla="*/ 31334 h 105724"/>
                <a:gd name="connsiteX14" fmla="*/ 173355 w 210871"/>
                <a:gd name="connsiteY14" fmla="*/ 2759 h 105724"/>
                <a:gd name="connsiteX15" fmla="*/ 204788 w 210871"/>
                <a:gd name="connsiteY15" fmla="*/ 9617 h 105724"/>
                <a:gd name="connsiteX16" fmla="*/ 210693 w 210871"/>
                <a:gd name="connsiteY16" fmla="*/ 29620 h 105724"/>
                <a:gd name="connsiteX17" fmla="*/ 200025 w 210871"/>
                <a:gd name="connsiteY17" fmla="*/ 48003 h 105724"/>
                <a:gd name="connsiteX18" fmla="*/ 122015 w 210871"/>
                <a:gd name="connsiteY18" fmla="*/ 88008 h 1057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10871" h="105724">
                  <a:moveTo>
                    <a:pt x="121920" y="105725"/>
                  </a:moveTo>
                  <a:lnTo>
                    <a:pt x="102870" y="105725"/>
                  </a:lnTo>
                  <a:lnTo>
                    <a:pt x="102870" y="80483"/>
                  </a:lnTo>
                  <a:cubicBezTo>
                    <a:pt x="102660" y="76188"/>
                    <a:pt x="105356" y="72286"/>
                    <a:pt x="109442" y="70958"/>
                  </a:cubicBezTo>
                  <a:cubicBezTo>
                    <a:pt x="137646" y="62003"/>
                    <a:pt x="164316" y="48767"/>
                    <a:pt x="188500" y="31715"/>
                  </a:cubicBezTo>
                  <a:cubicBezTo>
                    <a:pt x="190243" y="30398"/>
                    <a:pt x="191405" y="28449"/>
                    <a:pt x="191738" y="26286"/>
                  </a:cubicBezTo>
                  <a:cubicBezTo>
                    <a:pt x="191929" y="24051"/>
                    <a:pt x="191167" y="21839"/>
                    <a:pt x="189643" y="20190"/>
                  </a:cubicBezTo>
                  <a:cubicBezTo>
                    <a:pt x="187852" y="18195"/>
                    <a:pt x="185052" y="17447"/>
                    <a:pt x="182499" y="18285"/>
                  </a:cubicBezTo>
                  <a:cubicBezTo>
                    <a:pt x="131064" y="46860"/>
                    <a:pt x="107061" y="48670"/>
                    <a:pt x="69056" y="49622"/>
                  </a:cubicBezTo>
                  <a:cubicBezTo>
                    <a:pt x="44863" y="50194"/>
                    <a:pt x="19050" y="60576"/>
                    <a:pt x="19050" y="87722"/>
                  </a:cubicBezTo>
                  <a:lnTo>
                    <a:pt x="19050" y="105248"/>
                  </a:lnTo>
                  <a:lnTo>
                    <a:pt x="0" y="105248"/>
                  </a:lnTo>
                  <a:lnTo>
                    <a:pt x="0" y="88484"/>
                  </a:lnTo>
                  <a:cubicBezTo>
                    <a:pt x="0" y="55337"/>
                    <a:pt x="27622" y="32382"/>
                    <a:pt x="68580" y="31334"/>
                  </a:cubicBezTo>
                  <a:cubicBezTo>
                    <a:pt x="102775" y="30477"/>
                    <a:pt x="123444" y="30001"/>
                    <a:pt x="173355" y="2759"/>
                  </a:cubicBezTo>
                  <a:cubicBezTo>
                    <a:pt x="184128" y="-2715"/>
                    <a:pt x="197272" y="152"/>
                    <a:pt x="204788" y="9617"/>
                  </a:cubicBezTo>
                  <a:cubicBezTo>
                    <a:pt x="209398" y="15202"/>
                    <a:pt x="211531" y="22427"/>
                    <a:pt x="210693" y="29620"/>
                  </a:cubicBezTo>
                  <a:cubicBezTo>
                    <a:pt x="209921" y="36987"/>
                    <a:pt x="206035" y="43675"/>
                    <a:pt x="200025" y="48003"/>
                  </a:cubicBezTo>
                  <a:cubicBezTo>
                    <a:pt x="176146" y="65132"/>
                    <a:pt x="149857" y="78615"/>
                    <a:pt x="122015" y="88008"/>
                  </a:cubicBezTo>
                  <a:close/>
                </a:path>
              </a:pathLst>
            </a:custGeom>
            <a:solidFill>
              <a:srgbClr val="265998"/>
            </a:solidFill>
            <a:ln w="9525" cap="flat">
              <a:noFill/>
              <a:prstDash val="solid"/>
              <a:miter/>
            </a:ln>
          </p:spPr>
          <p:txBody>
            <a:bodyPr rtlCol="0" anchor="ctr"/>
            <a:lstStyle/>
            <a:p>
              <a:endParaRPr lang="en-AU"/>
            </a:p>
          </p:txBody>
        </p:sp>
        <p:sp>
          <p:nvSpPr>
            <p:cNvPr id="82" name="Freeform: Shape 81">
              <a:extLst>
                <a:ext uri="{FF2B5EF4-FFF2-40B4-BE49-F238E27FC236}">
                  <a16:creationId xmlns:a16="http://schemas.microsoft.com/office/drawing/2014/main" id="{18DFF8D3-7E9C-C8C7-2E9E-1802DCFA61DB}"/>
                </a:ext>
              </a:extLst>
            </p:cNvPr>
            <p:cNvSpPr/>
            <p:nvPr/>
          </p:nvSpPr>
          <p:spPr>
            <a:xfrm>
              <a:off x="2914078" y="1930399"/>
              <a:ext cx="88773" cy="88773"/>
            </a:xfrm>
            <a:custGeom>
              <a:avLst/>
              <a:gdLst>
                <a:gd name="connsiteX0" fmla="*/ 44482 w 88773"/>
                <a:gd name="connsiteY0" fmla="*/ 88773 h 88773"/>
                <a:gd name="connsiteX1" fmla="*/ 0 w 88773"/>
                <a:gd name="connsiteY1" fmla="*/ 44482 h 88773"/>
                <a:gd name="connsiteX2" fmla="*/ 44291 w 88773"/>
                <a:gd name="connsiteY2" fmla="*/ 0 h 88773"/>
                <a:gd name="connsiteX3" fmla="*/ 88773 w 88773"/>
                <a:gd name="connsiteY3" fmla="*/ 44291 h 88773"/>
                <a:gd name="connsiteX4" fmla="*/ 88773 w 88773"/>
                <a:gd name="connsiteY4" fmla="*/ 44482 h 88773"/>
                <a:gd name="connsiteX5" fmla="*/ 44482 w 88773"/>
                <a:gd name="connsiteY5" fmla="*/ 88773 h 88773"/>
                <a:gd name="connsiteX6" fmla="*/ 44482 w 88773"/>
                <a:gd name="connsiteY6" fmla="*/ 19145 h 88773"/>
                <a:gd name="connsiteX7" fmla="*/ 19050 w 88773"/>
                <a:gd name="connsiteY7" fmla="*/ 44387 h 88773"/>
                <a:gd name="connsiteX8" fmla="*/ 44291 w 88773"/>
                <a:gd name="connsiteY8" fmla="*/ 69818 h 88773"/>
                <a:gd name="connsiteX9" fmla="*/ 69723 w 88773"/>
                <a:gd name="connsiteY9" fmla="*/ 44577 h 88773"/>
                <a:gd name="connsiteX10" fmla="*/ 69723 w 88773"/>
                <a:gd name="connsiteY10" fmla="*/ 44482 h 88773"/>
                <a:gd name="connsiteX11" fmla="*/ 44482 w 88773"/>
                <a:gd name="connsiteY11" fmla="*/ 19145 h 887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8773" h="88773">
                  <a:moveTo>
                    <a:pt x="44482" y="88773"/>
                  </a:moveTo>
                  <a:cubicBezTo>
                    <a:pt x="19964" y="88825"/>
                    <a:pt x="57" y="68995"/>
                    <a:pt x="0" y="44482"/>
                  </a:cubicBezTo>
                  <a:cubicBezTo>
                    <a:pt x="-57" y="19968"/>
                    <a:pt x="19774" y="52"/>
                    <a:pt x="44291" y="0"/>
                  </a:cubicBezTo>
                  <a:cubicBezTo>
                    <a:pt x="68809" y="-52"/>
                    <a:pt x="88716" y="19778"/>
                    <a:pt x="88773" y="44291"/>
                  </a:cubicBezTo>
                  <a:cubicBezTo>
                    <a:pt x="88773" y="44355"/>
                    <a:pt x="88773" y="44418"/>
                    <a:pt x="88773" y="44482"/>
                  </a:cubicBezTo>
                  <a:cubicBezTo>
                    <a:pt x="88726" y="68921"/>
                    <a:pt x="68923" y="88721"/>
                    <a:pt x="44482" y="88773"/>
                  </a:cubicBezTo>
                  <a:close/>
                  <a:moveTo>
                    <a:pt x="44482" y="19145"/>
                  </a:moveTo>
                  <a:cubicBezTo>
                    <a:pt x="30490" y="19093"/>
                    <a:pt x="19107" y="30393"/>
                    <a:pt x="19050" y="44387"/>
                  </a:cubicBezTo>
                  <a:cubicBezTo>
                    <a:pt x="18993" y="58380"/>
                    <a:pt x="30299" y="69765"/>
                    <a:pt x="44291" y="69818"/>
                  </a:cubicBezTo>
                  <a:cubicBezTo>
                    <a:pt x="58284" y="69871"/>
                    <a:pt x="69666" y="58569"/>
                    <a:pt x="69723" y="44577"/>
                  </a:cubicBezTo>
                  <a:cubicBezTo>
                    <a:pt x="69723" y="44546"/>
                    <a:pt x="69723" y="44513"/>
                    <a:pt x="69723" y="44482"/>
                  </a:cubicBezTo>
                  <a:cubicBezTo>
                    <a:pt x="69723" y="30526"/>
                    <a:pt x="58436" y="19198"/>
                    <a:pt x="44482" y="19145"/>
                  </a:cubicBezTo>
                  <a:close/>
                </a:path>
              </a:pathLst>
            </a:custGeom>
            <a:solidFill>
              <a:srgbClr val="265998"/>
            </a:solidFill>
            <a:ln w="9525" cap="flat">
              <a:noFill/>
              <a:prstDash val="solid"/>
              <a:miter/>
            </a:ln>
          </p:spPr>
          <p:txBody>
            <a:bodyPr rtlCol="0" anchor="ctr"/>
            <a:lstStyle/>
            <a:p>
              <a:endParaRPr lang="en-AU"/>
            </a:p>
          </p:txBody>
        </p:sp>
        <p:sp>
          <p:nvSpPr>
            <p:cNvPr id="83" name="Freeform: Shape 82">
              <a:extLst>
                <a:ext uri="{FF2B5EF4-FFF2-40B4-BE49-F238E27FC236}">
                  <a16:creationId xmlns:a16="http://schemas.microsoft.com/office/drawing/2014/main" id="{3F6EF9C5-34D6-7536-5E39-E7BC9948FFFE}"/>
                </a:ext>
              </a:extLst>
            </p:cNvPr>
            <p:cNvSpPr/>
            <p:nvPr/>
          </p:nvSpPr>
          <p:spPr>
            <a:xfrm>
              <a:off x="3018472" y="1927161"/>
              <a:ext cx="104298" cy="19050"/>
            </a:xfrm>
            <a:custGeom>
              <a:avLst/>
              <a:gdLst>
                <a:gd name="connsiteX0" fmla="*/ 0 w 104298"/>
                <a:gd name="connsiteY0" fmla="*/ 0 h 19050"/>
                <a:gd name="connsiteX1" fmla="*/ 104299 w 104298"/>
                <a:gd name="connsiteY1" fmla="*/ 0 h 19050"/>
                <a:gd name="connsiteX2" fmla="*/ 104299 w 104298"/>
                <a:gd name="connsiteY2" fmla="*/ 19050 h 19050"/>
                <a:gd name="connsiteX3" fmla="*/ 0 w 104298"/>
                <a:gd name="connsiteY3" fmla="*/ 19050 h 19050"/>
              </a:gdLst>
              <a:ahLst/>
              <a:cxnLst>
                <a:cxn ang="0">
                  <a:pos x="connsiteX0" y="connsiteY0"/>
                </a:cxn>
                <a:cxn ang="0">
                  <a:pos x="connsiteX1" y="connsiteY1"/>
                </a:cxn>
                <a:cxn ang="0">
                  <a:pos x="connsiteX2" y="connsiteY2"/>
                </a:cxn>
                <a:cxn ang="0">
                  <a:pos x="connsiteX3" y="connsiteY3"/>
                </a:cxn>
              </a:cxnLst>
              <a:rect l="l" t="t" r="r" b="b"/>
              <a:pathLst>
                <a:path w="104298" h="19050">
                  <a:moveTo>
                    <a:pt x="0" y="0"/>
                  </a:moveTo>
                  <a:lnTo>
                    <a:pt x="104299" y="0"/>
                  </a:lnTo>
                  <a:lnTo>
                    <a:pt x="104299" y="19050"/>
                  </a:lnTo>
                  <a:lnTo>
                    <a:pt x="0" y="19050"/>
                  </a:lnTo>
                  <a:close/>
                </a:path>
              </a:pathLst>
            </a:custGeom>
            <a:solidFill>
              <a:srgbClr val="265998"/>
            </a:solidFill>
            <a:ln w="9525" cap="flat">
              <a:noFill/>
              <a:prstDash val="solid"/>
              <a:miter/>
            </a:ln>
          </p:spPr>
          <p:txBody>
            <a:bodyPr rtlCol="0" anchor="ctr"/>
            <a:lstStyle/>
            <a:p>
              <a:endParaRPr lang="en-AU"/>
            </a:p>
          </p:txBody>
        </p:sp>
        <p:sp>
          <p:nvSpPr>
            <p:cNvPr id="84" name="Freeform: Shape 83">
              <a:extLst>
                <a:ext uri="{FF2B5EF4-FFF2-40B4-BE49-F238E27FC236}">
                  <a16:creationId xmlns:a16="http://schemas.microsoft.com/office/drawing/2014/main" id="{3C72911C-7E8E-926A-933D-B0142C080FBC}"/>
                </a:ext>
              </a:extLst>
            </p:cNvPr>
            <p:cNvSpPr/>
            <p:nvPr/>
          </p:nvSpPr>
          <p:spPr>
            <a:xfrm>
              <a:off x="3018472" y="1962022"/>
              <a:ext cx="50006" cy="19050"/>
            </a:xfrm>
            <a:custGeom>
              <a:avLst/>
              <a:gdLst>
                <a:gd name="connsiteX0" fmla="*/ 0 w 50006"/>
                <a:gd name="connsiteY0" fmla="*/ 0 h 19050"/>
                <a:gd name="connsiteX1" fmla="*/ 50006 w 50006"/>
                <a:gd name="connsiteY1" fmla="*/ 0 h 19050"/>
                <a:gd name="connsiteX2" fmla="*/ 50006 w 50006"/>
                <a:gd name="connsiteY2" fmla="*/ 19050 h 19050"/>
                <a:gd name="connsiteX3" fmla="*/ 0 w 50006"/>
                <a:gd name="connsiteY3" fmla="*/ 19050 h 19050"/>
              </a:gdLst>
              <a:ahLst/>
              <a:cxnLst>
                <a:cxn ang="0">
                  <a:pos x="connsiteX0" y="connsiteY0"/>
                </a:cxn>
                <a:cxn ang="0">
                  <a:pos x="connsiteX1" y="connsiteY1"/>
                </a:cxn>
                <a:cxn ang="0">
                  <a:pos x="connsiteX2" y="connsiteY2"/>
                </a:cxn>
                <a:cxn ang="0">
                  <a:pos x="connsiteX3" y="connsiteY3"/>
                </a:cxn>
              </a:cxnLst>
              <a:rect l="l" t="t" r="r" b="b"/>
              <a:pathLst>
                <a:path w="50006" h="19050">
                  <a:moveTo>
                    <a:pt x="0" y="0"/>
                  </a:moveTo>
                  <a:lnTo>
                    <a:pt x="50006" y="0"/>
                  </a:lnTo>
                  <a:lnTo>
                    <a:pt x="50006" y="19050"/>
                  </a:lnTo>
                  <a:lnTo>
                    <a:pt x="0" y="19050"/>
                  </a:lnTo>
                  <a:close/>
                </a:path>
              </a:pathLst>
            </a:custGeom>
            <a:solidFill>
              <a:srgbClr val="265998"/>
            </a:solidFill>
            <a:ln w="9525" cap="flat">
              <a:noFill/>
              <a:prstDash val="solid"/>
              <a:miter/>
            </a:ln>
          </p:spPr>
          <p:txBody>
            <a:bodyPr rtlCol="0" anchor="ctr"/>
            <a:lstStyle/>
            <a:p>
              <a:endParaRPr lang="en-AU"/>
            </a:p>
          </p:txBody>
        </p:sp>
        <p:sp>
          <p:nvSpPr>
            <p:cNvPr id="85" name="Freeform: Shape 84">
              <a:extLst>
                <a:ext uri="{FF2B5EF4-FFF2-40B4-BE49-F238E27FC236}">
                  <a16:creationId xmlns:a16="http://schemas.microsoft.com/office/drawing/2014/main" id="{77784127-7751-2CA2-1D89-15D198AA8E1F}"/>
                </a:ext>
              </a:extLst>
            </p:cNvPr>
            <p:cNvSpPr/>
            <p:nvPr/>
          </p:nvSpPr>
          <p:spPr>
            <a:xfrm>
              <a:off x="3073174" y="1972027"/>
              <a:ext cx="28637" cy="36762"/>
            </a:xfrm>
            <a:custGeom>
              <a:avLst/>
              <a:gdLst>
                <a:gd name="connsiteX0" fmla="*/ 9496 w 28637"/>
                <a:gd name="connsiteY0" fmla="*/ 36763 h 36762"/>
                <a:gd name="connsiteX1" fmla="*/ 0 w 28637"/>
                <a:gd name="connsiteY1" fmla="*/ 27212 h 36762"/>
                <a:gd name="connsiteX2" fmla="*/ 1114 w 28637"/>
                <a:gd name="connsiteY2" fmla="*/ 22761 h 36762"/>
                <a:gd name="connsiteX3" fmla="*/ 10639 w 28637"/>
                <a:gd name="connsiteY3" fmla="*/ 5044 h 36762"/>
                <a:gd name="connsiteX4" fmla="*/ 23593 w 28637"/>
                <a:gd name="connsiteY4" fmla="*/ 1139 h 36762"/>
                <a:gd name="connsiteX5" fmla="*/ 27499 w 28637"/>
                <a:gd name="connsiteY5" fmla="*/ 14093 h 36762"/>
                <a:gd name="connsiteX6" fmla="*/ 17974 w 28637"/>
                <a:gd name="connsiteY6" fmla="*/ 31714 h 36762"/>
                <a:gd name="connsiteX7" fmla="*/ 9496 w 28637"/>
                <a:gd name="connsiteY7" fmla="*/ 36763 h 367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8637" h="36762">
                  <a:moveTo>
                    <a:pt x="9496" y="36763"/>
                  </a:moveTo>
                  <a:cubicBezTo>
                    <a:pt x="4239" y="36748"/>
                    <a:pt x="-19" y="32473"/>
                    <a:pt x="0" y="27212"/>
                  </a:cubicBezTo>
                  <a:cubicBezTo>
                    <a:pt x="0" y="25659"/>
                    <a:pt x="381" y="24132"/>
                    <a:pt x="1114" y="22761"/>
                  </a:cubicBezTo>
                  <a:lnTo>
                    <a:pt x="10639" y="5044"/>
                  </a:lnTo>
                  <a:cubicBezTo>
                    <a:pt x="13135" y="389"/>
                    <a:pt x="18936" y="-1359"/>
                    <a:pt x="23593" y="1139"/>
                  </a:cubicBezTo>
                  <a:cubicBezTo>
                    <a:pt x="28251" y="3638"/>
                    <a:pt x="29994" y="9437"/>
                    <a:pt x="27499" y="14093"/>
                  </a:cubicBezTo>
                  <a:lnTo>
                    <a:pt x="17974" y="31714"/>
                  </a:lnTo>
                  <a:cubicBezTo>
                    <a:pt x="16307" y="34843"/>
                    <a:pt x="13040" y="36788"/>
                    <a:pt x="9496" y="36763"/>
                  </a:cubicBezTo>
                  <a:close/>
                </a:path>
              </a:pathLst>
            </a:custGeom>
            <a:solidFill>
              <a:srgbClr val="265998"/>
            </a:solidFill>
            <a:ln w="9525" cap="flat">
              <a:noFill/>
              <a:prstDash val="solid"/>
              <a:miter/>
            </a:ln>
          </p:spPr>
          <p:txBody>
            <a:bodyPr rtlCol="0" anchor="ctr"/>
            <a:lstStyle/>
            <a:p>
              <a:endParaRPr lang="en-AU"/>
            </a:p>
          </p:txBody>
        </p:sp>
        <p:sp>
          <p:nvSpPr>
            <p:cNvPr id="86" name="Freeform: Shape 85">
              <a:extLst>
                <a:ext uri="{FF2B5EF4-FFF2-40B4-BE49-F238E27FC236}">
                  <a16:creationId xmlns:a16="http://schemas.microsoft.com/office/drawing/2014/main" id="{9952F0B4-F74F-A852-417E-9F47A37DE915}"/>
                </a:ext>
              </a:extLst>
            </p:cNvPr>
            <p:cNvSpPr/>
            <p:nvPr/>
          </p:nvSpPr>
          <p:spPr>
            <a:xfrm>
              <a:off x="3156252" y="1847829"/>
              <a:ext cx="72532" cy="73153"/>
            </a:xfrm>
            <a:custGeom>
              <a:avLst/>
              <a:gdLst>
                <a:gd name="connsiteX0" fmla="*/ 63293 w 72532"/>
                <a:gd name="connsiteY0" fmla="*/ 73140 h 73153"/>
                <a:gd name="connsiteX1" fmla="*/ 62150 w 72532"/>
                <a:gd name="connsiteY1" fmla="*/ 73140 h 73153"/>
                <a:gd name="connsiteX2" fmla="*/ 8238 w 72532"/>
                <a:gd name="connsiteY2" fmla="*/ 66187 h 73153"/>
                <a:gd name="connsiteX3" fmla="*/ 332 w 72532"/>
                <a:gd name="connsiteY3" fmla="*/ 59520 h 73153"/>
                <a:gd name="connsiteX4" fmla="*/ 3095 w 72532"/>
                <a:gd name="connsiteY4" fmla="*/ 49995 h 73153"/>
                <a:gd name="connsiteX5" fmla="*/ 56721 w 72532"/>
                <a:gd name="connsiteY5" fmla="*/ 2370 h 73153"/>
                <a:gd name="connsiteX6" fmla="*/ 70160 w 72532"/>
                <a:gd name="connsiteY6" fmla="*/ 3238 h 73153"/>
                <a:gd name="connsiteX7" fmla="*/ 72532 w 72532"/>
                <a:gd name="connsiteY7" fmla="*/ 9418 h 73153"/>
                <a:gd name="connsiteX8" fmla="*/ 72532 w 72532"/>
                <a:gd name="connsiteY8" fmla="*/ 64187 h 73153"/>
                <a:gd name="connsiteX9" fmla="*/ 69389 w 72532"/>
                <a:gd name="connsiteY9" fmla="*/ 71331 h 73153"/>
                <a:gd name="connsiteX10" fmla="*/ 63293 w 72532"/>
                <a:gd name="connsiteY10" fmla="*/ 73140 h 73153"/>
                <a:gd name="connsiteX11" fmla="*/ 31384 w 72532"/>
                <a:gd name="connsiteY11" fmla="*/ 49899 h 73153"/>
                <a:gd name="connsiteX12" fmla="*/ 53768 w 72532"/>
                <a:gd name="connsiteY12" fmla="*/ 52757 h 73153"/>
                <a:gd name="connsiteX13" fmla="*/ 53768 w 72532"/>
                <a:gd name="connsiteY13" fmla="*/ 30183 h 731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2532" h="73153">
                  <a:moveTo>
                    <a:pt x="63293" y="73140"/>
                  </a:moveTo>
                  <a:lnTo>
                    <a:pt x="62150" y="73140"/>
                  </a:lnTo>
                  <a:lnTo>
                    <a:pt x="8238" y="66187"/>
                  </a:lnTo>
                  <a:cubicBezTo>
                    <a:pt x="4523" y="65714"/>
                    <a:pt x="1428" y="63104"/>
                    <a:pt x="332" y="59520"/>
                  </a:cubicBezTo>
                  <a:cubicBezTo>
                    <a:pt x="-601" y="56078"/>
                    <a:pt x="466" y="52401"/>
                    <a:pt x="3095" y="49995"/>
                  </a:cubicBezTo>
                  <a:lnTo>
                    <a:pt x="56721" y="2370"/>
                  </a:lnTo>
                  <a:cubicBezTo>
                    <a:pt x="60673" y="-1102"/>
                    <a:pt x="66693" y="-714"/>
                    <a:pt x="70160" y="3238"/>
                  </a:cubicBezTo>
                  <a:cubicBezTo>
                    <a:pt x="71665" y="4948"/>
                    <a:pt x="72503" y="7141"/>
                    <a:pt x="72532" y="9418"/>
                  </a:cubicBezTo>
                  <a:lnTo>
                    <a:pt x="72532" y="64187"/>
                  </a:lnTo>
                  <a:cubicBezTo>
                    <a:pt x="72551" y="66908"/>
                    <a:pt x="71408" y="69507"/>
                    <a:pt x="69389" y="71331"/>
                  </a:cubicBezTo>
                  <a:cubicBezTo>
                    <a:pt x="67627" y="72615"/>
                    <a:pt x="65474" y="73254"/>
                    <a:pt x="63293" y="73140"/>
                  </a:cubicBezTo>
                  <a:close/>
                  <a:moveTo>
                    <a:pt x="31384" y="49899"/>
                  </a:moveTo>
                  <a:lnTo>
                    <a:pt x="53768" y="52757"/>
                  </a:lnTo>
                  <a:lnTo>
                    <a:pt x="53768" y="30183"/>
                  </a:lnTo>
                  <a:close/>
                </a:path>
              </a:pathLst>
            </a:custGeom>
            <a:solidFill>
              <a:srgbClr val="265998"/>
            </a:solidFill>
            <a:ln w="9525" cap="flat">
              <a:noFill/>
              <a:prstDash val="solid"/>
              <a:miter/>
            </a:ln>
          </p:spPr>
          <p:txBody>
            <a:bodyPr rtlCol="0" anchor="ctr"/>
            <a:lstStyle/>
            <a:p>
              <a:endParaRPr lang="en-AU"/>
            </a:p>
          </p:txBody>
        </p:sp>
        <p:sp>
          <p:nvSpPr>
            <p:cNvPr id="87" name="Freeform: Shape 86">
              <a:extLst>
                <a:ext uri="{FF2B5EF4-FFF2-40B4-BE49-F238E27FC236}">
                  <a16:creationId xmlns:a16="http://schemas.microsoft.com/office/drawing/2014/main" id="{BE616005-01AC-3A80-BD79-3F7104273D0B}"/>
                </a:ext>
              </a:extLst>
            </p:cNvPr>
            <p:cNvSpPr/>
            <p:nvPr/>
          </p:nvSpPr>
          <p:spPr>
            <a:xfrm>
              <a:off x="2945415" y="2103482"/>
              <a:ext cx="72818" cy="73804"/>
            </a:xfrm>
            <a:custGeom>
              <a:avLst/>
              <a:gdLst>
                <a:gd name="connsiteX0" fmla="*/ 9525 w 72818"/>
                <a:gd name="connsiteY0" fmla="*/ 73805 h 73804"/>
                <a:gd name="connsiteX1" fmla="*/ 5620 w 72818"/>
                <a:gd name="connsiteY1" fmla="*/ 72947 h 73804"/>
                <a:gd name="connsiteX2" fmla="*/ 0 w 72818"/>
                <a:gd name="connsiteY2" fmla="*/ 64375 h 73804"/>
                <a:gd name="connsiteX3" fmla="*/ 0 w 72818"/>
                <a:gd name="connsiteY3" fmla="*/ 9606 h 73804"/>
                <a:gd name="connsiteX4" fmla="*/ 9440 w 72818"/>
                <a:gd name="connsiteY4" fmla="*/ 0 h 73804"/>
                <a:gd name="connsiteX5" fmla="*/ 10764 w 72818"/>
                <a:gd name="connsiteY5" fmla="*/ 81 h 73804"/>
                <a:gd name="connsiteX6" fmla="*/ 64675 w 72818"/>
                <a:gd name="connsiteY6" fmla="*/ 7034 h 73804"/>
                <a:gd name="connsiteX7" fmla="*/ 72486 w 72818"/>
                <a:gd name="connsiteY7" fmla="*/ 13702 h 73804"/>
                <a:gd name="connsiteX8" fmla="*/ 69723 w 72818"/>
                <a:gd name="connsiteY8" fmla="*/ 23227 h 73804"/>
                <a:gd name="connsiteX9" fmla="*/ 16193 w 72818"/>
                <a:gd name="connsiteY9" fmla="*/ 70852 h 73804"/>
                <a:gd name="connsiteX10" fmla="*/ 9525 w 72818"/>
                <a:gd name="connsiteY10" fmla="*/ 73805 h 73804"/>
                <a:gd name="connsiteX11" fmla="*/ 19050 w 72818"/>
                <a:gd name="connsiteY11" fmla="*/ 20369 h 73804"/>
                <a:gd name="connsiteX12" fmla="*/ 19050 w 72818"/>
                <a:gd name="connsiteY12" fmla="*/ 43134 h 73804"/>
                <a:gd name="connsiteX13" fmla="*/ 41339 w 72818"/>
                <a:gd name="connsiteY13" fmla="*/ 23322 h 738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2818" h="73804">
                  <a:moveTo>
                    <a:pt x="9525" y="73805"/>
                  </a:moveTo>
                  <a:cubicBezTo>
                    <a:pt x="8182" y="73798"/>
                    <a:pt x="6849" y="73507"/>
                    <a:pt x="5620" y="72947"/>
                  </a:cubicBezTo>
                  <a:cubicBezTo>
                    <a:pt x="2239" y="71427"/>
                    <a:pt x="48" y="68083"/>
                    <a:pt x="0" y="64375"/>
                  </a:cubicBezTo>
                  <a:lnTo>
                    <a:pt x="0" y="9606"/>
                  </a:lnTo>
                  <a:cubicBezTo>
                    <a:pt x="-47" y="4346"/>
                    <a:pt x="4182" y="45"/>
                    <a:pt x="9440" y="0"/>
                  </a:cubicBezTo>
                  <a:cubicBezTo>
                    <a:pt x="9887" y="-3"/>
                    <a:pt x="10325" y="24"/>
                    <a:pt x="10764" y="81"/>
                  </a:cubicBezTo>
                  <a:lnTo>
                    <a:pt x="64675" y="7034"/>
                  </a:lnTo>
                  <a:cubicBezTo>
                    <a:pt x="68352" y="7543"/>
                    <a:pt x="71409" y="10146"/>
                    <a:pt x="72486" y="13702"/>
                  </a:cubicBezTo>
                  <a:cubicBezTo>
                    <a:pt x="73419" y="17143"/>
                    <a:pt x="72352" y="20819"/>
                    <a:pt x="69723" y="23227"/>
                  </a:cubicBezTo>
                  <a:lnTo>
                    <a:pt x="16193" y="70852"/>
                  </a:lnTo>
                  <a:cubicBezTo>
                    <a:pt x="14450" y="72682"/>
                    <a:pt x="12050" y="73744"/>
                    <a:pt x="9525" y="73805"/>
                  </a:cubicBezTo>
                  <a:close/>
                  <a:moveTo>
                    <a:pt x="19050" y="20369"/>
                  </a:moveTo>
                  <a:lnTo>
                    <a:pt x="19050" y="43134"/>
                  </a:lnTo>
                  <a:lnTo>
                    <a:pt x="41339" y="23322"/>
                  </a:lnTo>
                  <a:close/>
                </a:path>
              </a:pathLst>
            </a:custGeom>
            <a:solidFill>
              <a:srgbClr val="265998"/>
            </a:solidFill>
            <a:ln w="9525" cap="flat">
              <a:noFill/>
              <a:prstDash val="solid"/>
              <a:miter/>
            </a:ln>
          </p:spPr>
          <p:txBody>
            <a:bodyPr rtlCol="0" anchor="ctr"/>
            <a:lstStyle/>
            <a:p>
              <a:endParaRPr lang="en-AU"/>
            </a:p>
          </p:txBody>
        </p:sp>
        <p:sp>
          <p:nvSpPr>
            <p:cNvPr id="88" name="Freeform: Shape 87">
              <a:extLst>
                <a:ext uri="{FF2B5EF4-FFF2-40B4-BE49-F238E27FC236}">
                  <a16:creationId xmlns:a16="http://schemas.microsoft.com/office/drawing/2014/main" id="{F49DAD7E-26B9-6770-2D7E-8213D1489DD4}"/>
                </a:ext>
              </a:extLst>
            </p:cNvPr>
            <p:cNvSpPr/>
            <p:nvPr/>
          </p:nvSpPr>
          <p:spPr>
            <a:xfrm>
              <a:off x="2946844" y="1832068"/>
              <a:ext cx="252412" cy="85948"/>
            </a:xfrm>
            <a:custGeom>
              <a:avLst/>
              <a:gdLst>
                <a:gd name="connsiteX0" fmla="*/ 15621 w 252412"/>
                <a:gd name="connsiteY0" fmla="*/ 85663 h 85948"/>
                <a:gd name="connsiteX1" fmla="*/ 0 w 252412"/>
                <a:gd name="connsiteY1" fmla="*/ 74518 h 85948"/>
                <a:gd name="connsiteX2" fmla="*/ 239516 w 252412"/>
                <a:gd name="connsiteY2" fmla="*/ 30419 h 85948"/>
                <a:gd name="connsiteX3" fmla="*/ 252413 w 252412"/>
                <a:gd name="connsiteY3" fmla="*/ 40228 h 85948"/>
                <a:gd name="connsiteX4" fmla="*/ 240221 w 252412"/>
                <a:gd name="connsiteY4" fmla="*/ 55468 h 85948"/>
                <a:gd name="connsiteX5" fmla="*/ 24203 w 252412"/>
                <a:gd name="connsiteY5" fmla="*/ 74676 h 85948"/>
                <a:gd name="connsiteX6" fmla="*/ 15621 w 252412"/>
                <a:gd name="connsiteY6" fmla="*/ 85948 h 859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52412" h="85948">
                  <a:moveTo>
                    <a:pt x="15621" y="85663"/>
                  </a:moveTo>
                  <a:lnTo>
                    <a:pt x="0" y="74518"/>
                  </a:lnTo>
                  <a:cubicBezTo>
                    <a:pt x="53959" y="-3801"/>
                    <a:pt x="161201" y="-23544"/>
                    <a:pt x="239516" y="30419"/>
                  </a:cubicBezTo>
                  <a:cubicBezTo>
                    <a:pt x="243964" y="33485"/>
                    <a:pt x="248269" y="36758"/>
                    <a:pt x="252413" y="40228"/>
                  </a:cubicBezTo>
                  <a:lnTo>
                    <a:pt x="240221" y="55468"/>
                  </a:lnTo>
                  <a:cubicBezTo>
                    <a:pt x="175260" y="1120"/>
                    <a:pt x="78553" y="9719"/>
                    <a:pt x="24203" y="74676"/>
                  </a:cubicBezTo>
                  <a:cubicBezTo>
                    <a:pt x="21165" y="78299"/>
                    <a:pt x="18307" y="82061"/>
                    <a:pt x="15621" y="85948"/>
                  </a:cubicBezTo>
                  <a:close/>
                </a:path>
              </a:pathLst>
            </a:custGeom>
            <a:solidFill>
              <a:srgbClr val="265998"/>
            </a:solidFill>
            <a:ln w="9525" cap="flat">
              <a:noFill/>
              <a:prstDash val="solid"/>
              <a:miter/>
            </a:ln>
          </p:spPr>
          <p:txBody>
            <a:bodyPr rtlCol="0" anchor="ctr"/>
            <a:lstStyle/>
            <a:p>
              <a:endParaRPr lang="en-AU"/>
            </a:p>
          </p:txBody>
        </p:sp>
        <p:sp>
          <p:nvSpPr>
            <p:cNvPr id="89" name="Freeform: Shape 88">
              <a:extLst>
                <a:ext uri="{FF2B5EF4-FFF2-40B4-BE49-F238E27FC236}">
                  <a16:creationId xmlns:a16="http://schemas.microsoft.com/office/drawing/2014/main" id="{3C417364-0859-52C8-9D6D-0AB15946DF74}"/>
                </a:ext>
              </a:extLst>
            </p:cNvPr>
            <p:cNvSpPr/>
            <p:nvPr/>
          </p:nvSpPr>
          <p:spPr>
            <a:xfrm>
              <a:off x="2974943" y="2106612"/>
              <a:ext cx="252507" cy="85725"/>
            </a:xfrm>
            <a:custGeom>
              <a:avLst/>
              <a:gdLst>
                <a:gd name="connsiteX0" fmla="*/ 110585 w 252507"/>
                <a:gd name="connsiteY0" fmla="*/ 85725 h 85725"/>
                <a:gd name="connsiteX1" fmla="*/ 0 w 252507"/>
                <a:gd name="connsiteY1" fmla="*/ 45434 h 85725"/>
                <a:gd name="connsiteX2" fmla="*/ 12192 w 252507"/>
                <a:gd name="connsiteY2" fmla="*/ 30861 h 85725"/>
                <a:gd name="connsiteX3" fmla="*/ 116300 w 252507"/>
                <a:gd name="connsiteY3" fmla="*/ 66675 h 85725"/>
                <a:gd name="connsiteX4" fmla="*/ 236792 w 252507"/>
                <a:gd name="connsiteY4" fmla="*/ 0 h 85725"/>
                <a:gd name="connsiteX5" fmla="*/ 252508 w 252507"/>
                <a:gd name="connsiteY5" fmla="*/ 10858 h 85725"/>
                <a:gd name="connsiteX6" fmla="*/ 117062 w 252507"/>
                <a:gd name="connsiteY6" fmla="*/ 85725 h 857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52507" h="85725">
                  <a:moveTo>
                    <a:pt x="110585" y="85725"/>
                  </a:moveTo>
                  <a:cubicBezTo>
                    <a:pt x="70142" y="85682"/>
                    <a:pt x="30994" y="71420"/>
                    <a:pt x="0" y="45434"/>
                  </a:cubicBezTo>
                  <a:lnTo>
                    <a:pt x="12192" y="30861"/>
                  </a:lnTo>
                  <a:cubicBezTo>
                    <a:pt x="41310" y="55202"/>
                    <a:pt x="78372" y="67953"/>
                    <a:pt x="116300" y="66675"/>
                  </a:cubicBezTo>
                  <a:cubicBezTo>
                    <a:pt x="164792" y="64898"/>
                    <a:pt x="209531" y="40138"/>
                    <a:pt x="236792" y="0"/>
                  </a:cubicBezTo>
                  <a:lnTo>
                    <a:pt x="252508" y="10858"/>
                  </a:lnTo>
                  <a:cubicBezTo>
                    <a:pt x="221913" y="56024"/>
                    <a:pt x="171583" y="83847"/>
                    <a:pt x="117062" y="85725"/>
                  </a:cubicBezTo>
                  <a:close/>
                </a:path>
              </a:pathLst>
            </a:custGeom>
            <a:solidFill>
              <a:srgbClr val="265998"/>
            </a:solidFill>
            <a:ln w="9525" cap="flat">
              <a:noFill/>
              <a:prstDash val="solid"/>
              <a:miter/>
            </a:ln>
          </p:spPr>
          <p:txBody>
            <a:bodyPr rtlCol="0" anchor="ctr"/>
            <a:lstStyle/>
            <a:p>
              <a:endParaRPr lang="en-AU"/>
            </a:p>
          </p:txBody>
        </p:sp>
      </p:grpSp>
      <p:grpSp>
        <p:nvGrpSpPr>
          <p:cNvPr id="90" name="Group 89">
            <a:extLst>
              <a:ext uri="{FF2B5EF4-FFF2-40B4-BE49-F238E27FC236}">
                <a16:creationId xmlns:a16="http://schemas.microsoft.com/office/drawing/2014/main" id="{463B7786-B4E4-184D-FF6B-9CEE6B53D873}"/>
              </a:ext>
            </a:extLst>
          </p:cNvPr>
          <p:cNvGrpSpPr/>
          <p:nvPr/>
        </p:nvGrpSpPr>
        <p:grpSpPr>
          <a:xfrm>
            <a:off x="5174829" y="5138345"/>
            <a:ext cx="461845" cy="459987"/>
            <a:chOff x="2839021" y="1487551"/>
            <a:chExt cx="419481" cy="419098"/>
          </a:xfrm>
        </p:grpSpPr>
        <p:sp>
          <p:nvSpPr>
            <p:cNvPr id="91" name="Graphic 2">
              <a:extLst>
                <a:ext uri="{FF2B5EF4-FFF2-40B4-BE49-F238E27FC236}">
                  <a16:creationId xmlns:a16="http://schemas.microsoft.com/office/drawing/2014/main" id="{75AF13C9-F98A-43A5-3367-CB8A1DDA2E94}"/>
                </a:ext>
              </a:extLst>
            </p:cNvPr>
            <p:cNvSpPr/>
            <p:nvPr/>
          </p:nvSpPr>
          <p:spPr>
            <a:xfrm rot="18900000">
              <a:off x="3010013" y="1494665"/>
              <a:ext cx="239077" cy="239077"/>
            </a:xfrm>
            <a:custGeom>
              <a:avLst/>
              <a:gdLst>
                <a:gd name="connsiteX0" fmla="*/ 239077 w 239077"/>
                <a:gd name="connsiteY0" fmla="*/ 119539 h 239077"/>
                <a:gd name="connsiteX1" fmla="*/ 119539 w 239077"/>
                <a:gd name="connsiteY1" fmla="*/ 239078 h 239077"/>
                <a:gd name="connsiteX2" fmla="*/ 0 w 239077"/>
                <a:gd name="connsiteY2" fmla="*/ 119539 h 239077"/>
                <a:gd name="connsiteX3" fmla="*/ 119539 w 239077"/>
                <a:gd name="connsiteY3" fmla="*/ 0 h 239077"/>
                <a:gd name="connsiteX4" fmla="*/ 239077 w 239077"/>
                <a:gd name="connsiteY4" fmla="*/ 119539 h 23907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9077" h="239077">
                  <a:moveTo>
                    <a:pt x="239077" y="119539"/>
                  </a:moveTo>
                  <a:cubicBezTo>
                    <a:pt x="239077" y="185558"/>
                    <a:pt x="185558" y="239078"/>
                    <a:pt x="119539" y="239078"/>
                  </a:cubicBezTo>
                  <a:cubicBezTo>
                    <a:pt x="53519" y="239078"/>
                    <a:pt x="0" y="185558"/>
                    <a:pt x="0" y="119539"/>
                  </a:cubicBezTo>
                  <a:cubicBezTo>
                    <a:pt x="0" y="53519"/>
                    <a:pt x="53519" y="0"/>
                    <a:pt x="119539" y="0"/>
                  </a:cubicBezTo>
                  <a:cubicBezTo>
                    <a:pt x="185558" y="0"/>
                    <a:pt x="239077" y="53519"/>
                    <a:pt x="239077" y="119539"/>
                  </a:cubicBezTo>
                  <a:close/>
                </a:path>
              </a:pathLst>
            </a:custGeom>
            <a:solidFill>
              <a:srgbClr val="C7E4F1"/>
            </a:solidFill>
            <a:ln w="9525" cap="flat">
              <a:noFill/>
              <a:prstDash val="solid"/>
              <a:miter/>
            </a:ln>
          </p:spPr>
          <p:txBody>
            <a:bodyPr rtlCol="0" anchor="ctr"/>
            <a:lstStyle/>
            <a:p>
              <a:endParaRPr lang="en-AU" sz="153"/>
            </a:p>
          </p:txBody>
        </p:sp>
        <p:sp>
          <p:nvSpPr>
            <p:cNvPr id="92" name="Graphic 2">
              <a:extLst>
                <a:ext uri="{FF2B5EF4-FFF2-40B4-BE49-F238E27FC236}">
                  <a16:creationId xmlns:a16="http://schemas.microsoft.com/office/drawing/2014/main" id="{84E3C395-383E-98CE-5BDA-E2CD282A21F9}"/>
                </a:ext>
              </a:extLst>
            </p:cNvPr>
            <p:cNvSpPr/>
            <p:nvPr/>
          </p:nvSpPr>
          <p:spPr>
            <a:xfrm>
              <a:off x="2846641" y="1707769"/>
              <a:ext cx="59531" cy="185070"/>
            </a:xfrm>
            <a:custGeom>
              <a:avLst/>
              <a:gdLst>
                <a:gd name="connsiteX0" fmla="*/ 0 w 59531"/>
                <a:gd name="connsiteY0" fmla="*/ 0 h 185070"/>
                <a:gd name="connsiteX1" fmla="*/ 59531 w 59531"/>
                <a:gd name="connsiteY1" fmla="*/ 0 h 185070"/>
                <a:gd name="connsiteX2" fmla="*/ 59531 w 59531"/>
                <a:gd name="connsiteY2" fmla="*/ 185071 h 185070"/>
                <a:gd name="connsiteX3" fmla="*/ 0 w 59531"/>
                <a:gd name="connsiteY3" fmla="*/ 185071 h 185070"/>
              </a:gdLst>
              <a:ahLst/>
              <a:cxnLst>
                <a:cxn ang="0">
                  <a:pos x="connsiteX0" y="connsiteY0"/>
                </a:cxn>
                <a:cxn ang="0">
                  <a:pos x="connsiteX1" y="connsiteY1"/>
                </a:cxn>
                <a:cxn ang="0">
                  <a:pos x="connsiteX2" y="connsiteY2"/>
                </a:cxn>
                <a:cxn ang="0">
                  <a:pos x="connsiteX3" y="connsiteY3"/>
                </a:cxn>
              </a:cxnLst>
              <a:rect l="l" t="t" r="r" b="b"/>
              <a:pathLst>
                <a:path w="59531" h="185070">
                  <a:moveTo>
                    <a:pt x="0" y="0"/>
                  </a:moveTo>
                  <a:lnTo>
                    <a:pt x="59531" y="0"/>
                  </a:lnTo>
                  <a:lnTo>
                    <a:pt x="59531" y="185071"/>
                  </a:lnTo>
                  <a:lnTo>
                    <a:pt x="0" y="185071"/>
                  </a:lnTo>
                  <a:close/>
                </a:path>
              </a:pathLst>
            </a:custGeom>
            <a:solidFill>
              <a:srgbClr val="66B9DA"/>
            </a:solidFill>
            <a:ln w="9525" cap="flat">
              <a:noFill/>
              <a:prstDash val="solid"/>
              <a:miter/>
            </a:ln>
          </p:spPr>
          <p:txBody>
            <a:bodyPr rtlCol="0" anchor="ctr"/>
            <a:lstStyle/>
            <a:p>
              <a:endParaRPr lang="en-AU" sz="153"/>
            </a:p>
          </p:txBody>
        </p:sp>
        <p:sp>
          <p:nvSpPr>
            <p:cNvPr id="93" name="Graphic 2">
              <a:extLst>
                <a:ext uri="{FF2B5EF4-FFF2-40B4-BE49-F238E27FC236}">
                  <a16:creationId xmlns:a16="http://schemas.microsoft.com/office/drawing/2014/main" id="{4A4F79CF-5A72-38FC-C6AC-03BDBAC453B3}"/>
                </a:ext>
              </a:extLst>
            </p:cNvPr>
            <p:cNvSpPr/>
            <p:nvPr/>
          </p:nvSpPr>
          <p:spPr>
            <a:xfrm>
              <a:off x="2839021" y="1701291"/>
              <a:ext cx="406009" cy="205358"/>
            </a:xfrm>
            <a:custGeom>
              <a:avLst/>
              <a:gdLst>
                <a:gd name="connsiteX0" fmla="*/ 227457 w 406009"/>
                <a:gd name="connsiteY0" fmla="*/ 205169 h 205358"/>
                <a:gd name="connsiteX1" fmla="*/ 79343 w 406009"/>
                <a:gd name="connsiteY1" fmla="*/ 169545 h 205358"/>
                <a:gd name="connsiteX2" fmla="*/ 78010 w 406009"/>
                <a:gd name="connsiteY2" fmla="*/ 169545 h 205358"/>
                <a:gd name="connsiteX3" fmla="*/ 75438 w 406009"/>
                <a:gd name="connsiteY3" fmla="*/ 170402 h 205358"/>
                <a:gd name="connsiteX4" fmla="*/ 73628 w 406009"/>
                <a:gd name="connsiteY4" fmla="*/ 173927 h 205358"/>
                <a:gd name="connsiteX5" fmla="*/ 73628 w 406009"/>
                <a:gd name="connsiteY5" fmla="*/ 196310 h 205358"/>
                <a:gd name="connsiteX6" fmla="*/ 64675 w 406009"/>
                <a:gd name="connsiteY6" fmla="*/ 205359 h 205358"/>
                <a:gd name="connsiteX7" fmla="*/ 8954 w 406009"/>
                <a:gd name="connsiteY7" fmla="*/ 205359 h 205358"/>
                <a:gd name="connsiteX8" fmla="*/ 0 w 406009"/>
                <a:gd name="connsiteY8" fmla="*/ 196310 h 205358"/>
                <a:gd name="connsiteX9" fmla="*/ 0 w 406009"/>
                <a:gd name="connsiteY9" fmla="*/ 8954 h 205358"/>
                <a:gd name="connsiteX10" fmla="*/ 8954 w 406009"/>
                <a:gd name="connsiteY10" fmla="*/ 0 h 205358"/>
                <a:gd name="connsiteX11" fmla="*/ 64294 w 406009"/>
                <a:gd name="connsiteY11" fmla="*/ 0 h 205358"/>
                <a:gd name="connsiteX12" fmla="*/ 73247 w 406009"/>
                <a:gd name="connsiteY12" fmla="*/ 8954 h 205358"/>
                <a:gd name="connsiteX13" fmla="*/ 73247 w 406009"/>
                <a:gd name="connsiteY13" fmla="*/ 58483 h 205358"/>
                <a:gd name="connsiteX14" fmla="*/ 75248 w 406009"/>
                <a:gd name="connsiteY14" fmla="*/ 62198 h 205358"/>
                <a:gd name="connsiteX15" fmla="*/ 77629 w 406009"/>
                <a:gd name="connsiteY15" fmla="*/ 62865 h 205358"/>
                <a:gd name="connsiteX16" fmla="*/ 79343 w 406009"/>
                <a:gd name="connsiteY16" fmla="*/ 62865 h 205358"/>
                <a:gd name="connsiteX17" fmla="*/ 127921 w 406009"/>
                <a:gd name="connsiteY17" fmla="*/ 52292 h 205358"/>
                <a:gd name="connsiteX18" fmla="*/ 144494 w 406009"/>
                <a:gd name="connsiteY18" fmla="*/ 53912 h 205358"/>
                <a:gd name="connsiteX19" fmla="*/ 163544 w 406009"/>
                <a:gd name="connsiteY19" fmla="*/ 65342 h 205358"/>
                <a:gd name="connsiteX20" fmla="*/ 204121 w 406009"/>
                <a:gd name="connsiteY20" fmla="*/ 82010 h 205358"/>
                <a:gd name="connsiteX21" fmla="*/ 214979 w 406009"/>
                <a:gd name="connsiteY21" fmla="*/ 81344 h 205358"/>
                <a:gd name="connsiteX22" fmla="*/ 229457 w 406009"/>
                <a:gd name="connsiteY22" fmla="*/ 80486 h 205358"/>
                <a:gd name="connsiteX23" fmla="*/ 287655 w 406009"/>
                <a:gd name="connsiteY23" fmla="*/ 113919 h 205358"/>
                <a:gd name="connsiteX24" fmla="*/ 291846 w 406009"/>
                <a:gd name="connsiteY24" fmla="*/ 116967 h 205358"/>
                <a:gd name="connsiteX25" fmla="*/ 292894 w 406009"/>
                <a:gd name="connsiteY25" fmla="*/ 116967 h 205358"/>
                <a:gd name="connsiteX26" fmla="*/ 327088 w 406009"/>
                <a:gd name="connsiteY26" fmla="*/ 108014 h 205358"/>
                <a:gd name="connsiteX27" fmla="*/ 355092 w 406009"/>
                <a:gd name="connsiteY27" fmla="*/ 100679 h 205358"/>
                <a:gd name="connsiteX28" fmla="*/ 371285 w 406009"/>
                <a:gd name="connsiteY28" fmla="*/ 98489 h 205358"/>
                <a:gd name="connsiteX29" fmla="*/ 401288 w 406009"/>
                <a:gd name="connsiteY29" fmla="*/ 117539 h 205358"/>
                <a:gd name="connsiteX30" fmla="*/ 398812 w 406009"/>
                <a:gd name="connsiteY30" fmla="*/ 149257 h 205358"/>
                <a:gd name="connsiteX31" fmla="*/ 227457 w 406009"/>
                <a:gd name="connsiteY31" fmla="*/ 205169 h 205358"/>
                <a:gd name="connsiteX32" fmla="*/ 128492 w 406009"/>
                <a:gd name="connsiteY32" fmla="*/ 70009 h 205358"/>
                <a:gd name="connsiteX33" fmla="*/ 76105 w 406009"/>
                <a:gd name="connsiteY33" fmla="*/ 83915 h 205358"/>
                <a:gd name="connsiteX34" fmla="*/ 73628 w 406009"/>
                <a:gd name="connsiteY34" fmla="*/ 87821 h 205358"/>
                <a:gd name="connsiteX35" fmla="*/ 73628 w 406009"/>
                <a:gd name="connsiteY35" fmla="*/ 145828 h 205358"/>
                <a:gd name="connsiteX36" fmla="*/ 76771 w 406009"/>
                <a:gd name="connsiteY36" fmla="*/ 150019 h 205358"/>
                <a:gd name="connsiteX37" fmla="*/ 227457 w 406009"/>
                <a:gd name="connsiteY37" fmla="*/ 187166 h 205358"/>
                <a:gd name="connsiteX38" fmla="*/ 385286 w 406009"/>
                <a:gd name="connsiteY38" fmla="*/ 135541 h 205358"/>
                <a:gd name="connsiteX39" fmla="*/ 387382 w 406009"/>
                <a:gd name="connsiteY39" fmla="*/ 130397 h 205358"/>
                <a:gd name="connsiteX40" fmla="*/ 384905 w 406009"/>
                <a:gd name="connsiteY40" fmla="*/ 124111 h 205358"/>
                <a:gd name="connsiteX41" fmla="*/ 371380 w 406009"/>
                <a:gd name="connsiteY41" fmla="*/ 116015 h 205358"/>
                <a:gd name="connsiteX42" fmla="*/ 359378 w 406009"/>
                <a:gd name="connsiteY42" fmla="*/ 117729 h 205358"/>
                <a:gd name="connsiteX43" fmla="*/ 331851 w 406009"/>
                <a:gd name="connsiteY43" fmla="*/ 124968 h 205358"/>
                <a:gd name="connsiteX44" fmla="*/ 279368 w 406009"/>
                <a:gd name="connsiteY44" fmla="*/ 137922 h 205358"/>
                <a:gd name="connsiteX45" fmla="*/ 278892 w 406009"/>
                <a:gd name="connsiteY45" fmla="*/ 137922 h 205358"/>
                <a:gd name="connsiteX46" fmla="*/ 274130 w 406009"/>
                <a:gd name="connsiteY46" fmla="*/ 139446 h 205358"/>
                <a:gd name="connsiteX47" fmla="*/ 225838 w 406009"/>
                <a:gd name="connsiteY47" fmla="*/ 150209 h 205358"/>
                <a:gd name="connsiteX48" fmla="*/ 218504 w 406009"/>
                <a:gd name="connsiteY48" fmla="*/ 149733 h 205358"/>
                <a:gd name="connsiteX49" fmla="*/ 155162 w 406009"/>
                <a:gd name="connsiteY49" fmla="*/ 138303 h 205358"/>
                <a:gd name="connsiteX50" fmla="*/ 147828 w 406009"/>
                <a:gd name="connsiteY50" fmla="*/ 128016 h 205358"/>
                <a:gd name="connsiteX51" fmla="*/ 156686 w 406009"/>
                <a:gd name="connsiteY51" fmla="*/ 120491 h 205358"/>
                <a:gd name="connsiteX52" fmla="*/ 158210 w 406009"/>
                <a:gd name="connsiteY52" fmla="*/ 120491 h 205358"/>
                <a:gd name="connsiteX53" fmla="*/ 222504 w 406009"/>
                <a:gd name="connsiteY53" fmla="*/ 132112 h 205358"/>
                <a:gd name="connsiteX54" fmla="*/ 226314 w 406009"/>
                <a:gd name="connsiteY54" fmla="*/ 132112 h 205358"/>
                <a:gd name="connsiteX55" fmla="*/ 267271 w 406009"/>
                <a:gd name="connsiteY55" fmla="*/ 122587 h 205358"/>
                <a:gd name="connsiteX56" fmla="*/ 270034 w 406009"/>
                <a:gd name="connsiteY56" fmla="*/ 120110 h 205358"/>
                <a:gd name="connsiteX57" fmla="*/ 270034 w 406009"/>
                <a:gd name="connsiteY57" fmla="*/ 116586 h 205358"/>
                <a:gd name="connsiteX58" fmla="*/ 264509 w 406009"/>
                <a:gd name="connsiteY58" fmla="*/ 109061 h 205358"/>
                <a:gd name="connsiteX59" fmla="*/ 229457 w 406009"/>
                <a:gd name="connsiteY59" fmla="*/ 97822 h 205358"/>
                <a:gd name="connsiteX60" fmla="*/ 217361 w 406009"/>
                <a:gd name="connsiteY60" fmla="*/ 98584 h 205358"/>
                <a:gd name="connsiteX61" fmla="*/ 204407 w 406009"/>
                <a:gd name="connsiteY61" fmla="*/ 99346 h 205358"/>
                <a:gd name="connsiteX62" fmla="*/ 151829 w 406009"/>
                <a:gd name="connsiteY62" fmla="*/ 78486 h 205358"/>
                <a:gd name="connsiteX63" fmla="*/ 141446 w 406009"/>
                <a:gd name="connsiteY63" fmla="*/ 71247 h 205358"/>
                <a:gd name="connsiteX64" fmla="*/ 128492 w 406009"/>
                <a:gd name="connsiteY64" fmla="*/ 70009 h 205358"/>
                <a:gd name="connsiteX65" fmla="*/ 22765 w 406009"/>
                <a:gd name="connsiteY65" fmla="*/ 17907 h 205358"/>
                <a:gd name="connsiteX66" fmla="*/ 18288 w 406009"/>
                <a:gd name="connsiteY66" fmla="*/ 22289 h 205358"/>
                <a:gd name="connsiteX67" fmla="*/ 18288 w 406009"/>
                <a:gd name="connsiteY67" fmla="*/ 182785 h 205358"/>
                <a:gd name="connsiteX68" fmla="*/ 22765 w 406009"/>
                <a:gd name="connsiteY68" fmla="*/ 187166 h 205358"/>
                <a:gd name="connsiteX69" fmla="*/ 51340 w 406009"/>
                <a:gd name="connsiteY69" fmla="*/ 187166 h 205358"/>
                <a:gd name="connsiteX70" fmla="*/ 55721 w 406009"/>
                <a:gd name="connsiteY70" fmla="*/ 182785 h 205358"/>
                <a:gd name="connsiteX71" fmla="*/ 55721 w 406009"/>
                <a:gd name="connsiteY71" fmla="*/ 22289 h 205358"/>
                <a:gd name="connsiteX72" fmla="*/ 51340 w 406009"/>
                <a:gd name="connsiteY72" fmla="*/ 17907 h 205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06009" h="205358">
                  <a:moveTo>
                    <a:pt x="227457" y="205169"/>
                  </a:moveTo>
                  <a:cubicBezTo>
                    <a:pt x="198882" y="205169"/>
                    <a:pt x="114300" y="180308"/>
                    <a:pt x="79343" y="169545"/>
                  </a:cubicBezTo>
                  <a:lnTo>
                    <a:pt x="78010" y="169545"/>
                  </a:lnTo>
                  <a:cubicBezTo>
                    <a:pt x="77086" y="169552"/>
                    <a:pt x="76181" y="169852"/>
                    <a:pt x="75438" y="170402"/>
                  </a:cubicBezTo>
                  <a:cubicBezTo>
                    <a:pt x="74324" y="171232"/>
                    <a:pt x="73647" y="172534"/>
                    <a:pt x="73628" y="173927"/>
                  </a:cubicBezTo>
                  <a:lnTo>
                    <a:pt x="73628" y="196310"/>
                  </a:lnTo>
                  <a:cubicBezTo>
                    <a:pt x="73390" y="201168"/>
                    <a:pt x="69533" y="205073"/>
                    <a:pt x="64675" y="205359"/>
                  </a:cubicBezTo>
                  <a:lnTo>
                    <a:pt x="8954" y="205359"/>
                  </a:lnTo>
                  <a:cubicBezTo>
                    <a:pt x="4096" y="205073"/>
                    <a:pt x="238" y="201168"/>
                    <a:pt x="0" y="196310"/>
                  </a:cubicBezTo>
                  <a:lnTo>
                    <a:pt x="0" y="8954"/>
                  </a:lnTo>
                  <a:cubicBezTo>
                    <a:pt x="0" y="4009"/>
                    <a:pt x="4010" y="0"/>
                    <a:pt x="8954" y="0"/>
                  </a:cubicBezTo>
                  <a:lnTo>
                    <a:pt x="64294" y="0"/>
                  </a:lnTo>
                  <a:cubicBezTo>
                    <a:pt x="69237" y="0"/>
                    <a:pt x="73247" y="4009"/>
                    <a:pt x="73247" y="8954"/>
                  </a:cubicBezTo>
                  <a:lnTo>
                    <a:pt x="73247" y="58483"/>
                  </a:lnTo>
                  <a:cubicBezTo>
                    <a:pt x="73257" y="59978"/>
                    <a:pt x="74000" y="61371"/>
                    <a:pt x="75248" y="62198"/>
                  </a:cubicBezTo>
                  <a:cubicBezTo>
                    <a:pt x="75952" y="62660"/>
                    <a:pt x="76781" y="62894"/>
                    <a:pt x="77629" y="62865"/>
                  </a:cubicBezTo>
                  <a:cubicBezTo>
                    <a:pt x="78200" y="62956"/>
                    <a:pt x="78772" y="62956"/>
                    <a:pt x="79343" y="62865"/>
                  </a:cubicBezTo>
                  <a:cubicBezTo>
                    <a:pt x="94717" y="56280"/>
                    <a:pt x="111204" y="52692"/>
                    <a:pt x="127921" y="52292"/>
                  </a:cubicBezTo>
                  <a:cubicBezTo>
                    <a:pt x="133483" y="52284"/>
                    <a:pt x="139036" y="52826"/>
                    <a:pt x="144494" y="53912"/>
                  </a:cubicBezTo>
                  <a:cubicBezTo>
                    <a:pt x="151743" y="55964"/>
                    <a:pt x="158325" y="59909"/>
                    <a:pt x="163544" y="65342"/>
                  </a:cubicBezTo>
                  <a:cubicBezTo>
                    <a:pt x="174127" y="76358"/>
                    <a:pt x="188852" y="82408"/>
                    <a:pt x="204121" y="82010"/>
                  </a:cubicBezTo>
                  <a:cubicBezTo>
                    <a:pt x="207750" y="82014"/>
                    <a:pt x="211379" y="81791"/>
                    <a:pt x="214979" y="81344"/>
                  </a:cubicBezTo>
                  <a:cubicBezTo>
                    <a:pt x="219789" y="80787"/>
                    <a:pt x="224619" y="80501"/>
                    <a:pt x="229457" y="80486"/>
                  </a:cubicBezTo>
                  <a:cubicBezTo>
                    <a:pt x="264509" y="80486"/>
                    <a:pt x="282512" y="97822"/>
                    <a:pt x="287655" y="113919"/>
                  </a:cubicBezTo>
                  <a:cubicBezTo>
                    <a:pt x="288207" y="115760"/>
                    <a:pt x="289922" y="117006"/>
                    <a:pt x="291846" y="116967"/>
                  </a:cubicBezTo>
                  <a:lnTo>
                    <a:pt x="292894" y="116967"/>
                  </a:lnTo>
                  <a:cubicBezTo>
                    <a:pt x="304133" y="114205"/>
                    <a:pt x="316516" y="110871"/>
                    <a:pt x="327088" y="108014"/>
                  </a:cubicBezTo>
                  <a:cubicBezTo>
                    <a:pt x="337661" y="105156"/>
                    <a:pt x="347186" y="102584"/>
                    <a:pt x="355092" y="100679"/>
                  </a:cubicBezTo>
                  <a:cubicBezTo>
                    <a:pt x="360388" y="99318"/>
                    <a:pt x="365817" y="98583"/>
                    <a:pt x="371285" y="98489"/>
                  </a:cubicBezTo>
                  <a:cubicBezTo>
                    <a:pt x="384372" y="97626"/>
                    <a:pt x="396507" y="105331"/>
                    <a:pt x="401288" y="117539"/>
                  </a:cubicBezTo>
                  <a:cubicBezTo>
                    <a:pt x="408337" y="133255"/>
                    <a:pt x="407480" y="144018"/>
                    <a:pt x="398812" y="149257"/>
                  </a:cubicBezTo>
                  <a:cubicBezTo>
                    <a:pt x="367475" y="167450"/>
                    <a:pt x="258032" y="205169"/>
                    <a:pt x="227457" y="205169"/>
                  </a:cubicBezTo>
                  <a:close/>
                  <a:moveTo>
                    <a:pt x="128492" y="70009"/>
                  </a:moveTo>
                  <a:cubicBezTo>
                    <a:pt x="110214" y="70671"/>
                    <a:pt x="92307" y="75423"/>
                    <a:pt x="76105" y="83915"/>
                  </a:cubicBezTo>
                  <a:cubicBezTo>
                    <a:pt x="74600" y="84640"/>
                    <a:pt x="73647" y="86154"/>
                    <a:pt x="73628" y="87821"/>
                  </a:cubicBezTo>
                  <a:lnTo>
                    <a:pt x="73628" y="145828"/>
                  </a:lnTo>
                  <a:cubicBezTo>
                    <a:pt x="73638" y="147766"/>
                    <a:pt x="74914" y="149471"/>
                    <a:pt x="76771" y="150019"/>
                  </a:cubicBezTo>
                  <a:cubicBezTo>
                    <a:pt x="96869" y="156210"/>
                    <a:pt x="198596" y="187166"/>
                    <a:pt x="227457" y="187166"/>
                  </a:cubicBezTo>
                  <a:cubicBezTo>
                    <a:pt x="252603" y="187166"/>
                    <a:pt x="352425" y="153352"/>
                    <a:pt x="385286" y="135541"/>
                  </a:cubicBezTo>
                  <a:cubicBezTo>
                    <a:pt x="387096" y="134519"/>
                    <a:pt x="387963" y="132390"/>
                    <a:pt x="387382" y="130397"/>
                  </a:cubicBezTo>
                  <a:cubicBezTo>
                    <a:pt x="386677" y="128257"/>
                    <a:pt x="385848" y="126158"/>
                    <a:pt x="384905" y="124111"/>
                  </a:cubicBezTo>
                  <a:cubicBezTo>
                    <a:pt x="382857" y="118570"/>
                    <a:pt x="377228" y="115201"/>
                    <a:pt x="371380" y="116015"/>
                  </a:cubicBezTo>
                  <a:cubicBezTo>
                    <a:pt x="367322" y="116119"/>
                    <a:pt x="363303" y="116695"/>
                    <a:pt x="359378" y="117729"/>
                  </a:cubicBezTo>
                  <a:cubicBezTo>
                    <a:pt x="351472" y="119634"/>
                    <a:pt x="341947" y="122206"/>
                    <a:pt x="331851" y="124968"/>
                  </a:cubicBezTo>
                  <a:cubicBezTo>
                    <a:pt x="315182" y="129540"/>
                    <a:pt x="294513" y="135160"/>
                    <a:pt x="279368" y="137922"/>
                  </a:cubicBezTo>
                  <a:lnTo>
                    <a:pt x="278892" y="137922"/>
                  </a:lnTo>
                  <a:lnTo>
                    <a:pt x="274130" y="139446"/>
                  </a:lnTo>
                  <a:cubicBezTo>
                    <a:pt x="258585" y="145182"/>
                    <a:pt x="242345" y="148802"/>
                    <a:pt x="225838" y="150209"/>
                  </a:cubicBezTo>
                  <a:cubicBezTo>
                    <a:pt x="223380" y="150334"/>
                    <a:pt x="220923" y="150175"/>
                    <a:pt x="218504" y="149733"/>
                  </a:cubicBezTo>
                  <a:cubicBezTo>
                    <a:pt x="204407" y="146590"/>
                    <a:pt x="155543" y="138398"/>
                    <a:pt x="155162" y="138303"/>
                  </a:cubicBezTo>
                  <a:cubicBezTo>
                    <a:pt x="150304" y="137477"/>
                    <a:pt x="147028" y="132879"/>
                    <a:pt x="147828" y="128016"/>
                  </a:cubicBezTo>
                  <a:cubicBezTo>
                    <a:pt x="148495" y="123651"/>
                    <a:pt x="152267" y="120441"/>
                    <a:pt x="156686" y="120491"/>
                  </a:cubicBezTo>
                  <a:lnTo>
                    <a:pt x="158210" y="120491"/>
                  </a:lnTo>
                  <a:cubicBezTo>
                    <a:pt x="163354" y="121348"/>
                    <a:pt x="208502" y="128969"/>
                    <a:pt x="222504" y="132112"/>
                  </a:cubicBezTo>
                  <a:cubicBezTo>
                    <a:pt x="223771" y="132272"/>
                    <a:pt x="225047" y="132272"/>
                    <a:pt x="226314" y="132112"/>
                  </a:cubicBezTo>
                  <a:cubicBezTo>
                    <a:pt x="240287" y="130522"/>
                    <a:pt x="254032" y="127326"/>
                    <a:pt x="267271" y="122587"/>
                  </a:cubicBezTo>
                  <a:cubicBezTo>
                    <a:pt x="268491" y="122169"/>
                    <a:pt x="269481" y="121275"/>
                    <a:pt x="270034" y="120110"/>
                  </a:cubicBezTo>
                  <a:cubicBezTo>
                    <a:pt x="270501" y="118982"/>
                    <a:pt x="270501" y="117714"/>
                    <a:pt x="270034" y="116586"/>
                  </a:cubicBezTo>
                  <a:cubicBezTo>
                    <a:pt x="268691" y="113746"/>
                    <a:pt x="266814" y="111190"/>
                    <a:pt x="264509" y="109061"/>
                  </a:cubicBezTo>
                  <a:cubicBezTo>
                    <a:pt x="254765" y="100834"/>
                    <a:pt x="242164" y="96794"/>
                    <a:pt x="229457" y="97822"/>
                  </a:cubicBezTo>
                  <a:cubicBezTo>
                    <a:pt x="225409" y="97850"/>
                    <a:pt x="221371" y="98105"/>
                    <a:pt x="217361" y="98584"/>
                  </a:cubicBezTo>
                  <a:cubicBezTo>
                    <a:pt x="213055" y="99064"/>
                    <a:pt x="208731" y="99318"/>
                    <a:pt x="204407" y="99346"/>
                  </a:cubicBezTo>
                  <a:cubicBezTo>
                    <a:pt x="184747" y="99969"/>
                    <a:pt x="165716" y="92416"/>
                    <a:pt x="151829" y="78486"/>
                  </a:cubicBezTo>
                  <a:cubicBezTo>
                    <a:pt x="148952" y="75328"/>
                    <a:pt x="145409" y="72854"/>
                    <a:pt x="141446" y="71247"/>
                  </a:cubicBezTo>
                  <a:cubicBezTo>
                    <a:pt x="137189" y="70370"/>
                    <a:pt x="132845" y="69954"/>
                    <a:pt x="128492" y="70009"/>
                  </a:cubicBezTo>
                  <a:close/>
                  <a:moveTo>
                    <a:pt x="22765" y="17907"/>
                  </a:moveTo>
                  <a:cubicBezTo>
                    <a:pt x="20326" y="17906"/>
                    <a:pt x="18336" y="19853"/>
                    <a:pt x="18288" y="22289"/>
                  </a:cubicBezTo>
                  <a:lnTo>
                    <a:pt x="18288" y="182785"/>
                  </a:lnTo>
                  <a:cubicBezTo>
                    <a:pt x="18336" y="185220"/>
                    <a:pt x="20326" y="187167"/>
                    <a:pt x="22765" y="187166"/>
                  </a:cubicBezTo>
                  <a:lnTo>
                    <a:pt x="51340" y="187166"/>
                  </a:lnTo>
                  <a:cubicBezTo>
                    <a:pt x="53740" y="187116"/>
                    <a:pt x="55674" y="185183"/>
                    <a:pt x="55721" y="182785"/>
                  </a:cubicBezTo>
                  <a:lnTo>
                    <a:pt x="55721" y="22289"/>
                  </a:lnTo>
                  <a:cubicBezTo>
                    <a:pt x="55674" y="19890"/>
                    <a:pt x="53740" y="17957"/>
                    <a:pt x="51340" y="17907"/>
                  </a:cubicBezTo>
                  <a:close/>
                </a:path>
              </a:pathLst>
            </a:custGeom>
            <a:solidFill>
              <a:srgbClr val="265998"/>
            </a:solidFill>
            <a:ln w="9525" cap="flat">
              <a:noFill/>
              <a:prstDash val="solid"/>
              <a:miter/>
            </a:ln>
          </p:spPr>
          <p:txBody>
            <a:bodyPr rtlCol="0" anchor="ctr"/>
            <a:lstStyle/>
            <a:p>
              <a:endParaRPr lang="en-AU" sz="153"/>
            </a:p>
          </p:txBody>
        </p:sp>
        <p:sp>
          <p:nvSpPr>
            <p:cNvPr id="94" name="Graphic 2">
              <a:extLst>
                <a:ext uri="{FF2B5EF4-FFF2-40B4-BE49-F238E27FC236}">
                  <a16:creationId xmlns:a16="http://schemas.microsoft.com/office/drawing/2014/main" id="{858D62AD-FAA2-4EA1-95BB-E8E37CEC7084}"/>
                </a:ext>
              </a:extLst>
            </p:cNvPr>
            <p:cNvSpPr/>
            <p:nvPr/>
          </p:nvSpPr>
          <p:spPr>
            <a:xfrm>
              <a:off x="3093243" y="1540795"/>
              <a:ext cx="72041" cy="151646"/>
            </a:xfrm>
            <a:custGeom>
              <a:avLst/>
              <a:gdLst>
                <a:gd name="connsiteX0" fmla="*/ 35909 w 72041"/>
                <a:gd name="connsiteY0" fmla="*/ 151638 h 151646"/>
                <a:gd name="connsiteX1" fmla="*/ 26956 w 72041"/>
                <a:gd name="connsiteY1" fmla="*/ 142685 h 151646"/>
                <a:gd name="connsiteX2" fmla="*/ 26956 w 72041"/>
                <a:gd name="connsiteY2" fmla="*/ 140779 h 151646"/>
                <a:gd name="connsiteX3" fmla="*/ 23813 w 72041"/>
                <a:gd name="connsiteY3" fmla="*/ 136588 h 151646"/>
                <a:gd name="connsiteX4" fmla="*/ 762 w 72041"/>
                <a:gd name="connsiteY4" fmla="*/ 115348 h 151646"/>
                <a:gd name="connsiteX5" fmla="*/ 762 w 72041"/>
                <a:gd name="connsiteY5" fmla="*/ 108490 h 151646"/>
                <a:gd name="connsiteX6" fmla="*/ 5810 w 72041"/>
                <a:gd name="connsiteY6" fmla="*/ 103823 h 151646"/>
                <a:gd name="connsiteX7" fmla="*/ 8954 w 72041"/>
                <a:gd name="connsiteY7" fmla="*/ 103156 h 151646"/>
                <a:gd name="connsiteX8" fmla="*/ 17431 w 72041"/>
                <a:gd name="connsiteY8" fmla="*/ 108966 h 151646"/>
                <a:gd name="connsiteX9" fmla="*/ 44434 w 72041"/>
                <a:gd name="connsiteY9" fmla="*/ 117830 h 151646"/>
                <a:gd name="connsiteX10" fmla="*/ 48101 w 72041"/>
                <a:gd name="connsiteY10" fmla="*/ 115443 h 151646"/>
                <a:gd name="connsiteX11" fmla="*/ 53530 w 72041"/>
                <a:gd name="connsiteY11" fmla="*/ 103632 h 151646"/>
                <a:gd name="connsiteX12" fmla="*/ 32480 w 72041"/>
                <a:gd name="connsiteY12" fmla="*/ 84582 h 151646"/>
                <a:gd name="connsiteX13" fmla="*/ 0 w 72041"/>
                <a:gd name="connsiteY13" fmla="*/ 48387 h 151646"/>
                <a:gd name="connsiteX14" fmla="*/ 11906 w 72041"/>
                <a:gd name="connsiteY14" fmla="*/ 22955 h 151646"/>
                <a:gd name="connsiteX15" fmla="*/ 24384 w 72041"/>
                <a:gd name="connsiteY15" fmla="*/ 15621 h 151646"/>
                <a:gd name="connsiteX16" fmla="*/ 27337 w 72041"/>
                <a:gd name="connsiteY16" fmla="*/ 11525 h 151646"/>
                <a:gd name="connsiteX17" fmla="*/ 27337 w 72041"/>
                <a:gd name="connsiteY17" fmla="*/ 8953 h 151646"/>
                <a:gd name="connsiteX18" fmla="*/ 36290 w 72041"/>
                <a:gd name="connsiteY18" fmla="*/ 0 h 151646"/>
                <a:gd name="connsiteX19" fmla="*/ 45244 w 72041"/>
                <a:gd name="connsiteY19" fmla="*/ 8953 h 151646"/>
                <a:gd name="connsiteX20" fmla="*/ 45244 w 72041"/>
                <a:gd name="connsiteY20" fmla="*/ 10858 h 151646"/>
                <a:gd name="connsiteX21" fmla="*/ 48387 w 72041"/>
                <a:gd name="connsiteY21" fmla="*/ 15145 h 151646"/>
                <a:gd name="connsiteX22" fmla="*/ 71438 w 72041"/>
                <a:gd name="connsiteY22" fmla="*/ 36290 h 151646"/>
                <a:gd name="connsiteX23" fmla="*/ 66313 w 72041"/>
                <a:gd name="connsiteY23" fmla="*/ 47868 h 151646"/>
                <a:gd name="connsiteX24" fmla="*/ 66199 w 72041"/>
                <a:gd name="connsiteY24" fmla="*/ 47911 h 151646"/>
                <a:gd name="connsiteX25" fmla="*/ 63055 w 72041"/>
                <a:gd name="connsiteY25" fmla="*/ 48482 h 151646"/>
                <a:gd name="connsiteX26" fmla="*/ 54673 w 72041"/>
                <a:gd name="connsiteY26" fmla="*/ 42672 h 151646"/>
                <a:gd name="connsiteX27" fmla="*/ 27480 w 72041"/>
                <a:gd name="connsiteY27" fmla="*/ 33943 h 151646"/>
                <a:gd name="connsiteX28" fmla="*/ 23908 w 72041"/>
                <a:gd name="connsiteY28" fmla="*/ 36290 h 151646"/>
                <a:gd name="connsiteX29" fmla="*/ 18574 w 72041"/>
                <a:gd name="connsiteY29" fmla="*/ 48006 h 151646"/>
                <a:gd name="connsiteX30" fmla="*/ 39624 w 72041"/>
                <a:gd name="connsiteY30" fmla="*/ 67056 h 151646"/>
                <a:gd name="connsiteX31" fmla="*/ 72009 w 72041"/>
                <a:gd name="connsiteY31" fmla="*/ 103251 h 151646"/>
                <a:gd name="connsiteX32" fmla="*/ 60770 w 72041"/>
                <a:gd name="connsiteY32" fmla="*/ 128302 h 151646"/>
                <a:gd name="connsiteX33" fmla="*/ 48196 w 72041"/>
                <a:gd name="connsiteY33" fmla="*/ 135636 h 151646"/>
                <a:gd name="connsiteX34" fmla="*/ 45244 w 72041"/>
                <a:gd name="connsiteY34" fmla="*/ 139827 h 151646"/>
                <a:gd name="connsiteX35" fmla="*/ 45244 w 72041"/>
                <a:gd name="connsiteY35" fmla="*/ 142304 h 151646"/>
                <a:gd name="connsiteX36" fmla="*/ 36690 w 72041"/>
                <a:gd name="connsiteY36" fmla="*/ 151638 h 151646"/>
                <a:gd name="connsiteX37" fmla="*/ 35909 w 72041"/>
                <a:gd name="connsiteY37" fmla="*/ 151638 h 1516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72041" h="151646">
                  <a:moveTo>
                    <a:pt x="35909" y="151638"/>
                  </a:moveTo>
                  <a:cubicBezTo>
                    <a:pt x="30966" y="151638"/>
                    <a:pt x="26956" y="147629"/>
                    <a:pt x="26956" y="142685"/>
                  </a:cubicBezTo>
                  <a:lnTo>
                    <a:pt x="26956" y="140779"/>
                  </a:lnTo>
                  <a:cubicBezTo>
                    <a:pt x="26946" y="138841"/>
                    <a:pt x="25670" y="137136"/>
                    <a:pt x="23813" y="136588"/>
                  </a:cubicBezTo>
                  <a:cubicBezTo>
                    <a:pt x="13297" y="133387"/>
                    <a:pt x="4810" y="125568"/>
                    <a:pt x="762" y="115348"/>
                  </a:cubicBezTo>
                  <a:cubicBezTo>
                    <a:pt x="-86" y="113141"/>
                    <a:pt x="-86" y="110697"/>
                    <a:pt x="762" y="108490"/>
                  </a:cubicBezTo>
                  <a:cubicBezTo>
                    <a:pt x="1734" y="106305"/>
                    <a:pt x="3553" y="104616"/>
                    <a:pt x="5810" y="103823"/>
                  </a:cubicBezTo>
                  <a:cubicBezTo>
                    <a:pt x="6801" y="103374"/>
                    <a:pt x="7868" y="103146"/>
                    <a:pt x="8954" y="103156"/>
                  </a:cubicBezTo>
                  <a:cubicBezTo>
                    <a:pt x="12668" y="103271"/>
                    <a:pt x="15983" y="105540"/>
                    <a:pt x="17431" y="108966"/>
                  </a:cubicBezTo>
                  <a:cubicBezTo>
                    <a:pt x="22441" y="118871"/>
                    <a:pt x="34528" y="122840"/>
                    <a:pt x="44434" y="117830"/>
                  </a:cubicBezTo>
                  <a:cubicBezTo>
                    <a:pt x="45739" y="117170"/>
                    <a:pt x="46968" y="116370"/>
                    <a:pt x="48101" y="115443"/>
                  </a:cubicBezTo>
                  <a:cubicBezTo>
                    <a:pt x="51521" y="112466"/>
                    <a:pt x="53502" y="108165"/>
                    <a:pt x="53530" y="103632"/>
                  </a:cubicBezTo>
                  <a:cubicBezTo>
                    <a:pt x="53530" y="94107"/>
                    <a:pt x="40291" y="87249"/>
                    <a:pt x="32480" y="84582"/>
                  </a:cubicBezTo>
                  <a:cubicBezTo>
                    <a:pt x="3905" y="73438"/>
                    <a:pt x="0" y="57150"/>
                    <a:pt x="0" y="48387"/>
                  </a:cubicBezTo>
                  <a:cubicBezTo>
                    <a:pt x="29" y="38571"/>
                    <a:pt x="4391" y="29266"/>
                    <a:pt x="11906" y="22955"/>
                  </a:cubicBezTo>
                  <a:cubicBezTo>
                    <a:pt x="15526" y="19691"/>
                    <a:pt x="19774" y="17196"/>
                    <a:pt x="24384" y="15621"/>
                  </a:cubicBezTo>
                  <a:cubicBezTo>
                    <a:pt x="26156" y="15042"/>
                    <a:pt x="27346" y="13387"/>
                    <a:pt x="27337" y="11525"/>
                  </a:cubicBezTo>
                  <a:lnTo>
                    <a:pt x="27337" y="8953"/>
                  </a:lnTo>
                  <a:cubicBezTo>
                    <a:pt x="27337" y="4009"/>
                    <a:pt x="31347" y="0"/>
                    <a:pt x="36290" y="0"/>
                  </a:cubicBezTo>
                  <a:cubicBezTo>
                    <a:pt x="41234" y="0"/>
                    <a:pt x="45244" y="4009"/>
                    <a:pt x="45244" y="8953"/>
                  </a:cubicBezTo>
                  <a:lnTo>
                    <a:pt x="45244" y="10858"/>
                  </a:lnTo>
                  <a:cubicBezTo>
                    <a:pt x="45234" y="12822"/>
                    <a:pt x="46511" y="14560"/>
                    <a:pt x="48387" y="15145"/>
                  </a:cubicBezTo>
                  <a:cubicBezTo>
                    <a:pt x="58912" y="18276"/>
                    <a:pt x="67408" y="26073"/>
                    <a:pt x="71438" y="36290"/>
                  </a:cubicBezTo>
                  <a:cubicBezTo>
                    <a:pt x="73219" y="40903"/>
                    <a:pt x="70923" y="46087"/>
                    <a:pt x="66313" y="47868"/>
                  </a:cubicBezTo>
                  <a:cubicBezTo>
                    <a:pt x="66275" y="47882"/>
                    <a:pt x="66237" y="47896"/>
                    <a:pt x="66199" y="47911"/>
                  </a:cubicBezTo>
                  <a:cubicBezTo>
                    <a:pt x="65189" y="48276"/>
                    <a:pt x="64132" y="48470"/>
                    <a:pt x="63055" y="48482"/>
                  </a:cubicBezTo>
                  <a:cubicBezTo>
                    <a:pt x="59322" y="48481"/>
                    <a:pt x="55988" y="46167"/>
                    <a:pt x="54673" y="42672"/>
                  </a:cubicBezTo>
                  <a:cubicBezTo>
                    <a:pt x="49577" y="32754"/>
                    <a:pt x="37405" y="28845"/>
                    <a:pt x="27480" y="33943"/>
                  </a:cubicBezTo>
                  <a:cubicBezTo>
                    <a:pt x="26213" y="34597"/>
                    <a:pt x="25013" y="35383"/>
                    <a:pt x="23908" y="36290"/>
                  </a:cubicBezTo>
                  <a:cubicBezTo>
                    <a:pt x="20517" y="39240"/>
                    <a:pt x="18574" y="43513"/>
                    <a:pt x="18574" y="48006"/>
                  </a:cubicBezTo>
                  <a:cubicBezTo>
                    <a:pt x="18574" y="57531"/>
                    <a:pt x="31718" y="64389"/>
                    <a:pt x="39624" y="67056"/>
                  </a:cubicBezTo>
                  <a:cubicBezTo>
                    <a:pt x="68199" y="78200"/>
                    <a:pt x="72009" y="94488"/>
                    <a:pt x="72009" y="103251"/>
                  </a:cubicBezTo>
                  <a:cubicBezTo>
                    <a:pt x="72019" y="112826"/>
                    <a:pt x="67932" y="121946"/>
                    <a:pt x="60770" y="128302"/>
                  </a:cubicBezTo>
                  <a:cubicBezTo>
                    <a:pt x="57102" y="131546"/>
                    <a:pt x="52826" y="134038"/>
                    <a:pt x="48196" y="135636"/>
                  </a:cubicBezTo>
                  <a:cubicBezTo>
                    <a:pt x="46444" y="136298"/>
                    <a:pt x="45282" y="137957"/>
                    <a:pt x="45244" y="139827"/>
                  </a:cubicBezTo>
                  <a:lnTo>
                    <a:pt x="45244" y="142304"/>
                  </a:lnTo>
                  <a:cubicBezTo>
                    <a:pt x="45463" y="147244"/>
                    <a:pt x="41624" y="151423"/>
                    <a:pt x="36690" y="151638"/>
                  </a:cubicBezTo>
                  <a:cubicBezTo>
                    <a:pt x="36433" y="151649"/>
                    <a:pt x="36166" y="151649"/>
                    <a:pt x="35909" y="151638"/>
                  </a:cubicBezTo>
                  <a:close/>
                </a:path>
              </a:pathLst>
            </a:custGeom>
            <a:solidFill>
              <a:srgbClr val="265998"/>
            </a:solidFill>
            <a:ln w="9525" cap="flat">
              <a:noFill/>
              <a:prstDash val="solid"/>
              <a:miter/>
            </a:ln>
          </p:spPr>
          <p:txBody>
            <a:bodyPr rtlCol="0" anchor="ctr"/>
            <a:lstStyle/>
            <a:p>
              <a:endParaRPr lang="en-AU" sz="153"/>
            </a:p>
          </p:txBody>
        </p:sp>
        <p:sp>
          <p:nvSpPr>
            <p:cNvPr id="95" name="Graphic 2">
              <a:extLst>
                <a:ext uri="{FF2B5EF4-FFF2-40B4-BE49-F238E27FC236}">
                  <a16:creationId xmlns:a16="http://schemas.microsoft.com/office/drawing/2014/main" id="{D6424CCE-29B9-C70E-0176-6CA6CEB47399}"/>
                </a:ext>
              </a:extLst>
            </p:cNvPr>
            <p:cNvSpPr/>
            <p:nvPr/>
          </p:nvSpPr>
          <p:spPr>
            <a:xfrm>
              <a:off x="2999803" y="1487551"/>
              <a:ext cx="258699" cy="258698"/>
            </a:xfrm>
            <a:custGeom>
              <a:avLst/>
              <a:gdLst>
                <a:gd name="connsiteX0" fmla="*/ 129349 w 258699"/>
                <a:gd name="connsiteY0" fmla="*/ 258699 h 258698"/>
                <a:gd name="connsiteX1" fmla="*/ 0 w 258699"/>
                <a:gd name="connsiteY1" fmla="*/ 129349 h 258698"/>
                <a:gd name="connsiteX2" fmla="*/ 129349 w 258699"/>
                <a:gd name="connsiteY2" fmla="*/ 0 h 258698"/>
                <a:gd name="connsiteX3" fmla="*/ 258699 w 258699"/>
                <a:gd name="connsiteY3" fmla="*/ 129064 h 258698"/>
                <a:gd name="connsiteX4" fmla="*/ 129445 w 258699"/>
                <a:gd name="connsiteY4" fmla="*/ 258699 h 258698"/>
                <a:gd name="connsiteX5" fmla="*/ 129349 w 258699"/>
                <a:gd name="connsiteY5" fmla="*/ 258699 h 258698"/>
                <a:gd name="connsiteX6" fmla="*/ 129349 w 258699"/>
                <a:gd name="connsiteY6" fmla="*/ 18002 h 258698"/>
                <a:gd name="connsiteX7" fmla="*/ 18002 w 258699"/>
                <a:gd name="connsiteY7" fmla="*/ 129349 h 258698"/>
                <a:gd name="connsiteX8" fmla="*/ 129349 w 258699"/>
                <a:gd name="connsiteY8" fmla="*/ 240697 h 258698"/>
                <a:gd name="connsiteX9" fmla="*/ 240697 w 258699"/>
                <a:gd name="connsiteY9" fmla="*/ 129349 h 258698"/>
                <a:gd name="connsiteX10" fmla="*/ 129445 w 258699"/>
                <a:gd name="connsiteY10" fmla="*/ 17717 h 258698"/>
                <a:gd name="connsiteX11" fmla="*/ 129349 w 258699"/>
                <a:gd name="connsiteY11" fmla="*/ 17717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8699" h="258698">
                  <a:moveTo>
                    <a:pt x="129349" y="258699"/>
                  </a:moveTo>
                  <a:cubicBezTo>
                    <a:pt x="57912" y="258699"/>
                    <a:pt x="0" y="200787"/>
                    <a:pt x="0" y="129349"/>
                  </a:cubicBezTo>
                  <a:cubicBezTo>
                    <a:pt x="0" y="57911"/>
                    <a:pt x="57912" y="0"/>
                    <a:pt x="129349" y="0"/>
                  </a:cubicBezTo>
                  <a:cubicBezTo>
                    <a:pt x="200673" y="0"/>
                    <a:pt x="258537" y="57738"/>
                    <a:pt x="258699" y="129064"/>
                  </a:cubicBezTo>
                  <a:cubicBezTo>
                    <a:pt x="258804" y="200554"/>
                    <a:pt x="200939" y="258593"/>
                    <a:pt x="129445" y="258699"/>
                  </a:cubicBezTo>
                  <a:cubicBezTo>
                    <a:pt x="129416" y="258699"/>
                    <a:pt x="129378" y="258699"/>
                    <a:pt x="129349" y="258699"/>
                  </a:cubicBezTo>
                  <a:close/>
                  <a:moveTo>
                    <a:pt x="129349" y="18002"/>
                  </a:moveTo>
                  <a:cubicBezTo>
                    <a:pt x="67856" y="18002"/>
                    <a:pt x="18002" y="67854"/>
                    <a:pt x="18002" y="129349"/>
                  </a:cubicBezTo>
                  <a:cubicBezTo>
                    <a:pt x="18002" y="190845"/>
                    <a:pt x="67856" y="240697"/>
                    <a:pt x="129349" y="240697"/>
                  </a:cubicBezTo>
                  <a:cubicBezTo>
                    <a:pt x="190843" y="240697"/>
                    <a:pt x="240697" y="190845"/>
                    <a:pt x="240697" y="129349"/>
                  </a:cubicBezTo>
                  <a:cubicBezTo>
                    <a:pt x="240802" y="67802"/>
                    <a:pt x="190995" y="17822"/>
                    <a:pt x="129445" y="17717"/>
                  </a:cubicBezTo>
                  <a:cubicBezTo>
                    <a:pt x="129416" y="17717"/>
                    <a:pt x="129378" y="17717"/>
                    <a:pt x="129349" y="17717"/>
                  </a:cubicBezTo>
                  <a:close/>
                </a:path>
              </a:pathLst>
            </a:custGeom>
            <a:solidFill>
              <a:srgbClr val="265998"/>
            </a:solidFill>
            <a:ln w="9525" cap="flat">
              <a:noFill/>
              <a:prstDash val="solid"/>
              <a:miter/>
            </a:ln>
          </p:spPr>
          <p:txBody>
            <a:bodyPr rtlCol="0" anchor="ctr"/>
            <a:lstStyle/>
            <a:p>
              <a:endParaRPr lang="en-AU" sz="153"/>
            </a:p>
          </p:txBody>
        </p:sp>
      </p:grpSp>
      <p:grpSp>
        <p:nvGrpSpPr>
          <p:cNvPr id="96" name="Group 95">
            <a:extLst>
              <a:ext uri="{FF2B5EF4-FFF2-40B4-BE49-F238E27FC236}">
                <a16:creationId xmlns:a16="http://schemas.microsoft.com/office/drawing/2014/main" id="{BF4632DC-A04A-A79E-8A6B-2955EB57B605}"/>
              </a:ext>
            </a:extLst>
          </p:cNvPr>
          <p:cNvGrpSpPr/>
          <p:nvPr/>
        </p:nvGrpSpPr>
        <p:grpSpPr>
          <a:xfrm>
            <a:off x="10531850" y="5119876"/>
            <a:ext cx="560021" cy="490363"/>
            <a:chOff x="1796235" y="2188591"/>
            <a:chExt cx="418848" cy="419239"/>
          </a:xfrm>
        </p:grpSpPr>
        <p:sp>
          <p:nvSpPr>
            <p:cNvPr id="97" name="Graphic 2">
              <a:extLst>
                <a:ext uri="{FF2B5EF4-FFF2-40B4-BE49-F238E27FC236}">
                  <a16:creationId xmlns:a16="http://schemas.microsoft.com/office/drawing/2014/main" id="{43564C4E-03C2-E2EA-1237-FB0130980C4E}"/>
                </a:ext>
              </a:extLst>
            </p:cNvPr>
            <p:cNvSpPr/>
            <p:nvPr/>
          </p:nvSpPr>
          <p:spPr>
            <a:xfrm>
              <a:off x="1800320" y="2199544"/>
              <a:ext cx="266795" cy="261556"/>
            </a:xfrm>
            <a:custGeom>
              <a:avLst/>
              <a:gdLst>
                <a:gd name="connsiteX0" fmla="*/ 148685 w 266795"/>
                <a:gd name="connsiteY0" fmla="*/ 0 h 261556"/>
                <a:gd name="connsiteX1" fmla="*/ 157734 w 266795"/>
                <a:gd name="connsiteY1" fmla="*/ 21336 h 261556"/>
                <a:gd name="connsiteX2" fmla="*/ 176689 w 266795"/>
                <a:gd name="connsiteY2" fmla="*/ 28766 h 261556"/>
                <a:gd name="connsiteX3" fmla="*/ 197358 w 266795"/>
                <a:gd name="connsiteY3" fmla="*/ 14383 h 261556"/>
                <a:gd name="connsiteX4" fmla="*/ 223837 w 266795"/>
                <a:gd name="connsiteY4" fmla="*/ 31909 h 261556"/>
                <a:gd name="connsiteX5" fmla="*/ 217456 w 266795"/>
                <a:gd name="connsiteY5" fmla="*/ 56769 h 261556"/>
                <a:gd name="connsiteX6" fmla="*/ 230219 w 266795"/>
                <a:gd name="connsiteY6" fmla="*/ 75819 h 261556"/>
                <a:gd name="connsiteX7" fmla="*/ 258223 w 266795"/>
                <a:gd name="connsiteY7" fmla="*/ 75819 h 261556"/>
                <a:gd name="connsiteX8" fmla="*/ 263557 w 266795"/>
                <a:gd name="connsiteY8" fmla="*/ 101727 h 261556"/>
                <a:gd name="connsiteX9" fmla="*/ 246602 w 266795"/>
                <a:gd name="connsiteY9" fmla="*/ 118682 h 261556"/>
                <a:gd name="connsiteX10" fmla="*/ 247650 w 266795"/>
                <a:gd name="connsiteY10" fmla="*/ 144590 h 261556"/>
                <a:gd name="connsiteX11" fmla="*/ 266795 w 266795"/>
                <a:gd name="connsiteY11" fmla="*/ 153638 h 261556"/>
                <a:gd name="connsiteX12" fmla="*/ 258794 w 266795"/>
                <a:gd name="connsiteY12" fmla="*/ 184309 h 261556"/>
                <a:gd name="connsiteX13" fmla="*/ 229172 w 266795"/>
                <a:gd name="connsiteY13" fmla="*/ 189071 h 261556"/>
                <a:gd name="connsiteX14" fmla="*/ 219647 w 266795"/>
                <a:gd name="connsiteY14" fmla="*/ 205454 h 261556"/>
                <a:gd name="connsiteX15" fmla="*/ 222790 w 266795"/>
                <a:gd name="connsiteY15" fmla="*/ 227171 h 261556"/>
                <a:gd name="connsiteX16" fmla="*/ 201644 w 266795"/>
                <a:gd name="connsiteY16" fmla="*/ 246221 h 261556"/>
                <a:gd name="connsiteX17" fmla="*/ 172022 w 266795"/>
                <a:gd name="connsiteY17" fmla="*/ 234029 h 261556"/>
                <a:gd name="connsiteX18" fmla="*/ 154495 w 266795"/>
                <a:gd name="connsiteY18" fmla="*/ 239363 h 261556"/>
                <a:gd name="connsiteX19" fmla="*/ 148685 w 266795"/>
                <a:gd name="connsiteY19" fmla="*/ 261557 h 261556"/>
                <a:gd name="connsiteX20" fmla="*/ 115919 w 266795"/>
                <a:gd name="connsiteY20" fmla="*/ 261557 h 261556"/>
                <a:gd name="connsiteX21" fmla="*/ 107918 w 266795"/>
                <a:gd name="connsiteY21" fmla="*/ 240411 h 261556"/>
                <a:gd name="connsiteX22" fmla="*/ 87725 w 266795"/>
                <a:gd name="connsiteY22" fmla="*/ 232982 h 261556"/>
                <a:gd name="connsiteX23" fmla="*/ 69723 w 266795"/>
                <a:gd name="connsiteY23" fmla="*/ 244602 h 261556"/>
                <a:gd name="connsiteX24" fmla="*/ 41243 w 266795"/>
                <a:gd name="connsiteY24" fmla="*/ 227743 h 261556"/>
                <a:gd name="connsiteX25" fmla="*/ 48673 w 266795"/>
                <a:gd name="connsiteY25" fmla="*/ 206026 h 261556"/>
                <a:gd name="connsiteX26" fmla="*/ 34957 w 266795"/>
                <a:gd name="connsiteY26" fmla="*/ 186976 h 261556"/>
                <a:gd name="connsiteX27" fmla="*/ 9239 w 266795"/>
                <a:gd name="connsiteY27" fmla="*/ 185357 h 261556"/>
                <a:gd name="connsiteX28" fmla="*/ 0 w 266795"/>
                <a:gd name="connsiteY28" fmla="*/ 150971 h 261556"/>
                <a:gd name="connsiteX29" fmla="*/ 24384 w 266795"/>
                <a:gd name="connsiteY29" fmla="*/ 134493 h 261556"/>
                <a:gd name="connsiteX30" fmla="*/ 21717 w 266795"/>
                <a:gd name="connsiteY30" fmla="*/ 116015 h 261556"/>
                <a:gd name="connsiteX31" fmla="*/ 0 w 266795"/>
                <a:gd name="connsiteY31" fmla="*/ 108680 h 261556"/>
                <a:gd name="connsiteX32" fmla="*/ 9239 w 266795"/>
                <a:gd name="connsiteY32" fmla="*/ 78962 h 261556"/>
                <a:gd name="connsiteX33" fmla="*/ 39148 w 266795"/>
                <a:gd name="connsiteY33" fmla="*/ 75343 h 261556"/>
                <a:gd name="connsiteX34" fmla="*/ 50292 w 266795"/>
                <a:gd name="connsiteY34" fmla="*/ 55150 h 261556"/>
                <a:gd name="connsiteX35" fmla="*/ 40767 w 266795"/>
                <a:gd name="connsiteY35" fmla="*/ 30861 h 261556"/>
                <a:gd name="connsiteX36" fmla="*/ 73057 w 266795"/>
                <a:gd name="connsiteY36" fmla="*/ 14478 h 261556"/>
                <a:gd name="connsiteX37" fmla="*/ 97345 w 266795"/>
                <a:gd name="connsiteY37" fmla="*/ 32480 h 261556"/>
                <a:gd name="connsiteX38" fmla="*/ 112681 w 266795"/>
                <a:gd name="connsiteY38" fmla="*/ 22955 h 261556"/>
                <a:gd name="connsiteX39" fmla="*/ 116967 w 266795"/>
                <a:gd name="connsiteY39" fmla="*/ 0 h 261556"/>
                <a:gd name="connsiteX40" fmla="*/ 148685 w 266795"/>
                <a:gd name="connsiteY40" fmla="*/ 0 h 261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66795" h="261556">
                  <a:moveTo>
                    <a:pt x="148685" y="0"/>
                  </a:moveTo>
                  <a:lnTo>
                    <a:pt x="157734" y="21336"/>
                  </a:lnTo>
                  <a:lnTo>
                    <a:pt x="176689" y="28766"/>
                  </a:lnTo>
                  <a:lnTo>
                    <a:pt x="197358" y="14383"/>
                  </a:lnTo>
                  <a:lnTo>
                    <a:pt x="223837" y="31909"/>
                  </a:lnTo>
                  <a:lnTo>
                    <a:pt x="217456" y="56769"/>
                  </a:lnTo>
                  <a:lnTo>
                    <a:pt x="230219" y="75819"/>
                  </a:lnTo>
                  <a:lnTo>
                    <a:pt x="258223" y="75819"/>
                  </a:lnTo>
                  <a:lnTo>
                    <a:pt x="263557" y="101727"/>
                  </a:lnTo>
                  <a:lnTo>
                    <a:pt x="246602" y="118682"/>
                  </a:lnTo>
                  <a:lnTo>
                    <a:pt x="247650" y="144590"/>
                  </a:lnTo>
                  <a:lnTo>
                    <a:pt x="266795" y="153638"/>
                  </a:lnTo>
                  <a:lnTo>
                    <a:pt x="258794" y="184309"/>
                  </a:lnTo>
                  <a:lnTo>
                    <a:pt x="229172" y="189071"/>
                  </a:lnTo>
                  <a:lnTo>
                    <a:pt x="219647" y="205454"/>
                  </a:lnTo>
                  <a:lnTo>
                    <a:pt x="222790" y="227171"/>
                  </a:lnTo>
                  <a:lnTo>
                    <a:pt x="201644" y="246221"/>
                  </a:lnTo>
                  <a:lnTo>
                    <a:pt x="172022" y="234029"/>
                  </a:lnTo>
                  <a:lnTo>
                    <a:pt x="154495" y="239363"/>
                  </a:lnTo>
                  <a:lnTo>
                    <a:pt x="148685" y="261557"/>
                  </a:lnTo>
                  <a:lnTo>
                    <a:pt x="115919" y="261557"/>
                  </a:lnTo>
                  <a:lnTo>
                    <a:pt x="107918" y="240411"/>
                  </a:lnTo>
                  <a:lnTo>
                    <a:pt x="87725" y="232982"/>
                  </a:lnTo>
                  <a:lnTo>
                    <a:pt x="69723" y="244602"/>
                  </a:lnTo>
                  <a:lnTo>
                    <a:pt x="41243" y="227743"/>
                  </a:lnTo>
                  <a:lnTo>
                    <a:pt x="48673" y="206026"/>
                  </a:lnTo>
                  <a:lnTo>
                    <a:pt x="34957" y="186976"/>
                  </a:lnTo>
                  <a:lnTo>
                    <a:pt x="9239" y="185357"/>
                  </a:lnTo>
                  <a:lnTo>
                    <a:pt x="0" y="150971"/>
                  </a:lnTo>
                  <a:lnTo>
                    <a:pt x="24384" y="134493"/>
                  </a:lnTo>
                  <a:lnTo>
                    <a:pt x="21717" y="116015"/>
                  </a:lnTo>
                  <a:lnTo>
                    <a:pt x="0" y="108680"/>
                  </a:lnTo>
                  <a:lnTo>
                    <a:pt x="9239" y="78962"/>
                  </a:lnTo>
                  <a:lnTo>
                    <a:pt x="39148" y="75343"/>
                  </a:lnTo>
                  <a:lnTo>
                    <a:pt x="50292" y="55150"/>
                  </a:lnTo>
                  <a:lnTo>
                    <a:pt x="40767" y="30861"/>
                  </a:lnTo>
                  <a:lnTo>
                    <a:pt x="73057" y="14478"/>
                  </a:lnTo>
                  <a:lnTo>
                    <a:pt x="97345" y="32480"/>
                  </a:lnTo>
                  <a:lnTo>
                    <a:pt x="112681" y="22955"/>
                  </a:lnTo>
                  <a:lnTo>
                    <a:pt x="116967" y="0"/>
                  </a:lnTo>
                  <a:lnTo>
                    <a:pt x="148685" y="0"/>
                  </a:lnTo>
                  <a:close/>
                </a:path>
              </a:pathLst>
            </a:custGeom>
            <a:solidFill>
              <a:srgbClr val="C7E4F1"/>
            </a:solidFill>
            <a:ln w="9525" cap="flat">
              <a:noFill/>
              <a:prstDash val="solid"/>
              <a:miter/>
            </a:ln>
          </p:spPr>
          <p:txBody>
            <a:bodyPr rtlCol="0" anchor="ctr"/>
            <a:lstStyle/>
            <a:p>
              <a:endParaRPr lang="en-AU" sz="153"/>
            </a:p>
          </p:txBody>
        </p:sp>
        <p:sp>
          <p:nvSpPr>
            <p:cNvPr id="98" name="Graphic 2">
              <a:extLst>
                <a:ext uri="{FF2B5EF4-FFF2-40B4-BE49-F238E27FC236}">
                  <a16:creationId xmlns:a16="http://schemas.microsoft.com/office/drawing/2014/main" id="{AF24A9D5-E62E-49A9-73C0-A4154FCF8E5B}"/>
                </a:ext>
              </a:extLst>
            </p:cNvPr>
            <p:cNvSpPr/>
            <p:nvPr/>
          </p:nvSpPr>
          <p:spPr>
            <a:xfrm>
              <a:off x="1877568" y="2270315"/>
              <a:ext cx="121729" cy="121729"/>
            </a:xfrm>
            <a:custGeom>
              <a:avLst/>
              <a:gdLst>
                <a:gd name="connsiteX0" fmla="*/ 121729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29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29" y="60865"/>
                  </a:moveTo>
                  <a:cubicBezTo>
                    <a:pt x="121729" y="94479"/>
                    <a:pt x="94479" y="121730"/>
                    <a:pt x="60865" y="121730"/>
                  </a:cubicBezTo>
                  <a:cubicBezTo>
                    <a:pt x="27250" y="121730"/>
                    <a:pt x="0" y="94479"/>
                    <a:pt x="0" y="60865"/>
                  </a:cubicBezTo>
                  <a:cubicBezTo>
                    <a:pt x="0" y="27250"/>
                    <a:pt x="27250" y="0"/>
                    <a:pt x="60865" y="0"/>
                  </a:cubicBezTo>
                  <a:cubicBezTo>
                    <a:pt x="94479" y="0"/>
                    <a:pt x="121729" y="27250"/>
                    <a:pt x="121729" y="60865"/>
                  </a:cubicBezTo>
                  <a:close/>
                </a:path>
              </a:pathLst>
            </a:custGeom>
            <a:solidFill>
              <a:srgbClr val="66B9DA"/>
            </a:solidFill>
            <a:ln w="9525" cap="flat">
              <a:noFill/>
              <a:prstDash val="solid"/>
              <a:miter/>
            </a:ln>
          </p:spPr>
          <p:txBody>
            <a:bodyPr rtlCol="0" anchor="ctr"/>
            <a:lstStyle/>
            <a:p>
              <a:endParaRPr lang="en-AU" sz="153"/>
            </a:p>
          </p:txBody>
        </p:sp>
        <p:sp>
          <p:nvSpPr>
            <p:cNvPr id="99" name="Graphic 2">
              <a:extLst>
                <a:ext uri="{FF2B5EF4-FFF2-40B4-BE49-F238E27FC236}">
                  <a16:creationId xmlns:a16="http://schemas.microsoft.com/office/drawing/2014/main" id="{FF72381B-4C6D-0B51-C74B-E9F082D38028}"/>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100" name="Graphic 2">
              <a:extLst>
                <a:ext uri="{FF2B5EF4-FFF2-40B4-BE49-F238E27FC236}">
                  <a16:creationId xmlns:a16="http://schemas.microsoft.com/office/drawing/2014/main" id="{52F9C1AA-C0EB-7308-CC2C-99C80B7872D4}"/>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sz="153"/>
            </a:p>
          </p:txBody>
        </p:sp>
        <p:sp>
          <p:nvSpPr>
            <p:cNvPr id="101" name="Graphic 2">
              <a:extLst>
                <a:ext uri="{FF2B5EF4-FFF2-40B4-BE49-F238E27FC236}">
                  <a16:creationId xmlns:a16="http://schemas.microsoft.com/office/drawing/2014/main" id="{D5A1F974-20EF-D724-218C-ACDFCBFF9F14}"/>
                </a:ext>
              </a:extLst>
            </p:cNvPr>
            <p:cNvSpPr/>
            <p:nvPr/>
          </p:nvSpPr>
          <p:spPr>
            <a:xfrm>
              <a:off x="1875948" y="2268982"/>
              <a:ext cx="124968" cy="124967"/>
            </a:xfrm>
            <a:custGeom>
              <a:avLst/>
              <a:gdLst>
                <a:gd name="connsiteX0" fmla="*/ 62484 w 124968"/>
                <a:gd name="connsiteY0" fmla="*/ 124968 h 124967"/>
                <a:gd name="connsiteX1" fmla="*/ 0 w 124968"/>
                <a:gd name="connsiteY1" fmla="*/ 62484 h 124967"/>
                <a:gd name="connsiteX2" fmla="*/ 62484 w 124968"/>
                <a:gd name="connsiteY2" fmla="*/ 0 h 124967"/>
                <a:gd name="connsiteX3" fmla="*/ 124968 w 124968"/>
                <a:gd name="connsiteY3" fmla="*/ 62484 h 124967"/>
                <a:gd name="connsiteX4" fmla="*/ 124968 w 124968"/>
                <a:gd name="connsiteY4" fmla="*/ 62579 h 124967"/>
                <a:gd name="connsiteX5" fmla="*/ 62484 w 124968"/>
                <a:gd name="connsiteY5" fmla="*/ 124968 h 124967"/>
                <a:gd name="connsiteX6" fmla="*/ 62484 w 124968"/>
                <a:gd name="connsiteY6" fmla="*/ 18002 h 124967"/>
                <a:gd name="connsiteX7" fmla="*/ 17907 w 124968"/>
                <a:gd name="connsiteY7" fmla="*/ 62579 h 124967"/>
                <a:gd name="connsiteX8" fmla="*/ 62484 w 124968"/>
                <a:gd name="connsiteY8" fmla="*/ 107156 h 124967"/>
                <a:gd name="connsiteX9" fmla="*/ 107061 w 124968"/>
                <a:gd name="connsiteY9" fmla="*/ 62579 h 124967"/>
                <a:gd name="connsiteX10" fmla="*/ 62865 w 124968"/>
                <a:gd name="connsiteY10" fmla="*/ 17621 h 124967"/>
                <a:gd name="connsiteX11" fmla="*/ 62484 w 124968"/>
                <a:gd name="connsiteY11" fmla="*/ 17621 h 1249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4968" h="124967">
                  <a:moveTo>
                    <a:pt x="62484" y="124968"/>
                  </a:moveTo>
                  <a:cubicBezTo>
                    <a:pt x="27975" y="124968"/>
                    <a:pt x="0" y="96993"/>
                    <a:pt x="0" y="62484"/>
                  </a:cubicBezTo>
                  <a:cubicBezTo>
                    <a:pt x="0" y="27975"/>
                    <a:pt x="27975" y="0"/>
                    <a:pt x="62484" y="0"/>
                  </a:cubicBezTo>
                  <a:cubicBezTo>
                    <a:pt x="96993" y="0"/>
                    <a:pt x="124968" y="27975"/>
                    <a:pt x="124968" y="62484"/>
                  </a:cubicBezTo>
                  <a:cubicBezTo>
                    <a:pt x="124968" y="62512"/>
                    <a:pt x="124968" y="62551"/>
                    <a:pt x="124968" y="62579"/>
                  </a:cubicBezTo>
                  <a:cubicBezTo>
                    <a:pt x="124911" y="97050"/>
                    <a:pt x="96955" y="124968"/>
                    <a:pt x="62484" y="124968"/>
                  </a:cubicBezTo>
                  <a:close/>
                  <a:moveTo>
                    <a:pt x="62484" y="18002"/>
                  </a:moveTo>
                  <a:cubicBezTo>
                    <a:pt x="37862" y="18002"/>
                    <a:pt x="17907" y="37957"/>
                    <a:pt x="17907" y="62579"/>
                  </a:cubicBezTo>
                  <a:cubicBezTo>
                    <a:pt x="17907" y="87201"/>
                    <a:pt x="37862" y="107156"/>
                    <a:pt x="62484" y="107156"/>
                  </a:cubicBezTo>
                  <a:cubicBezTo>
                    <a:pt x="87106" y="107156"/>
                    <a:pt x="107061" y="87201"/>
                    <a:pt x="107061" y="62579"/>
                  </a:cubicBezTo>
                  <a:cubicBezTo>
                    <a:pt x="107271" y="37957"/>
                    <a:pt x="87487" y="17831"/>
                    <a:pt x="62865" y="17621"/>
                  </a:cubicBezTo>
                  <a:cubicBezTo>
                    <a:pt x="62741" y="17621"/>
                    <a:pt x="62608" y="17621"/>
                    <a:pt x="62484" y="17621"/>
                  </a:cubicBezTo>
                  <a:close/>
                </a:path>
              </a:pathLst>
            </a:custGeom>
            <a:solidFill>
              <a:srgbClr val="265998"/>
            </a:solidFill>
            <a:ln w="9525" cap="flat">
              <a:noFill/>
              <a:prstDash val="solid"/>
              <a:miter/>
            </a:ln>
          </p:spPr>
          <p:txBody>
            <a:bodyPr rtlCol="0" anchor="ctr"/>
            <a:lstStyle/>
            <a:p>
              <a:endParaRPr lang="en-AU" sz="153"/>
            </a:p>
          </p:txBody>
        </p:sp>
        <p:sp>
          <p:nvSpPr>
            <p:cNvPr id="102" name="Graphic 2">
              <a:extLst>
                <a:ext uri="{FF2B5EF4-FFF2-40B4-BE49-F238E27FC236}">
                  <a16:creationId xmlns:a16="http://schemas.microsoft.com/office/drawing/2014/main" id="{D22D2BDD-6CA9-E27E-6D2A-D17084D7A260}"/>
                </a:ext>
              </a:extLst>
            </p:cNvPr>
            <p:cNvSpPr/>
            <p:nvPr/>
          </p:nvSpPr>
          <p:spPr>
            <a:xfrm>
              <a:off x="1933636" y="2340038"/>
              <a:ext cx="281447" cy="267792"/>
            </a:xfrm>
            <a:custGeom>
              <a:avLst/>
              <a:gdLst>
                <a:gd name="connsiteX0" fmla="*/ 138527 w 281447"/>
                <a:gd name="connsiteY0" fmla="*/ 267462 h 267792"/>
                <a:gd name="connsiteX1" fmla="*/ 121573 w 281447"/>
                <a:gd name="connsiteY1" fmla="*/ 266510 h 267792"/>
                <a:gd name="connsiteX2" fmla="*/ 114048 w 281447"/>
                <a:gd name="connsiteY2" fmla="*/ 260128 h 267792"/>
                <a:gd name="connsiteX3" fmla="*/ 108523 w 281447"/>
                <a:gd name="connsiteY3" fmla="*/ 242030 h 267792"/>
                <a:gd name="connsiteX4" fmla="*/ 105476 w 281447"/>
                <a:gd name="connsiteY4" fmla="*/ 239078 h 267792"/>
                <a:gd name="connsiteX5" fmla="*/ 97570 w 281447"/>
                <a:gd name="connsiteY5" fmla="*/ 236506 h 267792"/>
                <a:gd name="connsiteX6" fmla="*/ 96141 w 281447"/>
                <a:gd name="connsiteY6" fmla="*/ 236506 h 267792"/>
                <a:gd name="connsiteX7" fmla="*/ 93474 w 281447"/>
                <a:gd name="connsiteY7" fmla="*/ 237363 h 267792"/>
                <a:gd name="connsiteX8" fmla="*/ 77948 w 281447"/>
                <a:gd name="connsiteY8" fmla="*/ 249079 h 267792"/>
                <a:gd name="connsiteX9" fmla="*/ 72519 w 281447"/>
                <a:gd name="connsiteY9" fmla="*/ 250889 h 267792"/>
                <a:gd name="connsiteX10" fmla="*/ 68233 w 281447"/>
                <a:gd name="connsiteY10" fmla="*/ 249841 h 267792"/>
                <a:gd name="connsiteX11" fmla="*/ 40134 w 281447"/>
                <a:gd name="connsiteY11" fmla="*/ 229838 h 267792"/>
                <a:gd name="connsiteX12" fmla="*/ 37753 w 281447"/>
                <a:gd name="connsiteY12" fmla="*/ 220313 h 267792"/>
                <a:gd name="connsiteX13" fmla="*/ 44135 w 281447"/>
                <a:gd name="connsiteY13" fmla="*/ 202502 h 267792"/>
                <a:gd name="connsiteX14" fmla="*/ 43468 w 281447"/>
                <a:gd name="connsiteY14" fmla="*/ 198215 h 267792"/>
                <a:gd name="connsiteX15" fmla="*/ 38705 w 281447"/>
                <a:gd name="connsiteY15" fmla="*/ 191929 h 267792"/>
                <a:gd name="connsiteX16" fmla="*/ 35086 w 281447"/>
                <a:gd name="connsiteY16" fmla="*/ 190024 h 267792"/>
                <a:gd name="connsiteX17" fmla="*/ 15369 w 281447"/>
                <a:gd name="connsiteY17" fmla="*/ 190596 h 267792"/>
                <a:gd name="connsiteX18" fmla="*/ 15369 w 281447"/>
                <a:gd name="connsiteY18" fmla="*/ 190596 h 267792"/>
                <a:gd name="connsiteX19" fmla="*/ 7273 w 281447"/>
                <a:gd name="connsiteY19" fmla="*/ 185452 h 267792"/>
                <a:gd name="connsiteX20" fmla="*/ 319 w 281447"/>
                <a:gd name="connsiteY20" fmla="*/ 167926 h 267792"/>
                <a:gd name="connsiteX21" fmla="*/ 6130 w 281447"/>
                <a:gd name="connsiteY21" fmla="*/ 156591 h 267792"/>
                <a:gd name="connsiteX22" fmla="*/ 8892 w 281447"/>
                <a:gd name="connsiteY22" fmla="*/ 156591 h 267792"/>
                <a:gd name="connsiteX23" fmla="*/ 17464 w 281447"/>
                <a:gd name="connsiteY23" fmla="*/ 162782 h 267792"/>
                <a:gd name="connsiteX24" fmla="*/ 19941 w 281447"/>
                <a:gd name="connsiteY24" fmla="*/ 170021 h 267792"/>
                <a:gd name="connsiteX25" fmla="*/ 24037 w 281447"/>
                <a:gd name="connsiteY25" fmla="*/ 172784 h 267792"/>
                <a:gd name="connsiteX26" fmla="*/ 42230 w 281447"/>
                <a:gd name="connsiteY26" fmla="*/ 172212 h 267792"/>
                <a:gd name="connsiteX27" fmla="*/ 50231 w 281447"/>
                <a:gd name="connsiteY27" fmla="*/ 176594 h 267792"/>
                <a:gd name="connsiteX28" fmla="*/ 62137 w 281447"/>
                <a:gd name="connsiteY28" fmla="*/ 192500 h 267792"/>
                <a:gd name="connsiteX29" fmla="*/ 63947 w 281447"/>
                <a:gd name="connsiteY29" fmla="*/ 202025 h 267792"/>
                <a:gd name="connsiteX30" fmla="*/ 58041 w 281447"/>
                <a:gd name="connsiteY30" fmla="*/ 218408 h 267792"/>
                <a:gd name="connsiteX31" fmla="*/ 59470 w 281447"/>
                <a:gd name="connsiteY31" fmla="*/ 223361 h 267792"/>
                <a:gd name="connsiteX32" fmla="*/ 69566 w 281447"/>
                <a:gd name="connsiteY32" fmla="*/ 230410 h 267792"/>
                <a:gd name="connsiteX33" fmla="*/ 71852 w 281447"/>
                <a:gd name="connsiteY33" fmla="*/ 231077 h 267792"/>
                <a:gd name="connsiteX34" fmla="*/ 74519 w 281447"/>
                <a:gd name="connsiteY34" fmla="*/ 230219 h 267792"/>
                <a:gd name="connsiteX35" fmla="*/ 88807 w 281447"/>
                <a:gd name="connsiteY35" fmla="*/ 219361 h 267792"/>
                <a:gd name="connsiteX36" fmla="*/ 94236 w 281447"/>
                <a:gd name="connsiteY36" fmla="*/ 217551 h 267792"/>
                <a:gd name="connsiteX37" fmla="*/ 97760 w 281447"/>
                <a:gd name="connsiteY37" fmla="*/ 218218 h 267792"/>
                <a:gd name="connsiteX38" fmla="*/ 116810 w 281447"/>
                <a:gd name="connsiteY38" fmla="*/ 224314 h 267792"/>
                <a:gd name="connsiteX39" fmla="*/ 123478 w 281447"/>
                <a:gd name="connsiteY39" fmla="*/ 230505 h 267792"/>
                <a:gd name="connsiteX40" fmla="*/ 128621 w 281447"/>
                <a:gd name="connsiteY40" fmla="*/ 247269 h 267792"/>
                <a:gd name="connsiteX41" fmla="*/ 132527 w 281447"/>
                <a:gd name="connsiteY41" fmla="*/ 250413 h 267792"/>
                <a:gd name="connsiteX42" fmla="*/ 138908 w 281447"/>
                <a:gd name="connsiteY42" fmla="*/ 250413 h 267792"/>
                <a:gd name="connsiteX43" fmla="*/ 145195 w 281447"/>
                <a:gd name="connsiteY43" fmla="*/ 250413 h 267792"/>
                <a:gd name="connsiteX44" fmla="*/ 149195 w 281447"/>
                <a:gd name="connsiteY44" fmla="*/ 247269 h 267792"/>
                <a:gd name="connsiteX45" fmla="*/ 154148 w 281447"/>
                <a:gd name="connsiteY45" fmla="*/ 230410 h 267792"/>
                <a:gd name="connsiteX46" fmla="*/ 160911 w 281447"/>
                <a:gd name="connsiteY46" fmla="*/ 224219 h 267792"/>
                <a:gd name="connsiteX47" fmla="*/ 179961 w 281447"/>
                <a:gd name="connsiteY47" fmla="*/ 218027 h 267792"/>
                <a:gd name="connsiteX48" fmla="*/ 183485 w 281447"/>
                <a:gd name="connsiteY48" fmla="*/ 217361 h 267792"/>
                <a:gd name="connsiteX49" fmla="*/ 188914 w 281447"/>
                <a:gd name="connsiteY49" fmla="*/ 219075 h 267792"/>
                <a:gd name="connsiteX50" fmla="*/ 203202 w 281447"/>
                <a:gd name="connsiteY50" fmla="*/ 229838 h 267792"/>
                <a:gd name="connsiteX51" fmla="*/ 205869 w 281447"/>
                <a:gd name="connsiteY51" fmla="*/ 230791 h 267792"/>
                <a:gd name="connsiteX52" fmla="*/ 208250 w 281447"/>
                <a:gd name="connsiteY52" fmla="*/ 230029 h 267792"/>
                <a:gd name="connsiteX53" fmla="*/ 218252 w 281447"/>
                <a:gd name="connsiteY53" fmla="*/ 222885 h 267792"/>
                <a:gd name="connsiteX54" fmla="*/ 219680 w 281447"/>
                <a:gd name="connsiteY54" fmla="*/ 217932 h 267792"/>
                <a:gd name="connsiteX55" fmla="*/ 213680 w 281447"/>
                <a:gd name="connsiteY55" fmla="*/ 201644 h 267792"/>
                <a:gd name="connsiteX56" fmla="*/ 215489 w 281447"/>
                <a:gd name="connsiteY56" fmla="*/ 192119 h 267792"/>
                <a:gd name="connsiteX57" fmla="*/ 227300 w 281447"/>
                <a:gd name="connsiteY57" fmla="*/ 176117 h 267792"/>
                <a:gd name="connsiteX58" fmla="*/ 235206 w 281447"/>
                <a:gd name="connsiteY58" fmla="*/ 171736 h 267792"/>
                <a:gd name="connsiteX59" fmla="*/ 253399 w 281447"/>
                <a:gd name="connsiteY59" fmla="*/ 171736 h 267792"/>
                <a:gd name="connsiteX60" fmla="*/ 257494 w 281447"/>
                <a:gd name="connsiteY60" fmla="*/ 168974 h 267792"/>
                <a:gd name="connsiteX61" fmla="*/ 261114 w 281447"/>
                <a:gd name="connsiteY61" fmla="*/ 157734 h 267792"/>
                <a:gd name="connsiteX62" fmla="*/ 259400 w 281447"/>
                <a:gd name="connsiteY62" fmla="*/ 152876 h 267792"/>
                <a:gd name="connsiteX63" fmla="*/ 244636 w 281447"/>
                <a:gd name="connsiteY63" fmla="*/ 143351 h 267792"/>
                <a:gd name="connsiteX64" fmla="*/ 240731 w 281447"/>
                <a:gd name="connsiteY64" fmla="*/ 135065 h 267792"/>
                <a:gd name="connsiteX65" fmla="*/ 240731 w 281447"/>
                <a:gd name="connsiteY65" fmla="*/ 125063 h 267792"/>
                <a:gd name="connsiteX66" fmla="*/ 240159 w 281447"/>
                <a:gd name="connsiteY66" fmla="*/ 115538 h 267792"/>
                <a:gd name="connsiteX67" fmla="*/ 244064 w 281447"/>
                <a:gd name="connsiteY67" fmla="*/ 107252 h 267792"/>
                <a:gd name="connsiteX68" fmla="*/ 258733 w 281447"/>
                <a:gd name="connsiteY68" fmla="*/ 97727 h 267792"/>
                <a:gd name="connsiteX69" fmla="*/ 260447 w 281447"/>
                <a:gd name="connsiteY69" fmla="*/ 92869 h 267792"/>
                <a:gd name="connsiteX70" fmla="*/ 256733 w 281447"/>
                <a:gd name="connsiteY70" fmla="*/ 81629 h 267792"/>
                <a:gd name="connsiteX71" fmla="*/ 252637 w 281447"/>
                <a:gd name="connsiteY71" fmla="*/ 78867 h 267792"/>
                <a:gd name="connsiteX72" fmla="*/ 234444 w 281447"/>
                <a:gd name="connsiteY72" fmla="*/ 79343 h 267792"/>
                <a:gd name="connsiteX73" fmla="*/ 226538 w 281447"/>
                <a:gd name="connsiteY73" fmla="*/ 75057 h 267792"/>
                <a:gd name="connsiteX74" fmla="*/ 214537 w 281447"/>
                <a:gd name="connsiteY74" fmla="*/ 58960 h 267792"/>
                <a:gd name="connsiteX75" fmla="*/ 212822 w 281447"/>
                <a:gd name="connsiteY75" fmla="*/ 49911 h 267792"/>
                <a:gd name="connsiteX76" fmla="*/ 218633 w 281447"/>
                <a:gd name="connsiteY76" fmla="*/ 33623 h 267792"/>
                <a:gd name="connsiteX77" fmla="*/ 217204 w 281447"/>
                <a:gd name="connsiteY77" fmla="*/ 28671 h 267792"/>
                <a:gd name="connsiteX78" fmla="*/ 207679 w 281447"/>
                <a:gd name="connsiteY78" fmla="*/ 21527 h 267792"/>
                <a:gd name="connsiteX79" fmla="*/ 205298 w 281447"/>
                <a:gd name="connsiteY79" fmla="*/ 20860 h 267792"/>
                <a:gd name="connsiteX80" fmla="*/ 202631 w 281447"/>
                <a:gd name="connsiteY80" fmla="*/ 21717 h 267792"/>
                <a:gd name="connsiteX81" fmla="*/ 188343 w 281447"/>
                <a:gd name="connsiteY81" fmla="*/ 32576 h 267792"/>
                <a:gd name="connsiteX82" fmla="*/ 182914 w 281447"/>
                <a:gd name="connsiteY82" fmla="*/ 34481 h 267792"/>
                <a:gd name="connsiteX83" fmla="*/ 179389 w 281447"/>
                <a:gd name="connsiteY83" fmla="*/ 33719 h 267792"/>
                <a:gd name="connsiteX84" fmla="*/ 175389 w 281447"/>
                <a:gd name="connsiteY84" fmla="*/ 32100 h 267792"/>
                <a:gd name="connsiteX85" fmla="*/ 170341 w 281447"/>
                <a:gd name="connsiteY85" fmla="*/ 27337 h 267792"/>
                <a:gd name="connsiteX86" fmla="*/ 170341 w 281447"/>
                <a:gd name="connsiteY86" fmla="*/ 20479 h 267792"/>
                <a:gd name="connsiteX87" fmla="*/ 178627 w 281447"/>
                <a:gd name="connsiteY87" fmla="*/ 14669 h 267792"/>
                <a:gd name="connsiteX88" fmla="*/ 180914 w 281447"/>
                <a:gd name="connsiteY88" fmla="*/ 14669 h 267792"/>
                <a:gd name="connsiteX89" fmla="*/ 183581 w 281447"/>
                <a:gd name="connsiteY89" fmla="*/ 13811 h 267792"/>
                <a:gd name="connsiteX90" fmla="*/ 199297 w 281447"/>
                <a:gd name="connsiteY90" fmla="*/ 1810 h 267792"/>
                <a:gd name="connsiteX91" fmla="*/ 204726 w 281447"/>
                <a:gd name="connsiteY91" fmla="*/ 0 h 267792"/>
                <a:gd name="connsiteX92" fmla="*/ 209012 w 281447"/>
                <a:gd name="connsiteY92" fmla="*/ 1143 h 267792"/>
                <a:gd name="connsiteX93" fmla="*/ 237111 w 281447"/>
                <a:gd name="connsiteY93" fmla="*/ 21050 h 267792"/>
                <a:gd name="connsiteX94" fmla="*/ 239588 w 281447"/>
                <a:gd name="connsiteY94" fmla="*/ 30575 h 267792"/>
                <a:gd name="connsiteX95" fmla="*/ 233206 w 281447"/>
                <a:gd name="connsiteY95" fmla="*/ 48387 h 267792"/>
                <a:gd name="connsiteX96" fmla="*/ 233873 w 281447"/>
                <a:gd name="connsiteY96" fmla="*/ 52578 h 267792"/>
                <a:gd name="connsiteX97" fmla="*/ 238635 w 281447"/>
                <a:gd name="connsiteY97" fmla="*/ 58960 h 267792"/>
                <a:gd name="connsiteX98" fmla="*/ 242159 w 281447"/>
                <a:gd name="connsiteY98" fmla="*/ 60865 h 267792"/>
                <a:gd name="connsiteX99" fmla="*/ 261781 w 281447"/>
                <a:gd name="connsiteY99" fmla="*/ 60198 h 267792"/>
                <a:gd name="connsiteX100" fmla="*/ 270258 w 281447"/>
                <a:gd name="connsiteY100" fmla="*/ 65342 h 267792"/>
                <a:gd name="connsiteX101" fmla="*/ 281117 w 281447"/>
                <a:gd name="connsiteY101" fmla="*/ 97822 h 267792"/>
                <a:gd name="connsiteX102" fmla="*/ 277306 w 281447"/>
                <a:gd name="connsiteY102" fmla="*/ 107347 h 267792"/>
                <a:gd name="connsiteX103" fmla="*/ 261400 w 281447"/>
                <a:gd name="connsiteY103" fmla="*/ 118205 h 267792"/>
                <a:gd name="connsiteX104" fmla="*/ 259495 w 281447"/>
                <a:gd name="connsiteY104" fmla="*/ 121920 h 267792"/>
                <a:gd name="connsiteX105" fmla="*/ 259495 w 281447"/>
                <a:gd name="connsiteY105" fmla="*/ 125825 h 267792"/>
                <a:gd name="connsiteX106" fmla="*/ 259495 w 281447"/>
                <a:gd name="connsiteY106" fmla="*/ 129635 h 267792"/>
                <a:gd name="connsiteX107" fmla="*/ 261400 w 281447"/>
                <a:gd name="connsiteY107" fmla="*/ 133446 h 267792"/>
                <a:gd name="connsiteX108" fmla="*/ 277402 w 281447"/>
                <a:gd name="connsiteY108" fmla="*/ 144113 h 267792"/>
                <a:gd name="connsiteX109" fmla="*/ 281212 w 281447"/>
                <a:gd name="connsiteY109" fmla="*/ 153638 h 267792"/>
                <a:gd name="connsiteX110" fmla="*/ 270639 w 281447"/>
                <a:gd name="connsiteY110" fmla="*/ 186119 h 267792"/>
                <a:gd name="connsiteX111" fmla="*/ 263305 w 281447"/>
                <a:gd name="connsiteY111" fmla="*/ 191357 h 267792"/>
                <a:gd name="connsiteX112" fmla="*/ 262257 w 281447"/>
                <a:gd name="connsiteY112" fmla="*/ 191357 h 267792"/>
                <a:gd name="connsiteX113" fmla="*/ 242540 w 281447"/>
                <a:gd name="connsiteY113" fmla="*/ 190881 h 267792"/>
                <a:gd name="connsiteX114" fmla="*/ 238921 w 281447"/>
                <a:gd name="connsiteY114" fmla="*/ 192786 h 267792"/>
                <a:gd name="connsiteX115" fmla="*/ 234254 w 281447"/>
                <a:gd name="connsiteY115" fmla="*/ 199168 h 267792"/>
                <a:gd name="connsiteX116" fmla="*/ 233587 w 281447"/>
                <a:gd name="connsiteY116" fmla="*/ 203359 h 267792"/>
                <a:gd name="connsiteX117" fmla="*/ 240064 w 281447"/>
                <a:gd name="connsiteY117" fmla="*/ 221171 h 267792"/>
                <a:gd name="connsiteX118" fmla="*/ 237683 w 281447"/>
                <a:gd name="connsiteY118" fmla="*/ 230696 h 267792"/>
                <a:gd name="connsiteX119" fmla="*/ 209679 w 281447"/>
                <a:gd name="connsiteY119" fmla="*/ 250793 h 267792"/>
                <a:gd name="connsiteX120" fmla="*/ 205393 w 281447"/>
                <a:gd name="connsiteY120" fmla="*/ 251936 h 267792"/>
                <a:gd name="connsiteX121" fmla="*/ 199964 w 281447"/>
                <a:gd name="connsiteY121" fmla="*/ 250127 h 267792"/>
                <a:gd name="connsiteX122" fmla="*/ 184438 w 281447"/>
                <a:gd name="connsiteY122" fmla="*/ 238411 h 267792"/>
                <a:gd name="connsiteX123" fmla="*/ 181866 w 281447"/>
                <a:gd name="connsiteY123" fmla="*/ 237554 h 267792"/>
                <a:gd name="connsiteX124" fmla="*/ 180342 w 281447"/>
                <a:gd name="connsiteY124" fmla="*/ 237554 h 267792"/>
                <a:gd name="connsiteX125" fmla="*/ 172436 w 281447"/>
                <a:gd name="connsiteY125" fmla="*/ 240125 h 267792"/>
                <a:gd name="connsiteX126" fmla="*/ 169388 w 281447"/>
                <a:gd name="connsiteY126" fmla="*/ 243078 h 267792"/>
                <a:gd name="connsiteX127" fmla="*/ 163959 w 281447"/>
                <a:gd name="connsiteY127" fmla="*/ 261271 h 267792"/>
                <a:gd name="connsiteX128" fmla="*/ 156434 w 281447"/>
                <a:gd name="connsiteY128" fmla="*/ 267653 h 267792"/>
                <a:gd name="connsiteX129" fmla="*/ 138527 w 281447"/>
                <a:gd name="connsiteY129" fmla="*/ 267462 h 2677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81447" h="267792">
                  <a:moveTo>
                    <a:pt x="138527" y="267462"/>
                  </a:moveTo>
                  <a:cubicBezTo>
                    <a:pt x="132860" y="267472"/>
                    <a:pt x="127202" y="267157"/>
                    <a:pt x="121573" y="266510"/>
                  </a:cubicBezTo>
                  <a:cubicBezTo>
                    <a:pt x="118077" y="265948"/>
                    <a:pt x="115172" y="263490"/>
                    <a:pt x="114048" y="260128"/>
                  </a:cubicBezTo>
                  <a:lnTo>
                    <a:pt x="108523" y="242030"/>
                  </a:lnTo>
                  <a:cubicBezTo>
                    <a:pt x="108104" y="240573"/>
                    <a:pt x="106942" y="239459"/>
                    <a:pt x="105476" y="239078"/>
                  </a:cubicBezTo>
                  <a:lnTo>
                    <a:pt x="97570" y="236506"/>
                  </a:lnTo>
                  <a:cubicBezTo>
                    <a:pt x="97093" y="236411"/>
                    <a:pt x="96617" y="236411"/>
                    <a:pt x="96141" y="236506"/>
                  </a:cubicBezTo>
                  <a:cubicBezTo>
                    <a:pt x="95179" y="236496"/>
                    <a:pt x="94246" y="236801"/>
                    <a:pt x="93474" y="237363"/>
                  </a:cubicBezTo>
                  <a:lnTo>
                    <a:pt x="77948" y="249079"/>
                  </a:lnTo>
                  <a:cubicBezTo>
                    <a:pt x="76405" y="250289"/>
                    <a:pt x="74481" y="250936"/>
                    <a:pt x="72519" y="250889"/>
                  </a:cubicBezTo>
                  <a:cubicBezTo>
                    <a:pt x="71024" y="250879"/>
                    <a:pt x="69557" y="250517"/>
                    <a:pt x="68233" y="249841"/>
                  </a:cubicBezTo>
                  <a:cubicBezTo>
                    <a:pt x="58108" y="244317"/>
                    <a:pt x="48668" y="237601"/>
                    <a:pt x="40134" y="229838"/>
                  </a:cubicBezTo>
                  <a:cubicBezTo>
                    <a:pt x="37496" y="227438"/>
                    <a:pt x="36553" y="223676"/>
                    <a:pt x="37753" y="220313"/>
                  </a:cubicBezTo>
                  <a:lnTo>
                    <a:pt x="44135" y="202502"/>
                  </a:lnTo>
                  <a:cubicBezTo>
                    <a:pt x="44582" y="201044"/>
                    <a:pt x="44335" y="199463"/>
                    <a:pt x="43468" y="198215"/>
                  </a:cubicBezTo>
                  <a:cubicBezTo>
                    <a:pt x="41848" y="196215"/>
                    <a:pt x="40229" y="194120"/>
                    <a:pt x="38705" y="191929"/>
                  </a:cubicBezTo>
                  <a:cubicBezTo>
                    <a:pt x="37886" y="190738"/>
                    <a:pt x="36534" y="190024"/>
                    <a:pt x="35086" y="190024"/>
                  </a:cubicBezTo>
                  <a:lnTo>
                    <a:pt x="15369" y="190596"/>
                  </a:lnTo>
                  <a:lnTo>
                    <a:pt x="15369" y="190596"/>
                  </a:lnTo>
                  <a:cubicBezTo>
                    <a:pt x="11940" y="190462"/>
                    <a:pt x="8844" y="188500"/>
                    <a:pt x="7273" y="185452"/>
                  </a:cubicBezTo>
                  <a:cubicBezTo>
                    <a:pt x="4606" y="179756"/>
                    <a:pt x="2282" y="173908"/>
                    <a:pt x="319" y="167926"/>
                  </a:cubicBezTo>
                  <a:cubicBezTo>
                    <a:pt x="-928" y="163221"/>
                    <a:pt x="1577" y="158325"/>
                    <a:pt x="6130" y="156591"/>
                  </a:cubicBezTo>
                  <a:cubicBezTo>
                    <a:pt x="7044" y="156496"/>
                    <a:pt x="7978" y="156496"/>
                    <a:pt x="8892" y="156591"/>
                  </a:cubicBezTo>
                  <a:cubicBezTo>
                    <a:pt x="12740" y="156734"/>
                    <a:pt x="16122" y="159172"/>
                    <a:pt x="17464" y="162782"/>
                  </a:cubicBezTo>
                  <a:cubicBezTo>
                    <a:pt x="18226" y="165164"/>
                    <a:pt x="19084" y="167545"/>
                    <a:pt x="19941" y="170021"/>
                  </a:cubicBezTo>
                  <a:cubicBezTo>
                    <a:pt x="20627" y="171679"/>
                    <a:pt x="22237" y="172765"/>
                    <a:pt x="24037" y="172784"/>
                  </a:cubicBezTo>
                  <a:lnTo>
                    <a:pt x="42230" y="172212"/>
                  </a:lnTo>
                  <a:cubicBezTo>
                    <a:pt x="45468" y="172222"/>
                    <a:pt x="48478" y="173870"/>
                    <a:pt x="50231" y="176594"/>
                  </a:cubicBezTo>
                  <a:cubicBezTo>
                    <a:pt x="53621" y="182299"/>
                    <a:pt x="57612" y="187633"/>
                    <a:pt x="62137" y="192500"/>
                  </a:cubicBezTo>
                  <a:cubicBezTo>
                    <a:pt x="64432" y="195110"/>
                    <a:pt x="65128" y="198758"/>
                    <a:pt x="63947" y="202025"/>
                  </a:cubicBezTo>
                  <a:lnTo>
                    <a:pt x="58041" y="218408"/>
                  </a:lnTo>
                  <a:cubicBezTo>
                    <a:pt x="57450" y="220199"/>
                    <a:pt x="58022" y="222161"/>
                    <a:pt x="59470" y="223361"/>
                  </a:cubicBezTo>
                  <a:cubicBezTo>
                    <a:pt x="62708" y="225838"/>
                    <a:pt x="66137" y="228219"/>
                    <a:pt x="69566" y="230410"/>
                  </a:cubicBezTo>
                  <a:cubicBezTo>
                    <a:pt x="70243" y="230858"/>
                    <a:pt x="71043" y="231096"/>
                    <a:pt x="71852" y="231077"/>
                  </a:cubicBezTo>
                  <a:cubicBezTo>
                    <a:pt x="72814" y="231086"/>
                    <a:pt x="73748" y="230781"/>
                    <a:pt x="74519" y="230219"/>
                  </a:cubicBezTo>
                  <a:lnTo>
                    <a:pt x="88807" y="219361"/>
                  </a:lnTo>
                  <a:cubicBezTo>
                    <a:pt x="90388" y="218218"/>
                    <a:pt x="92283" y="217580"/>
                    <a:pt x="94236" y="217551"/>
                  </a:cubicBezTo>
                  <a:cubicBezTo>
                    <a:pt x="95446" y="217532"/>
                    <a:pt x="96646" y="217761"/>
                    <a:pt x="97760" y="218218"/>
                  </a:cubicBezTo>
                  <a:cubicBezTo>
                    <a:pt x="103875" y="220914"/>
                    <a:pt x="110267" y="222952"/>
                    <a:pt x="116810" y="224314"/>
                  </a:cubicBezTo>
                  <a:cubicBezTo>
                    <a:pt x="119992" y="225009"/>
                    <a:pt x="122544" y="227381"/>
                    <a:pt x="123478" y="230505"/>
                  </a:cubicBezTo>
                  <a:lnTo>
                    <a:pt x="128621" y="247269"/>
                  </a:lnTo>
                  <a:cubicBezTo>
                    <a:pt x="129107" y="249050"/>
                    <a:pt x="130688" y="250317"/>
                    <a:pt x="132527" y="250413"/>
                  </a:cubicBezTo>
                  <a:lnTo>
                    <a:pt x="138908" y="250413"/>
                  </a:lnTo>
                  <a:lnTo>
                    <a:pt x="145195" y="250413"/>
                  </a:lnTo>
                  <a:cubicBezTo>
                    <a:pt x="147052" y="250298"/>
                    <a:pt x="148643" y="249050"/>
                    <a:pt x="149195" y="247269"/>
                  </a:cubicBezTo>
                  <a:lnTo>
                    <a:pt x="154148" y="230410"/>
                  </a:lnTo>
                  <a:cubicBezTo>
                    <a:pt x="155196" y="227324"/>
                    <a:pt x="157749" y="224990"/>
                    <a:pt x="160911" y="224219"/>
                  </a:cubicBezTo>
                  <a:cubicBezTo>
                    <a:pt x="167455" y="222800"/>
                    <a:pt x="173836" y="220723"/>
                    <a:pt x="179961" y="218027"/>
                  </a:cubicBezTo>
                  <a:cubicBezTo>
                    <a:pt x="181075" y="217561"/>
                    <a:pt x="182276" y="217332"/>
                    <a:pt x="183485" y="217361"/>
                  </a:cubicBezTo>
                  <a:cubicBezTo>
                    <a:pt x="185428" y="217361"/>
                    <a:pt x="187324" y="217961"/>
                    <a:pt x="188914" y="219075"/>
                  </a:cubicBezTo>
                  <a:lnTo>
                    <a:pt x="203202" y="229838"/>
                  </a:lnTo>
                  <a:cubicBezTo>
                    <a:pt x="203964" y="230429"/>
                    <a:pt x="204898" y="230762"/>
                    <a:pt x="205869" y="230791"/>
                  </a:cubicBezTo>
                  <a:cubicBezTo>
                    <a:pt x="206717" y="230772"/>
                    <a:pt x="207545" y="230505"/>
                    <a:pt x="208250" y="230029"/>
                  </a:cubicBezTo>
                  <a:cubicBezTo>
                    <a:pt x="211708" y="227819"/>
                    <a:pt x="215042" y="225438"/>
                    <a:pt x="218252" y="222885"/>
                  </a:cubicBezTo>
                  <a:cubicBezTo>
                    <a:pt x="219699" y="221685"/>
                    <a:pt x="220271" y="219723"/>
                    <a:pt x="219680" y="217932"/>
                  </a:cubicBezTo>
                  <a:lnTo>
                    <a:pt x="213680" y="201644"/>
                  </a:lnTo>
                  <a:cubicBezTo>
                    <a:pt x="212365" y="198387"/>
                    <a:pt x="213070" y="194663"/>
                    <a:pt x="215489" y="192119"/>
                  </a:cubicBezTo>
                  <a:cubicBezTo>
                    <a:pt x="219937" y="187186"/>
                    <a:pt x="223890" y="181823"/>
                    <a:pt x="227300" y="176117"/>
                  </a:cubicBezTo>
                  <a:cubicBezTo>
                    <a:pt x="229034" y="173422"/>
                    <a:pt x="232006" y="171774"/>
                    <a:pt x="235206" y="171736"/>
                  </a:cubicBezTo>
                  <a:lnTo>
                    <a:pt x="253399" y="171736"/>
                  </a:lnTo>
                  <a:cubicBezTo>
                    <a:pt x="255199" y="171746"/>
                    <a:pt x="256828" y="170650"/>
                    <a:pt x="257494" y="168974"/>
                  </a:cubicBezTo>
                  <a:cubicBezTo>
                    <a:pt x="258828" y="165259"/>
                    <a:pt x="260066" y="161544"/>
                    <a:pt x="261114" y="157734"/>
                  </a:cubicBezTo>
                  <a:cubicBezTo>
                    <a:pt x="261657" y="155915"/>
                    <a:pt x="260962" y="153953"/>
                    <a:pt x="259400" y="152876"/>
                  </a:cubicBezTo>
                  <a:lnTo>
                    <a:pt x="244636" y="143351"/>
                  </a:lnTo>
                  <a:cubicBezTo>
                    <a:pt x="242007" y="141437"/>
                    <a:pt x="240531" y="138313"/>
                    <a:pt x="240731" y="135065"/>
                  </a:cubicBezTo>
                  <a:cubicBezTo>
                    <a:pt x="240911" y="131731"/>
                    <a:pt x="240911" y="128397"/>
                    <a:pt x="240731" y="125063"/>
                  </a:cubicBezTo>
                  <a:cubicBezTo>
                    <a:pt x="240711" y="121882"/>
                    <a:pt x="240521" y="118701"/>
                    <a:pt x="240159" y="115538"/>
                  </a:cubicBezTo>
                  <a:cubicBezTo>
                    <a:pt x="239959" y="112290"/>
                    <a:pt x="241435" y="109166"/>
                    <a:pt x="244064" y="107252"/>
                  </a:cubicBezTo>
                  <a:lnTo>
                    <a:pt x="258733" y="97727"/>
                  </a:lnTo>
                  <a:cubicBezTo>
                    <a:pt x="260295" y="96650"/>
                    <a:pt x="260990" y="94688"/>
                    <a:pt x="260447" y="92869"/>
                  </a:cubicBezTo>
                  <a:cubicBezTo>
                    <a:pt x="259400" y="89154"/>
                    <a:pt x="258161" y="85344"/>
                    <a:pt x="256733" y="81629"/>
                  </a:cubicBezTo>
                  <a:cubicBezTo>
                    <a:pt x="256066" y="79953"/>
                    <a:pt x="254437" y="78858"/>
                    <a:pt x="252637" y="78867"/>
                  </a:cubicBezTo>
                  <a:lnTo>
                    <a:pt x="234444" y="79343"/>
                  </a:lnTo>
                  <a:cubicBezTo>
                    <a:pt x="231196" y="79572"/>
                    <a:pt x="228119" y="77896"/>
                    <a:pt x="226538" y="75057"/>
                  </a:cubicBezTo>
                  <a:cubicBezTo>
                    <a:pt x="223090" y="69304"/>
                    <a:pt x="219071" y="63903"/>
                    <a:pt x="214537" y="58960"/>
                  </a:cubicBezTo>
                  <a:cubicBezTo>
                    <a:pt x="212336" y="56493"/>
                    <a:pt x="211679" y="53016"/>
                    <a:pt x="212822" y="49911"/>
                  </a:cubicBezTo>
                  <a:lnTo>
                    <a:pt x="218633" y="33623"/>
                  </a:lnTo>
                  <a:cubicBezTo>
                    <a:pt x="219309" y="31842"/>
                    <a:pt x="218728" y="29823"/>
                    <a:pt x="217204" y="28671"/>
                  </a:cubicBezTo>
                  <a:cubicBezTo>
                    <a:pt x="214089" y="26194"/>
                    <a:pt x="210917" y="23813"/>
                    <a:pt x="207679" y="21527"/>
                  </a:cubicBezTo>
                  <a:cubicBezTo>
                    <a:pt x="206964" y="21079"/>
                    <a:pt x="206136" y="20841"/>
                    <a:pt x="205298" y="20860"/>
                  </a:cubicBezTo>
                  <a:cubicBezTo>
                    <a:pt x="204335" y="20850"/>
                    <a:pt x="203402" y="21155"/>
                    <a:pt x="202631" y="21717"/>
                  </a:cubicBezTo>
                  <a:lnTo>
                    <a:pt x="188343" y="32576"/>
                  </a:lnTo>
                  <a:cubicBezTo>
                    <a:pt x="186800" y="33804"/>
                    <a:pt x="184886" y="34471"/>
                    <a:pt x="182914" y="34481"/>
                  </a:cubicBezTo>
                  <a:cubicBezTo>
                    <a:pt x="181704" y="34452"/>
                    <a:pt x="180504" y="34195"/>
                    <a:pt x="179389" y="33719"/>
                  </a:cubicBezTo>
                  <a:lnTo>
                    <a:pt x="175389" y="32100"/>
                  </a:lnTo>
                  <a:cubicBezTo>
                    <a:pt x="173132" y="31261"/>
                    <a:pt x="171303" y="29547"/>
                    <a:pt x="170341" y="27337"/>
                  </a:cubicBezTo>
                  <a:cubicBezTo>
                    <a:pt x="169388" y="25146"/>
                    <a:pt x="169388" y="22670"/>
                    <a:pt x="170341" y="20479"/>
                  </a:cubicBezTo>
                  <a:cubicBezTo>
                    <a:pt x="171617" y="17002"/>
                    <a:pt x="174922" y="14678"/>
                    <a:pt x="178627" y="14669"/>
                  </a:cubicBezTo>
                  <a:lnTo>
                    <a:pt x="180914" y="14669"/>
                  </a:lnTo>
                  <a:cubicBezTo>
                    <a:pt x="181876" y="14678"/>
                    <a:pt x="182809" y="14373"/>
                    <a:pt x="183581" y="13811"/>
                  </a:cubicBezTo>
                  <a:lnTo>
                    <a:pt x="199297" y="1810"/>
                  </a:lnTo>
                  <a:cubicBezTo>
                    <a:pt x="200878" y="667"/>
                    <a:pt x="202773" y="29"/>
                    <a:pt x="204726" y="0"/>
                  </a:cubicBezTo>
                  <a:cubicBezTo>
                    <a:pt x="206231" y="-9"/>
                    <a:pt x="207707" y="391"/>
                    <a:pt x="209012" y="1143"/>
                  </a:cubicBezTo>
                  <a:cubicBezTo>
                    <a:pt x="219147" y="6620"/>
                    <a:pt x="228586" y="13307"/>
                    <a:pt x="237111" y="21050"/>
                  </a:cubicBezTo>
                  <a:cubicBezTo>
                    <a:pt x="239769" y="23451"/>
                    <a:pt x="240740" y="27194"/>
                    <a:pt x="239588" y="30575"/>
                  </a:cubicBezTo>
                  <a:lnTo>
                    <a:pt x="233206" y="48387"/>
                  </a:lnTo>
                  <a:cubicBezTo>
                    <a:pt x="232653" y="49806"/>
                    <a:pt x="232910" y="51407"/>
                    <a:pt x="233873" y="52578"/>
                  </a:cubicBezTo>
                  <a:lnTo>
                    <a:pt x="238635" y="58960"/>
                  </a:lnTo>
                  <a:cubicBezTo>
                    <a:pt x="239426" y="60141"/>
                    <a:pt x="240740" y="60855"/>
                    <a:pt x="242159" y="60865"/>
                  </a:cubicBezTo>
                  <a:lnTo>
                    <a:pt x="261781" y="60198"/>
                  </a:lnTo>
                  <a:cubicBezTo>
                    <a:pt x="265343" y="60189"/>
                    <a:pt x="268620" y="62179"/>
                    <a:pt x="270258" y="65342"/>
                  </a:cubicBezTo>
                  <a:cubicBezTo>
                    <a:pt x="275192" y="75686"/>
                    <a:pt x="278840" y="86592"/>
                    <a:pt x="281117" y="97822"/>
                  </a:cubicBezTo>
                  <a:cubicBezTo>
                    <a:pt x="282002" y="101480"/>
                    <a:pt x="280469" y="105309"/>
                    <a:pt x="277306" y="107347"/>
                  </a:cubicBezTo>
                  <a:lnTo>
                    <a:pt x="261400" y="118205"/>
                  </a:lnTo>
                  <a:cubicBezTo>
                    <a:pt x="260133" y="119006"/>
                    <a:pt x="259400" y="120425"/>
                    <a:pt x="259495" y="121920"/>
                  </a:cubicBezTo>
                  <a:cubicBezTo>
                    <a:pt x="259495" y="123349"/>
                    <a:pt x="259495" y="124587"/>
                    <a:pt x="259495" y="125825"/>
                  </a:cubicBezTo>
                  <a:cubicBezTo>
                    <a:pt x="259495" y="127064"/>
                    <a:pt x="259495" y="128397"/>
                    <a:pt x="259495" y="129635"/>
                  </a:cubicBezTo>
                  <a:cubicBezTo>
                    <a:pt x="259466" y="131140"/>
                    <a:pt x="260181" y="132569"/>
                    <a:pt x="261400" y="133446"/>
                  </a:cubicBezTo>
                  <a:lnTo>
                    <a:pt x="277402" y="144113"/>
                  </a:lnTo>
                  <a:cubicBezTo>
                    <a:pt x="280545" y="146171"/>
                    <a:pt x="282069" y="149981"/>
                    <a:pt x="281212" y="153638"/>
                  </a:cubicBezTo>
                  <a:cubicBezTo>
                    <a:pt x="279021" y="164859"/>
                    <a:pt x="275468" y="175765"/>
                    <a:pt x="270639" y="186119"/>
                  </a:cubicBezTo>
                  <a:cubicBezTo>
                    <a:pt x="269439" y="189157"/>
                    <a:pt x="266572" y="191205"/>
                    <a:pt x="263305" y="191357"/>
                  </a:cubicBezTo>
                  <a:lnTo>
                    <a:pt x="262257" y="191357"/>
                  </a:lnTo>
                  <a:lnTo>
                    <a:pt x="242540" y="190881"/>
                  </a:lnTo>
                  <a:cubicBezTo>
                    <a:pt x="241102" y="190910"/>
                    <a:pt x="239759" y="191615"/>
                    <a:pt x="238921" y="192786"/>
                  </a:cubicBezTo>
                  <a:cubicBezTo>
                    <a:pt x="237482" y="194996"/>
                    <a:pt x="235920" y="197130"/>
                    <a:pt x="234254" y="199168"/>
                  </a:cubicBezTo>
                  <a:cubicBezTo>
                    <a:pt x="233339" y="200368"/>
                    <a:pt x="233091" y="201940"/>
                    <a:pt x="233587" y="203359"/>
                  </a:cubicBezTo>
                  <a:lnTo>
                    <a:pt x="240064" y="221171"/>
                  </a:lnTo>
                  <a:cubicBezTo>
                    <a:pt x="241264" y="224533"/>
                    <a:pt x="240321" y="228295"/>
                    <a:pt x="237683" y="230696"/>
                  </a:cubicBezTo>
                  <a:cubicBezTo>
                    <a:pt x="229148" y="238449"/>
                    <a:pt x="219757" y="245193"/>
                    <a:pt x="209679" y="250793"/>
                  </a:cubicBezTo>
                  <a:cubicBezTo>
                    <a:pt x="208374" y="251546"/>
                    <a:pt x="206898" y="251946"/>
                    <a:pt x="205393" y="251936"/>
                  </a:cubicBezTo>
                  <a:cubicBezTo>
                    <a:pt x="203440" y="251908"/>
                    <a:pt x="201545" y="251270"/>
                    <a:pt x="199964" y="250127"/>
                  </a:cubicBezTo>
                  <a:lnTo>
                    <a:pt x="184438" y="238411"/>
                  </a:lnTo>
                  <a:cubicBezTo>
                    <a:pt x="183695" y="237858"/>
                    <a:pt x="182790" y="237563"/>
                    <a:pt x="181866" y="237554"/>
                  </a:cubicBezTo>
                  <a:cubicBezTo>
                    <a:pt x="181361" y="237449"/>
                    <a:pt x="180847" y="237449"/>
                    <a:pt x="180342" y="237554"/>
                  </a:cubicBezTo>
                  <a:lnTo>
                    <a:pt x="172436" y="240125"/>
                  </a:lnTo>
                  <a:cubicBezTo>
                    <a:pt x="170969" y="240506"/>
                    <a:pt x="169807" y="241621"/>
                    <a:pt x="169388" y="243078"/>
                  </a:cubicBezTo>
                  <a:lnTo>
                    <a:pt x="163959" y="261271"/>
                  </a:lnTo>
                  <a:cubicBezTo>
                    <a:pt x="162978" y="264728"/>
                    <a:pt x="160006" y="267253"/>
                    <a:pt x="156434" y="267653"/>
                  </a:cubicBezTo>
                  <a:cubicBezTo>
                    <a:pt x="150462" y="267891"/>
                    <a:pt x="144490" y="267824"/>
                    <a:pt x="138527" y="267462"/>
                  </a:cubicBezTo>
                  <a:close/>
                </a:path>
              </a:pathLst>
            </a:custGeom>
            <a:solidFill>
              <a:srgbClr val="265998"/>
            </a:solidFill>
            <a:ln w="9525" cap="flat">
              <a:noFill/>
              <a:prstDash val="solid"/>
              <a:miter/>
            </a:ln>
          </p:spPr>
          <p:txBody>
            <a:bodyPr rtlCol="0" anchor="ctr"/>
            <a:lstStyle/>
            <a:p>
              <a:endParaRPr lang="en-AU" sz="153"/>
            </a:p>
          </p:txBody>
        </p:sp>
        <p:sp>
          <p:nvSpPr>
            <p:cNvPr id="103" name="Graphic 2">
              <a:extLst>
                <a:ext uri="{FF2B5EF4-FFF2-40B4-BE49-F238E27FC236}">
                  <a16:creationId xmlns:a16="http://schemas.microsoft.com/office/drawing/2014/main" id="{42489A85-F2F1-D940-C6BD-18F9D09F51D5}"/>
                </a:ext>
              </a:extLst>
            </p:cNvPr>
            <p:cNvSpPr/>
            <p:nvPr/>
          </p:nvSpPr>
          <p:spPr>
            <a:xfrm>
              <a:off x="2011434" y="2404260"/>
              <a:ext cx="123259" cy="123039"/>
            </a:xfrm>
            <a:custGeom>
              <a:avLst/>
              <a:gdLst>
                <a:gd name="connsiteX0" fmla="*/ 60730 w 123259"/>
                <a:gd name="connsiteY0" fmla="*/ 123039 h 123039"/>
                <a:gd name="connsiteX1" fmla="*/ 246 w 123259"/>
                <a:gd name="connsiteY1" fmla="*/ 76271 h 123039"/>
                <a:gd name="connsiteX2" fmla="*/ 1198 w 123259"/>
                <a:gd name="connsiteY2" fmla="*/ 69509 h 123039"/>
                <a:gd name="connsiteX3" fmla="*/ 6723 w 123259"/>
                <a:gd name="connsiteY3" fmla="*/ 65318 h 123039"/>
                <a:gd name="connsiteX4" fmla="*/ 9009 w 123259"/>
                <a:gd name="connsiteY4" fmla="*/ 65318 h 123039"/>
                <a:gd name="connsiteX5" fmla="*/ 17676 w 123259"/>
                <a:gd name="connsiteY5" fmla="*/ 72080 h 123039"/>
                <a:gd name="connsiteX6" fmla="*/ 71969 w 123259"/>
                <a:gd name="connsiteY6" fmla="*/ 103856 h 123039"/>
                <a:gd name="connsiteX7" fmla="*/ 103744 w 123259"/>
                <a:gd name="connsiteY7" fmla="*/ 49563 h 123039"/>
                <a:gd name="connsiteX8" fmla="*/ 71969 w 123259"/>
                <a:gd name="connsiteY8" fmla="*/ 17788 h 123039"/>
                <a:gd name="connsiteX9" fmla="*/ 64997 w 123259"/>
                <a:gd name="connsiteY9" fmla="*/ 7225 h 123039"/>
                <a:gd name="connsiteX10" fmla="*/ 74160 w 123259"/>
                <a:gd name="connsiteY10" fmla="*/ 71 h 123039"/>
                <a:gd name="connsiteX11" fmla="*/ 76446 w 123259"/>
                <a:gd name="connsiteY11" fmla="*/ 71 h 123039"/>
                <a:gd name="connsiteX12" fmla="*/ 121242 w 123259"/>
                <a:gd name="connsiteY12" fmla="*/ 76243 h 123039"/>
                <a:gd name="connsiteX13" fmla="*/ 60730 w 123259"/>
                <a:gd name="connsiteY13" fmla="*/ 123039 h 123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3259" h="123039">
                  <a:moveTo>
                    <a:pt x="60730" y="123039"/>
                  </a:moveTo>
                  <a:cubicBezTo>
                    <a:pt x="32269" y="123039"/>
                    <a:pt x="7408" y="103818"/>
                    <a:pt x="246" y="76271"/>
                  </a:cubicBezTo>
                  <a:cubicBezTo>
                    <a:pt x="-288" y="73976"/>
                    <a:pt x="55" y="71566"/>
                    <a:pt x="1198" y="69509"/>
                  </a:cubicBezTo>
                  <a:cubicBezTo>
                    <a:pt x="2446" y="67470"/>
                    <a:pt x="4418" y="65975"/>
                    <a:pt x="6723" y="65318"/>
                  </a:cubicBezTo>
                  <a:cubicBezTo>
                    <a:pt x="7485" y="65222"/>
                    <a:pt x="8247" y="65222"/>
                    <a:pt x="9009" y="65318"/>
                  </a:cubicBezTo>
                  <a:cubicBezTo>
                    <a:pt x="13105" y="65327"/>
                    <a:pt x="16676" y="68109"/>
                    <a:pt x="17676" y="72080"/>
                  </a:cubicBezTo>
                  <a:cubicBezTo>
                    <a:pt x="23896" y="95845"/>
                    <a:pt x="48204" y="110076"/>
                    <a:pt x="71969" y="103856"/>
                  </a:cubicBezTo>
                  <a:cubicBezTo>
                    <a:pt x="95734" y="97636"/>
                    <a:pt x="109964" y="73328"/>
                    <a:pt x="103744" y="49563"/>
                  </a:cubicBezTo>
                  <a:cubicBezTo>
                    <a:pt x="99677" y="34009"/>
                    <a:pt x="87523" y="21855"/>
                    <a:pt x="71969" y="17788"/>
                  </a:cubicBezTo>
                  <a:cubicBezTo>
                    <a:pt x="67121" y="16797"/>
                    <a:pt x="63997" y="12063"/>
                    <a:pt x="64997" y="7225"/>
                  </a:cubicBezTo>
                  <a:cubicBezTo>
                    <a:pt x="65873" y="2910"/>
                    <a:pt x="69759" y="-119"/>
                    <a:pt x="74160" y="71"/>
                  </a:cubicBezTo>
                  <a:cubicBezTo>
                    <a:pt x="74922" y="-24"/>
                    <a:pt x="75684" y="-24"/>
                    <a:pt x="76446" y="71"/>
                  </a:cubicBezTo>
                  <a:cubicBezTo>
                    <a:pt x="109850" y="8730"/>
                    <a:pt x="129910" y="42839"/>
                    <a:pt x="121242" y="76243"/>
                  </a:cubicBezTo>
                  <a:cubicBezTo>
                    <a:pt x="114098" y="103808"/>
                    <a:pt x="89209" y="123058"/>
                    <a:pt x="60730" y="123039"/>
                  </a:cubicBezTo>
                  <a:close/>
                </a:path>
              </a:pathLst>
            </a:custGeom>
            <a:solidFill>
              <a:srgbClr val="265998"/>
            </a:solidFill>
            <a:ln w="9525" cap="flat">
              <a:noFill/>
              <a:prstDash val="solid"/>
              <a:miter/>
            </a:ln>
          </p:spPr>
          <p:txBody>
            <a:bodyPr rtlCol="0" anchor="ctr"/>
            <a:lstStyle/>
            <a:p>
              <a:endParaRPr lang="en-AU" sz="153"/>
            </a:p>
          </p:txBody>
        </p:sp>
      </p:grpSp>
      <p:grpSp>
        <p:nvGrpSpPr>
          <p:cNvPr id="104" name="Group 103">
            <a:extLst>
              <a:ext uri="{FF2B5EF4-FFF2-40B4-BE49-F238E27FC236}">
                <a16:creationId xmlns:a16="http://schemas.microsoft.com/office/drawing/2014/main" id="{6D97122A-D612-B59B-EC49-820AC3F933C7}"/>
              </a:ext>
            </a:extLst>
          </p:cNvPr>
          <p:cNvGrpSpPr/>
          <p:nvPr/>
        </p:nvGrpSpPr>
        <p:grpSpPr>
          <a:xfrm>
            <a:off x="10460799" y="1795091"/>
            <a:ext cx="702123" cy="374637"/>
            <a:chOff x="2470023" y="4363339"/>
            <a:chExt cx="416813" cy="284253"/>
          </a:xfrm>
        </p:grpSpPr>
        <p:sp>
          <p:nvSpPr>
            <p:cNvPr id="105" name="Freeform: Shape 104">
              <a:extLst>
                <a:ext uri="{FF2B5EF4-FFF2-40B4-BE49-F238E27FC236}">
                  <a16:creationId xmlns:a16="http://schemas.microsoft.com/office/drawing/2014/main" id="{5B82FCE8-4125-A279-012B-441BBC69F9A2}"/>
                </a:ext>
              </a:extLst>
            </p:cNvPr>
            <p:cNvSpPr/>
            <p:nvPr/>
          </p:nvSpPr>
          <p:spPr>
            <a:xfrm>
              <a:off x="2473928" y="4511738"/>
              <a:ext cx="125158" cy="64198"/>
            </a:xfrm>
            <a:custGeom>
              <a:avLst/>
              <a:gdLst>
                <a:gd name="connsiteX0" fmla="*/ 100775 w 125158"/>
                <a:gd name="connsiteY0" fmla="*/ 0 h 64198"/>
                <a:gd name="connsiteX1" fmla="*/ 91250 w 125158"/>
                <a:gd name="connsiteY1" fmla="*/ 0 h 64198"/>
                <a:gd name="connsiteX2" fmla="*/ 38576 w 125158"/>
                <a:gd name="connsiteY2" fmla="*/ 0 h 64198"/>
                <a:gd name="connsiteX3" fmla="*/ 34385 w 125158"/>
                <a:gd name="connsiteY3" fmla="*/ 0 h 64198"/>
                <a:gd name="connsiteX4" fmla="*/ 12668 w 125158"/>
                <a:gd name="connsiteY4" fmla="*/ 13430 h 64198"/>
                <a:gd name="connsiteX5" fmla="*/ 0 w 125158"/>
                <a:gd name="connsiteY5" fmla="*/ 64198 h 64198"/>
                <a:gd name="connsiteX6" fmla="*/ 125158 w 125158"/>
                <a:gd name="connsiteY6" fmla="*/ 64198 h 64198"/>
                <a:gd name="connsiteX7" fmla="*/ 125158 w 125158"/>
                <a:gd name="connsiteY7" fmla="*/ 20288 h 64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158" h="64198">
                  <a:moveTo>
                    <a:pt x="100775" y="0"/>
                  </a:moveTo>
                  <a:lnTo>
                    <a:pt x="91250" y="0"/>
                  </a:lnTo>
                  <a:cubicBezTo>
                    <a:pt x="74333" y="6725"/>
                    <a:pt x="55493" y="6725"/>
                    <a:pt x="38576" y="0"/>
                  </a:cubicBezTo>
                  <a:lnTo>
                    <a:pt x="34385" y="0"/>
                  </a:lnTo>
                  <a:lnTo>
                    <a:pt x="12668" y="13430"/>
                  </a:lnTo>
                  <a:lnTo>
                    <a:pt x="0" y="64198"/>
                  </a:lnTo>
                  <a:lnTo>
                    <a:pt x="125158" y="64198"/>
                  </a:lnTo>
                  <a:lnTo>
                    <a:pt x="125158" y="20288"/>
                  </a:lnTo>
                  <a:close/>
                </a:path>
              </a:pathLst>
            </a:custGeom>
            <a:solidFill>
              <a:srgbClr val="66BCDB"/>
            </a:solidFill>
            <a:ln w="9525" cap="flat">
              <a:noFill/>
              <a:prstDash val="solid"/>
              <a:miter/>
            </a:ln>
          </p:spPr>
          <p:txBody>
            <a:bodyPr rtlCol="0" anchor="ctr"/>
            <a:lstStyle/>
            <a:p>
              <a:endParaRPr lang="en-AU" sz="153"/>
            </a:p>
          </p:txBody>
        </p:sp>
        <p:sp>
          <p:nvSpPr>
            <p:cNvPr id="106" name="Freeform: Shape 105">
              <a:extLst>
                <a:ext uri="{FF2B5EF4-FFF2-40B4-BE49-F238E27FC236}">
                  <a16:creationId xmlns:a16="http://schemas.microsoft.com/office/drawing/2014/main" id="{6FB4E299-21CA-C463-494B-558AEAED63F2}"/>
                </a:ext>
              </a:extLst>
            </p:cNvPr>
            <p:cNvSpPr/>
            <p:nvPr/>
          </p:nvSpPr>
          <p:spPr>
            <a:xfrm>
              <a:off x="2503455" y="4397819"/>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3 h 107346"/>
                <a:gd name="connsiteX6" fmla="*/ 17907 w 71437"/>
                <a:gd name="connsiteY6" fmla="*/ 47625 h 107346"/>
                <a:gd name="connsiteX7" fmla="*/ 35719 w 71437"/>
                <a:gd name="connsiteY7" fmla="*/ 87821 h 107346"/>
                <a:gd name="connsiteX8" fmla="*/ 53435 w 71437"/>
                <a:gd name="connsiteY8" fmla="*/ 47625 h 107346"/>
                <a:gd name="connsiteX9" fmla="*/ 35719 w 71437"/>
                <a:gd name="connsiteY9" fmla="*/ 20003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724"/>
                    <a:pt x="0" y="47625"/>
                  </a:cubicBezTo>
                  <a:cubicBezTo>
                    <a:pt x="0" y="3810"/>
                    <a:pt x="27337" y="0"/>
                    <a:pt x="35719" y="0"/>
                  </a:cubicBezTo>
                  <a:cubicBezTo>
                    <a:pt x="44101" y="0"/>
                    <a:pt x="71438" y="3429"/>
                    <a:pt x="71438" y="47625"/>
                  </a:cubicBezTo>
                  <a:cubicBezTo>
                    <a:pt x="71438" y="82105"/>
                    <a:pt x="56007" y="107347"/>
                    <a:pt x="35719" y="107347"/>
                  </a:cubicBezTo>
                  <a:close/>
                  <a:moveTo>
                    <a:pt x="35719" y="20003"/>
                  </a:moveTo>
                  <a:cubicBezTo>
                    <a:pt x="28099" y="20003"/>
                    <a:pt x="17907" y="22860"/>
                    <a:pt x="17907" y="47625"/>
                  </a:cubicBezTo>
                  <a:cubicBezTo>
                    <a:pt x="17907" y="70675"/>
                    <a:pt x="27432" y="87821"/>
                    <a:pt x="35719" y="87821"/>
                  </a:cubicBezTo>
                  <a:cubicBezTo>
                    <a:pt x="44005" y="87821"/>
                    <a:pt x="53435" y="70675"/>
                    <a:pt x="53435" y="47625"/>
                  </a:cubicBezTo>
                  <a:cubicBezTo>
                    <a:pt x="53435" y="22860"/>
                    <a:pt x="43339" y="20003"/>
                    <a:pt x="35719" y="20003"/>
                  </a:cubicBezTo>
                  <a:close/>
                </a:path>
              </a:pathLst>
            </a:custGeom>
            <a:solidFill>
              <a:srgbClr val="265998"/>
            </a:solidFill>
            <a:ln w="9525" cap="flat">
              <a:noFill/>
              <a:prstDash val="solid"/>
              <a:miter/>
            </a:ln>
          </p:spPr>
          <p:txBody>
            <a:bodyPr rtlCol="0" anchor="ctr"/>
            <a:lstStyle/>
            <a:p>
              <a:endParaRPr lang="en-AU" sz="153"/>
            </a:p>
          </p:txBody>
        </p:sp>
        <p:sp>
          <p:nvSpPr>
            <p:cNvPr id="107" name="Freeform: Shape 106">
              <a:extLst>
                <a:ext uri="{FF2B5EF4-FFF2-40B4-BE49-F238E27FC236}">
                  <a16:creationId xmlns:a16="http://schemas.microsoft.com/office/drawing/2014/main" id="{08543BD4-79CE-1068-94F6-358ECC4CE3C0}"/>
                </a:ext>
              </a:extLst>
            </p:cNvPr>
            <p:cNvSpPr/>
            <p:nvPr/>
          </p:nvSpPr>
          <p:spPr>
            <a:xfrm>
              <a:off x="2470023" y="4503642"/>
              <a:ext cx="138302" cy="81057"/>
            </a:xfrm>
            <a:custGeom>
              <a:avLst/>
              <a:gdLst>
                <a:gd name="connsiteX0" fmla="*/ 8953 w 138302"/>
                <a:gd name="connsiteY0" fmla="*/ 81058 h 81057"/>
                <a:gd name="connsiteX1" fmla="*/ 0 w 138302"/>
                <a:gd name="connsiteY1" fmla="*/ 72104 h 81057"/>
                <a:gd name="connsiteX2" fmla="*/ 35719 w 138302"/>
                <a:gd name="connsiteY2" fmla="*/ 95 h 81057"/>
                <a:gd name="connsiteX3" fmla="*/ 44672 w 138302"/>
                <a:gd name="connsiteY3" fmla="*/ 9049 h 81057"/>
                <a:gd name="connsiteX4" fmla="*/ 35719 w 138302"/>
                <a:gd name="connsiteY4" fmla="*/ 18002 h 81057"/>
                <a:gd name="connsiteX5" fmla="*/ 35242 w 138302"/>
                <a:gd name="connsiteY5" fmla="*/ 18002 h 81057"/>
                <a:gd name="connsiteX6" fmla="*/ 18288 w 138302"/>
                <a:gd name="connsiteY6" fmla="*/ 58103 h 81057"/>
                <a:gd name="connsiteX7" fmla="*/ 21965 w 138302"/>
                <a:gd name="connsiteY7" fmla="*/ 62922 h 81057"/>
                <a:gd name="connsiteX8" fmla="*/ 22669 w 138302"/>
                <a:gd name="connsiteY8" fmla="*/ 62960 h 81057"/>
                <a:gd name="connsiteX9" fmla="*/ 114871 w 138302"/>
                <a:gd name="connsiteY9" fmla="*/ 62960 h 81057"/>
                <a:gd name="connsiteX10" fmla="*/ 118110 w 138302"/>
                <a:gd name="connsiteY10" fmla="*/ 61532 h 81057"/>
                <a:gd name="connsiteX11" fmla="*/ 119158 w 138302"/>
                <a:gd name="connsiteY11" fmla="*/ 58103 h 81057"/>
                <a:gd name="connsiteX12" fmla="*/ 102013 w 138302"/>
                <a:gd name="connsiteY12" fmla="*/ 17907 h 81057"/>
                <a:gd name="connsiteX13" fmla="*/ 101727 w 138302"/>
                <a:gd name="connsiteY13" fmla="*/ 17907 h 81057"/>
                <a:gd name="connsiteX14" fmla="*/ 93059 w 138302"/>
                <a:gd name="connsiteY14" fmla="*/ 9239 h 81057"/>
                <a:gd name="connsiteX15" fmla="*/ 93059 w 138302"/>
                <a:gd name="connsiteY15" fmla="*/ 8954 h 81057"/>
                <a:gd name="connsiteX16" fmla="*/ 102584 w 138302"/>
                <a:gd name="connsiteY16" fmla="*/ 0 h 81057"/>
                <a:gd name="connsiteX17" fmla="*/ 138303 w 138302"/>
                <a:gd name="connsiteY17" fmla="*/ 72009 h 81057"/>
                <a:gd name="connsiteX18" fmla="*/ 128778 w 138302"/>
                <a:gd name="connsiteY18" fmla="*/ 80963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302" h="81057">
                  <a:moveTo>
                    <a:pt x="8953" y="81058"/>
                  </a:moveTo>
                  <a:cubicBezTo>
                    <a:pt x="4010" y="81058"/>
                    <a:pt x="0" y="77048"/>
                    <a:pt x="0" y="72104"/>
                  </a:cubicBezTo>
                  <a:cubicBezTo>
                    <a:pt x="0" y="10287"/>
                    <a:pt x="34195" y="95"/>
                    <a:pt x="35719" y="95"/>
                  </a:cubicBezTo>
                  <a:cubicBezTo>
                    <a:pt x="40662" y="95"/>
                    <a:pt x="44672" y="4105"/>
                    <a:pt x="44672" y="9049"/>
                  </a:cubicBezTo>
                  <a:cubicBezTo>
                    <a:pt x="44672" y="13992"/>
                    <a:pt x="40662" y="18002"/>
                    <a:pt x="35719" y="18002"/>
                  </a:cubicBezTo>
                  <a:lnTo>
                    <a:pt x="35242" y="18002"/>
                  </a:lnTo>
                  <a:cubicBezTo>
                    <a:pt x="28575" y="19050"/>
                    <a:pt x="20669" y="37052"/>
                    <a:pt x="18288" y="58103"/>
                  </a:cubicBezTo>
                  <a:cubicBezTo>
                    <a:pt x="17974" y="60446"/>
                    <a:pt x="19612" y="62608"/>
                    <a:pt x="21965" y="62922"/>
                  </a:cubicBezTo>
                  <a:cubicBezTo>
                    <a:pt x="22193" y="62951"/>
                    <a:pt x="22431" y="62970"/>
                    <a:pt x="22669" y="62960"/>
                  </a:cubicBezTo>
                  <a:lnTo>
                    <a:pt x="114871" y="62960"/>
                  </a:lnTo>
                  <a:cubicBezTo>
                    <a:pt x="116110" y="62970"/>
                    <a:pt x="117291" y="62456"/>
                    <a:pt x="118110" y="61532"/>
                  </a:cubicBezTo>
                  <a:cubicBezTo>
                    <a:pt x="118958" y="60608"/>
                    <a:pt x="119339" y="59341"/>
                    <a:pt x="119158" y="58103"/>
                  </a:cubicBezTo>
                  <a:cubicBezTo>
                    <a:pt x="116776" y="36862"/>
                    <a:pt x="108775" y="18860"/>
                    <a:pt x="102013" y="17907"/>
                  </a:cubicBezTo>
                  <a:lnTo>
                    <a:pt x="101727" y="17907"/>
                  </a:lnTo>
                  <a:cubicBezTo>
                    <a:pt x="96936" y="17907"/>
                    <a:pt x="93059" y="14031"/>
                    <a:pt x="93059" y="9239"/>
                  </a:cubicBezTo>
                  <a:cubicBezTo>
                    <a:pt x="93059" y="9144"/>
                    <a:pt x="93059" y="9049"/>
                    <a:pt x="93059" y="8954"/>
                  </a:cubicBezTo>
                  <a:cubicBezTo>
                    <a:pt x="93364" y="3915"/>
                    <a:pt x="97536" y="-9"/>
                    <a:pt x="102584" y="0"/>
                  </a:cubicBezTo>
                  <a:cubicBezTo>
                    <a:pt x="104013" y="0"/>
                    <a:pt x="138303" y="10192"/>
                    <a:pt x="138303" y="72009"/>
                  </a:cubicBezTo>
                  <a:cubicBezTo>
                    <a:pt x="137998" y="77048"/>
                    <a:pt x="133826" y="80972"/>
                    <a:pt x="128778" y="80963"/>
                  </a:cubicBezTo>
                  <a:close/>
                </a:path>
              </a:pathLst>
            </a:custGeom>
            <a:solidFill>
              <a:srgbClr val="265998"/>
            </a:solidFill>
            <a:ln w="9525" cap="flat">
              <a:noFill/>
              <a:prstDash val="solid"/>
              <a:miter/>
            </a:ln>
          </p:spPr>
          <p:txBody>
            <a:bodyPr rtlCol="0" anchor="ctr"/>
            <a:lstStyle/>
            <a:p>
              <a:endParaRPr lang="en-AU" sz="153"/>
            </a:p>
          </p:txBody>
        </p:sp>
        <p:sp>
          <p:nvSpPr>
            <p:cNvPr id="108" name="Freeform: Shape 107">
              <a:extLst>
                <a:ext uri="{FF2B5EF4-FFF2-40B4-BE49-F238E27FC236}">
                  <a16:creationId xmlns:a16="http://schemas.microsoft.com/office/drawing/2014/main" id="{7CB298AD-2158-358C-4E5F-432FD1482F8B}"/>
                </a:ext>
              </a:extLst>
            </p:cNvPr>
            <p:cNvSpPr/>
            <p:nvPr/>
          </p:nvSpPr>
          <p:spPr>
            <a:xfrm>
              <a:off x="2752725" y="4510976"/>
              <a:ext cx="125158" cy="64198"/>
            </a:xfrm>
            <a:custGeom>
              <a:avLst/>
              <a:gdLst>
                <a:gd name="connsiteX0" fmla="*/ 100393 w 125158"/>
                <a:gd name="connsiteY0" fmla="*/ 0 h 64198"/>
                <a:gd name="connsiteX1" fmla="*/ 90868 w 125158"/>
                <a:gd name="connsiteY1" fmla="*/ 0 h 64198"/>
                <a:gd name="connsiteX2" fmla="*/ 38195 w 125158"/>
                <a:gd name="connsiteY2" fmla="*/ 0 h 64198"/>
                <a:gd name="connsiteX3" fmla="*/ 34004 w 125158"/>
                <a:gd name="connsiteY3" fmla="*/ 0 h 64198"/>
                <a:gd name="connsiteX4" fmla="*/ 12287 w 125158"/>
                <a:gd name="connsiteY4" fmla="*/ 13430 h 64198"/>
                <a:gd name="connsiteX5" fmla="*/ 0 w 125158"/>
                <a:gd name="connsiteY5" fmla="*/ 64198 h 64198"/>
                <a:gd name="connsiteX6" fmla="*/ 125158 w 125158"/>
                <a:gd name="connsiteY6" fmla="*/ 64198 h 64198"/>
                <a:gd name="connsiteX7" fmla="*/ 125158 w 125158"/>
                <a:gd name="connsiteY7" fmla="*/ 20383 h 64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158" h="64198">
                  <a:moveTo>
                    <a:pt x="100393" y="0"/>
                  </a:moveTo>
                  <a:lnTo>
                    <a:pt x="90868" y="0"/>
                  </a:lnTo>
                  <a:cubicBezTo>
                    <a:pt x="73981" y="6858"/>
                    <a:pt x="55083" y="6858"/>
                    <a:pt x="38195" y="0"/>
                  </a:cubicBezTo>
                  <a:lnTo>
                    <a:pt x="34004" y="0"/>
                  </a:lnTo>
                  <a:lnTo>
                    <a:pt x="12287" y="13430"/>
                  </a:lnTo>
                  <a:lnTo>
                    <a:pt x="0" y="64198"/>
                  </a:lnTo>
                  <a:lnTo>
                    <a:pt x="125158" y="64198"/>
                  </a:lnTo>
                  <a:lnTo>
                    <a:pt x="125158" y="20383"/>
                  </a:lnTo>
                  <a:close/>
                </a:path>
              </a:pathLst>
            </a:custGeom>
            <a:solidFill>
              <a:srgbClr val="66BCDB"/>
            </a:solidFill>
            <a:ln w="9525" cap="flat">
              <a:noFill/>
              <a:prstDash val="solid"/>
              <a:miter/>
            </a:ln>
          </p:spPr>
          <p:txBody>
            <a:bodyPr rtlCol="0" anchor="ctr"/>
            <a:lstStyle/>
            <a:p>
              <a:endParaRPr lang="en-AU" sz="153"/>
            </a:p>
          </p:txBody>
        </p:sp>
        <p:sp>
          <p:nvSpPr>
            <p:cNvPr id="109" name="Freeform: Shape 108">
              <a:extLst>
                <a:ext uri="{FF2B5EF4-FFF2-40B4-BE49-F238E27FC236}">
                  <a16:creationId xmlns:a16="http://schemas.microsoft.com/office/drawing/2014/main" id="{62468A1B-C37F-4257-39B4-10C7FD888FAA}"/>
                </a:ext>
              </a:extLst>
            </p:cNvPr>
            <p:cNvSpPr/>
            <p:nvPr/>
          </p:nvSpPr>
          <p:spPr>
            <a:xfrm>
              <a:off x="2781871" y="4397152"/>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3 h 107346"/>
                <a:gd name="connsiteX6" fmla="*/ 17907 w 71437"/>
                <a:gd name="connsiteY6" fmla="*/ 47625 h 107346"/>
                <a:gd name="connsiteX7" fmla="*/ 35719 w 71437"/>
                <a:gd name="connsiteY7" fmla="*/ 87821 h 107346"/>
                <a:gd name="connsiteX8" fmla="*/ 53435 w 71437"/>
                <a:gd name="connsiteY8" fmla="*/ 47625 h 107346"/>
                <a:gd name="connsiteX9" fmla="*/ 35719 w 71437"/>
                <a:gd name="connsiteY9" fmla="*/ 20003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725"/>
                    <a:pt x="0" y="47625"/>
                  </a:cubicBezTo>
                  <a:cubicBezTo>
                    <a:pt x="0" y="3810"/>
                    <a:pt x="27337" y="0"/>
                    <a:pt x="35719" y="0"/>
                  </a:cubicBezTo>
                  <a:cubicBezTo>
                    <a:pt x="44101" y="0"/>
                    <a:pt x="71438" y="3429"/>
                    <a:pt x="71438" y="47625"/>
                  </a:cubicBezTo>
                  <a:cubicBezTo>
                    <a:pt x="71438" y="81725"/>
                    <a:pt x="56007" y="107347"/>
                    <a:pt x="35719" y="107347"/>
                  </a:cubicBezTo>
                  <a:close/>
                  <a:moveTo>
                    <a:pt x="35719" y="20003"/>
                  </a:moveTo>
                  <a:cubicBezTo>
                    <a:pt x="28099" y="20003"/>
                    <a:pt x="17907" y="22860"/>
                    <a:pt x="17907" y="47625"/>
                  </a:cubicBezTo>
                  <a:cubicBezTo>
                    <a:pt x="17907" y="70580"/>
                    <a:pt x="27432" y="87821"/>
                    <a:pt x="35719" y="87821"/>
                  </a:cubicBezTo>
                  <a:cubicBezTo>
                    <a:pt x="44005" y="87821"/>
                    <a:pt x="53435" y="70580"/>
                    <a:pt x="53435" y="47625"/>
                  </a:cubicBezTo>
                  <a:cubicBezTo>
                    <a:pt x="53435" y="22860"/>
                    <a:pt x="43339" y="20003"/>
                    <a:pt x="35719" y="20003"/>
                  </a:cubicBezTo>
                  <a:close/>
                </a:path>
              </a:pathLst>
            </a:custGeom>
            <a:solidFill>
              <a:srgbClr val="265998"/>
            </a:solidFill>
            <a:ln w="9525" cap="flat">
              <a:noFill/>
              <a:prstDash val="solid"/>
              <a:miter/>
            </a:ln>
          </p:spPr>
          <p:txBody>
            <a:bodyPr rtlCol="0" anchor="ctr"/>
            <a:lstStyle/>
            <a:p>
              <a:endParaRPr lang="en-AU" sz="153"/>
            </a:p>
          </p:txBody>
        </p:sp>
        <p:sp>
          <p:nvSpPr>
            <p:cNvPr id="110" name="Freeform: Shape 109">
              <a:extLst>
                <a:ext uri="{FF2B5EF4-FFF2-40B4-BE49-F238E27FC236}">
                  <a16:creationId xmlns:a16="http://schemas.microsoft.com/office/drawing/2014/main" id="{BF27364B-04EE-1081-215E-4187C776749E}"/>
                </a:ext>
              </a:extLst>
            </p:cNvPr>
            <p:cNvSpPr/>
            <p:nvPr/>
          </p:nvSpPr>
          <p:spPr>
            <a:xfrm>
              <a:off x="2748438" y="4502594"/>
              <a:ext cx="138398" cy="81057"/>
            </a:xfrm>
            <a:custGeom>
              <a:avLst/>
              <a:gdLst>
                <a:gd name="connsiteX0" fmla="*/ 8954 w 138398"/>
                <a:gd name="connsiteY0" fmla="*/ 81058 h 81057"/>
                <a:gd name="connsiteX1" fmla="*/ 0 w 138398"/>
                <a:gd name="connsiteY1" fmla="*/ 72009 h 81057"/>
                <a:gd name="connsiteX2" fmla="*/ 35719 w 138398"/>
                <a:gd name="connsiteY2" fmla="*/ 0 h 81057"/>
                <a:gd name="connsiteX3" fmla="*/ 44672 w 138398"/>
                <a:gd name="connsiteY3" fmla="*/ 9049 h 81057"/>
                <a:gd name="connsiteX4" fmla="*/ 36100 w 138398"/>
                <a:gd name="connsiteY4" fmla="*/ 18002 h 81057"/>
                <a:gd name="connsiteX5" fmla="*/ 35623 w 138398"/>
                <a:gd name="connsiteY5" fmla="*/ 18002 h 81057"/>
                <a:gd name="connsiteX6" fmla="*/ 18669 w 138398"/>
                <a:gd name="connsiteY6" fmla="*/ 58198 h 81057"/>
                <a:gd name="connsiteX7" fmla="*/ 19717 w 138398"/>
                <a:gd name="connsiteY7" fmla="*/ 61627 h 81057"/>
                <a:gd name="connsiteX8" fmla="*/ 23050 w 138398"/>
                <a:gd name="connsiteY8" fmla="*/ 63055 h 81057"/>
                <a:gd name="connsiteX9" fmla="*/ 115252 w 138398"/>
                <a:gd name="connsiteY9" fmla="*/ 63055 h 81057"/>
                <a:gd name="connsiteX10" fmla="*/ 118491 w 138398"/>
                <a:gd name="connsiteY10" fmla="*/ 61627 h 81057"/>
                <a:gd name="connsiteX11" fmla="*/ 119539 w 138398"/>
                <a:gd name="connsiteY11" fmla="*/ 58198 h 81057"/>
                <a:gd name="connsiteX12" fmla="*/ 102394 w 138398"/>
                <a:gd name="connsiteY12" fmla="*/ 18002 h 81057"/>
                <a:gd name="connsiteX13" fmla="*/ 101822 w 138398"/>
                <a:gd name="connsiteY13" fmla="*/ 18002 h 81057"/>
                <a:gd name="connsiteX14" fmla="*/ 93154 w 138398"/>
                <a:gd name="connsiteY14" fmla="*/ 9144 h 81057"/>
                <a:gd name="connsiteX15" fmla="*/ 93154 w 138398"/>
                <a:gd name="connsiteY15" fmla="*/ 9049 h 81057"/>
                <a:gd name="connsiteX16" fmla="*/ 102679 w 138398"/>
                <a:gd name="connsiteY16" fmla="*/ 0 h 81057"/>
                <a:gd name="connsiteX17" fmla="*/ 138398 w 138398"/>
                <a:gd name="connsiteY17" fmla="*/ 72009 h 81057"/>
                <a:gd name="connsiteX18" fmla="*/ 129350 w 138398"/>
                <a:gd name="connsiteY18" fmla="*/ 81058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398" h="81057">
                  <a:moveTo>
                    <a:pt x="8954" y="81058"/>
                  </a:moveTo>
                  <a:cubicBezTo>
                    <a:pt x="4096" y="80772"/>
                    <a:pt x="238" y="76867"/>
                    <a:pt x="0" y="72009"/>
                  </a:cubicBezTo>
                  <a:cubicBezTo>
                    <a:pt x="0" y="10287"/>
                    <a:pt x="34195" y="0"/>
                    <a:pt x="35719" y="0"/>
                  </a:cubicBezTo>
                  <a:cubicBezTo>
                    <a:pt x="40576" y="286"/>
                    <a:pt x="44434" y="4191"/>
                    <a:pt x="44672" y="9049"/>
                  </a:cubicBezTo>
                  <a:cubicBezTo>
                    <a:pt x="44672" y="13849"/>
                    <a:pt x="40891" y="17802"/>
                    <a:pt x="36100" y="18002"/>
                  </a:cubicBezTo>
                  <a:lnTo>
                    <a:pt x="35623" y="18002"/>
                  </a:lnTo>
                  <a:cubicBezTo>
                    <a:pt x="29051" y="19050"/>
                    <a:pt x="21050" y="37052"/>
                    <a:pt x="18669" y="58198"/>
                  </a:cubicBezTo>
                  <a:cubicBezTo>
                    <a:pt x="18526" y="59436"/>
                    <a:pt x="18907" y="60684"/>
                    <a:pt x="19717" y="61627"/>
                  </a:cubicBezTo>
                  <a:cubicBezTo>
                    <a:pt x="20603" y="62512"/>
                    <a:pt x="21793" y="63027"/>
                    <a:pt x="23050" y="63055"/>
                  </a:cubicBezTo>
                  <a:lnTo>
                    <a:pt x="115252" y="63055"/>
                  </a:lnTo>
                  <a:cubicBezTo>
                    <a:pt x="116481" y="63027"/>
                    <a:pt x="117643" y="62512"/>
                    <a:pt x="118491" y="61627"/>
                  </a:cubicBezTo>
                  <a:cubicBezTo>
                    <a:pt x="119339" y="60703"/>
                    <a:pt x="119720" y="59436"/>
                    <a:pt x="119539" y="58198"/>
                  </a:cubicBezTo>
                  <a:cubicBezTo>
                    <a:pt x="117158" y="36957"/>
                    <a:pt x="109156" y="18955"/>
                    <a:pt x="102394" y="18002"/>
                  </a:cubicBezTo>
                  <a:lnTo>
                    <a:pt x="101822" y="18002"/>
                  </a:lnTo>
                  <a:cubicBezTo>
                    <a:pt x="96983" y="17955"/>
                    <a:pt x="93097" y="13983"/>
                    <a:pt x="93154" y="9144"/>
                  </a:cubicBezTo>
                  <a:cubicBezTo>
                    <a:pt x="93154" y="9115"/>
                    <a:pt x="93154" y="9077"/>
                    <a:pt x="93154" y="9049"/>
                  </a:cubicBezTo>
                  <a:cubicBezTo>
                    <a:pt x="93412" y="3972"/>
                    <a:pt x="97603" y="-10"/>
                    <a:pt x="102679" y="0"/>
                  </a:cubicBezTo>
                  <a:cubicBezTo>
                    <a:pt x="104108" y="0"/>
                    <a:pt x="138398" y="10287"/>
                    <a:pt x="138398" y="72009"/>
                  </a:cubicBezTo>
                  <a:cubicBezTo>
                    <a:pt x="138160" y="76905"/>
                    <a:pt x="134245" y="80820"/>
                    <a:pt x="129350" y="81058"/>
                  </a:cubicBezTo>
                  <a:close/>
                </a:path>
              </a:pathLst>
            </a:custGeom>
            <a:solidFill>
              <a:srgbClr val="265998"/>
            </a:solidFill>
            <a:ln w="9525" cap="flat">
              <a:noFill/>
              <a:prstDash val="solid"/>
              <a:miter/>
            </a:ln>
          </p:spPr>
          <p:txBody>
            <a:bodyPr rtlCol="0" anchor="ctr"/>
            <a:lstStyle/>
            <a:p>
              <a:endParaRPr lang="en-AU" sz="153"/>
            </a:p>
          </p:txBody>
        </p:sp>
        <p:sp>
          <p:nvSpPr>
            <p:cNvPr id="111" name="Freeform: Shape 110">
              <a:extLst>
                <a:ext uri="{FF2B5EF4-FFF2-40B4-BE49-F238E27FC236}">
                  <a16:creationId xmlns:a16="http://schemas.microsoft.com/office/drawing/2014/main" id="{D4DDCFAF-48F0-B96C-0522-84072F5384CF}"/>
                </a:ext>
              </a:extLst>
            </p:cNvPr>
            <p:cNvSpPr/>
            <p:nvPr/>
          </p:nvSpPr>
          <p:spPr>
            <a:xfrm>
              <a:off x="2620327" y="4363339"/>
              <a:ext cx="112299" cy="159543"/>
            </a:xfrm>
            <a:custGeom>
              <a:avLst/>
              <a:gdLst>
                <a:gd name="connsiteX0" fmla="*/ 56197 w 112299"/>
                <a:gd name="connsiteY0" fmla="*/ 159544 h 159543"/>
                <a:gd name="connsiteX1" fmla="*/ 0 w 112299"/>
                <a:gd name="connsiteY1" fmla="*/ 69628 h 159543"/>
                <a:gd name="connsiteX2" fmla="*/ 56197 w 112299"/>
                <a:gd name="connsiteY2" fmla="*/ 0 h 159543"/>
                <a:gd name="connsiteX3" fmla="*/ 112300 w 112299"/>
                <a:gd name="connsiteY3" fmla="*/ 69628 h 159543"/>
                <a:gd name="connsiteX4" fmla="*/ 56197 w 112299"/>
                <a:gd name="connsiteY4" fmla="*/ 159544 h 159543"/>
                <a:gd name="connsiteX5" fmla="*/ 56197 w 112299"/>
                <a:gd name="connsiteY5" fmla="*/ 17907 h 159543"/>
                <a:gd name="connsiteX6" fmla="*/ 18097 w 112299"/>
                <a:gd name="connsiteY6" fmla="*/ 69628 h 159543"/>
                <a:gd name="connsiteX7" fmla="*/ 56197 w 112299"/>
                <a:gd name="connsiteY7" fmla="*/ 141541 h 159543"/>
                <a:gd name="connsiteX8" fmla="*/ 94297 w 112299"/>
                <a:gd name="connsiteY8" fmla="*/ 69628 h 159543"/>
                <a:gd name="connsiteX9" fmla="*/ 56197 w 112299"/>
                <a:gd name="connsiteY9" fmla="*/ 17907 h 1595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2299" h="159543">
                  <a:moveTo>
                    <a:pt x="56197" y="159544"/>
                  </a:moveTo>
                  <a:cubicBezTo>
                    <a:pt x="24670" y="159544"/>
                    <a:pt x="0" y="120015"/>
                    <a:pt x="0" y="69628"/>
                  </a:cubicBezTo>
                  <a:cubicBezTo>
                    <a:pt x="0" y="26003"/>
                    <a:pt x="20955" y="0"/>
                    <a:pt x="56197" y="0"/>
                  </a:cubicBezTo>
                  <a:cubicBezTo>
                    <a:pt x="91440" y="0"/>
                    <a:pt x="112300" y="26003"/>
                    <a:pt x="112300" y="69628"/>
                  </a:cubicBezTo>
                  <a:cubicBezTo>
                    <a:pt x="112395" y="120015"/>
                    <a:pt x="87725" y="159544"/>
                    <a:pt x="56197" y="159544"/>
                  </a:cubicBezTo>
                  <a:close/>
                  <a:moveTo>
                    <a:pt x="56197" y="17907"/>
                  </a:moveTo>
                  <a:cubicBezTo>
                    <a:pt x="30861" y="17907"/>
                    <a:pt x="18097" y="35338"/>
                    <a:pt x="18097" y="69628"/>
                  </a:cubicBezTo>
                  <a:cubicBezTo>
                    <a:pt x="18097" y="112681"/>
                    <a:pt x="37814" y="141541"/>
                    <a:pt x="56197" y="141541"/>
                  </a:cubicBezTo>
                  <a:cubicBezTo>
                    <a:pt x="74581" y="141541"/>
                    <a:pt x="94297" y="112966"/>
                    <a:pt x="94297" y="69628"/>
                  </a:cubicBezTo>
                  <a:cubicBezTo>
                    <a:pt x="94297" y="35338"/>
                    <a:pt x="81629" y="17907"/>
                    <a:pt x="56197" y="17907"/>
                  </a:cubicBezTo>
                  <a:close/>
                </a:path>
              </a:pathLst>
            </a:custGeom>
            <a:solidFill>
              <a:srgbClr val="265998"/>
            </a:solidFill>
            <a:ln w="9525" cap="flat">
              <a:noFill/>
              <a:prstDash val="solid"/>
              <a:miter/>
            </a:ln>
          </p:spPr>
          <p:txBody>
            <a:bodyPr rtlCol="0" anchor="ctr"/>
            <a:lstStyle/>
            <a:p>
              <a:endParaRPr lang="en-AU" sz="153"/>
            </a:p>
          </p:txBody>
        </p:sp>
        <p:sp>
          <p:nvSpPr>
            <p:cNvPr id="112" name="Freeform: Shape 111">
              <a:extLst>
                <a:ext uri="{FF2B5EF4-FFF2-40B4-BE49-F238E27FC236}">
                  <a16:creationId xmlns:a16="http://schemas.microsoft.com/office/drawing/2014/main" id="{BD691D0C-B50C-E8A7-C334-F2B706C8B263}"/>
                </a:ext>
              </a:extLst>
            </p:cNvPr>
            <p:cNvSpPr/>
            <p:nvPr/>
          </p:nvSpPr>
          <p:spPr>
            <a:xfrm>
              <a:off x="2557938" y="4543171"/>
              <a:ext cx="236220" cy="91249"/>
            </a:xfrm>
            <a:custGeom>
              <a:avLst/>
              <a:gdLst>
                <a:gd name="connsiteX0" fmla="*/ 225647 w 236220"/>
                <a:gd name="connsiteY0" fmla="*/ 36290 h 91249"/>
                <a:gd name="connsiteX1" fmla="*/ 190309 w 236220"/>
                <a:gd name="connsiteY1" fmla="*/ 0 h 91249"/>
                <a:gd name="connsiteX2" fmla="*/ 161734 w 236220"/>
                <a:gd name="connsiteY2" fmla="*/ 0 h 91249"/>
                <a:gd name="connsiteX3" fmla="*/ 76009 w 236220"/>
                <a:gd name="connsiteY3" fmla="*/ 0 h 91249"/>
                <a:gd name="connsiteX4" fmla="*/ 68771 w 236220"/>
                <a:gd name="connsiteY4" fmla="*/ 0 h 91249"/>
                <a:gd name="connsiteX5" fmla="*/ 11621 w 236220"/>
                <a:gd name="connsiteY5" fmla="*/ 26956 h 91249"/>
                <a:gd name="connsiteX6" fmla="*/ 0 w 236220"/>
                <a:gd name="connsiteY6" fmla="*/ 91249 h 91249"/>
                <a:gd name="connsiteX7" fmla="*/ 236220 w 236220"/>
                <a:gd name="connsiteY7" fmla="*/ 91249 h 912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36220" h="91249">
                  <a:moveTo>
                    <a:pt x="225647" y="36290"/>
                  </a:moveTo>
                  <a:lnTo>
                    <a:pt x="190309" y="0"/>
                  </a:lnTo>
                  <a:lnTo>
                    <a:pt x="161734" y="0"/>
                  </a:lnTo>
                  <a:cubicBezTo>
                    <a:pt x="134245" y="11125"/>
                    <a:pt x="103499" y="11125"/>
                    <a:pt x="76009" y="0"/>
                  </a:cubicBezTo>
                  <a:lnTo>
                    <a:pt x="68771" y="0"/>
                  </a:lnTo>
                  <a:lnTo>
                    <a:pt x="11621" y="26956"/>
                  </a:lnTo>
                  <a:lnTo>
                    <a:pt x="0" y="91249"/>
                  </a:lnTo>
                  <a:lnTo>
                    <a:pt x="236220" y="91249"/>
                  </a:lnTo>
                  <a:close/>
                </a:path>
              </a:pathLst>
            </a:custGeom>
            <a:solidFill>
              <a:srgbClr val="C7E4F1"/>
            </a:solidFill>
            <a:ln w="9525" cap="flat">
              <a:noFill/>
              <a:prstDash val="solid"/>
              <a:miter/>
            </a:ln>
          </p:spPr>
          <p:txBody>
            <a:bodyPr rtlCol="0" anchor="ctr"/>
            <a:lstStyle/>
            <a:p>
              <a:endParaRPr lang="en-AU" sz="153"/>
            </a:p>
          </p:txBody>
        </p:sp>
        <p:sp>
          <p:nvSpPr>
            <p:cNvPr id="113" name="Freeform: Shape 112">
              <a:extLst>
                <a:ext uri="{FF2B5EF4-FFF2-40B4-BE49-F238E27FC236}">
                  <a16:creationId xmlns:a16="http://schemas.microsoft.com/office/drawing/2014/main" id="{784E3B3F-44AA-4D5B-5EF3-1F2B81108BB1}"/>
                </a:ext>
              </a:extLst>
            </p:cNvPr>
            <p:cNvSpPr/>
            <p:nvPr/>
          </p:nvSpPr>
          <p:spPr>
            <a:xfrm>
              <a:off x="2547502" y="4537360"/>
              <a:ext cx="258913" cy="110232"/>
            </a:xfrm>
            <a:custGeom>
              <a:avLst/>
              <a:gdLst>
                <a:gd name="connsiteX0" fmla="*/ 5198 w 258913"/>
                <a:gd name="connsiteY0" fmla="*/ 105918 h 110232"/>
                <a:gd name="connsiteX1" fmla="*/ 721 w 258913"/>
                <a:gd name="connsiteY1" fmla="*/ 89249 h 110232"/>
                <a:gd name="connsiteX2" fmla="*/ 29296 w 258913"/>
                <a:gd name="connsiteY2" fmla="*/ 19145 h 110232"/>
                <a:gd name="connsiteX3" fmla="*/ 76921 w 258913"/>
                <a:gd name="connsiteY3" fmla="*/ 95 h 110232"/>
                <a:gd name="connsiteX4" fmla="*/ 78636 w 258913"/>
                <a:gd name="connsiteY4" fmla="*/ 95 h 110232"/>
                <a:gd name="connsiteX5" fmla="*/ 87036 w 258913"/>
                <a:gd name="connsiteY5" fmla="*/ 9392 h 110232"/>
                <a:gd name="connsiteX6" fmla="*/ 87017 w 258913"/>
                <a:gd name="connsiteY6" fmla="*/ 9620 h 110232"/>
                <a:gd name="connsiteX7" fmla="*/ 78064 w 258913"/>
                <a:gd name="connsiteY7" fmla="*/ 18002 h 110232"/>
                <a:gd name="connsiteX8" fmla="*/ 76445 w 258913"/>
                <a:gd name="connsiteY8" fmla="*/ 18002 h 110232"/>
                <a:gd name="connsiteX9" fmla="*/ 40821 w 258913"/>
                <a:gd name="connsiteY9" fmla="*/ 32861 h 110232"/>
                <a:gd name="connsiteX10" fmla="*/ 18818 w 258913"/>
                <a:gd name="connsiteY10" fmla="*/ 88963 h 110232"/>
                <a:gd name="connsiteX11" fmla="*/ 23200 w 258913"/>
                <a:gd name="connsiteY11" fmla="*/ 93631 h 110232"/>
                <a:gd name="connsiteX12" fmla="*/ 53870 w 258913"/>
                <a:gd name="connsiteY12" fmla="*/ 92202 h 110232"/>
                <a:gd name="connsiteX13" fmla="*/ 53870 w 258913"/>
                <a:gd name="connsiteY13" fmla="*/ 62484 h 110232"/>
                <a:gd name="connsiteX14" fmla="*/ 62824 w 258913"/>
                <a:gd name="connsiteY14" fmla="*/ 53530 h 110232"/>
                <a:gd name="connsiteX15" fmla="*/ 71778 w 258913"/>
                <a:gd name="connsiteY15" fmla="*/ 62484 h 110232"/>
                <a:gd name="connsiteX16" fmla="*/ 71778 w 258913"/>
                <a:gd name="connsiteY16" fmla="*/ 92202 h 110232"/>
                <a:gd name="connsiteX17" fmla="*/ 187506 w 258913"/>
                <a:gd name="connsiteY17" fmla="*/ 92202 h 110232"/>
                <a:gd name="connsiteX18" fmla="*/ 187506 w 258913"/>
                <a:gd name="connsiteY18" fmla="*/ 62484 h 110232"/>
                <a:gd name="connsiteX19" fmla="*/ 197431 w 258913"/>
                <a:gd name="connsiteY19" fmla="*/ 54407 h 110232"/>
                <a:gd name="connsiteX20" fmla="*/ 205508 w 258913"/>
                <a:gd name="connsiteY20" fmla="*/ 62484 h 110232"/>
                <a:gd name="connsiteX21" fmla="*/ 205508 w 258913"/>
                <a:gd name="connsiteY21" fmla="*/ 92202 h 110232"/>
                <a:gd name="connsiteX22" fmla="*/ 239322 w 258913"/>
                <a:gd name="connsiteY22" fmla="*/ 92202 h 110232"/>
                <a:gd name="connsiteX23" fmla="*/ 240561 w 258913"/>
                <a:gd name="connsiteY23" fmla="*/ 88963 h 110232"/>
                <a:gd name="connsiteX24" fmla="*/ 218462 w 258913"/>
                <a:gd name="connsiteY24" fmla="*/ 32861 h 110232"/>
                <a:gd name="connsiteX25" fmla="*/ 182458 w 258913"/>
                <a:gd name="connsiteY25" fmla="*/ 18002 h 110232"/>
                <a:gd name="connsiteX26" fmla="*/ 181505 w 258913"/>
                <a:gd name="connsiteY26" fmla="*/ 18002 h 110232"/>
                <a:gd name="connsiteX27" fmla="*/ 172009 w 258913"/>
                <a:gd name="connsiteY27" fmla="*/ 10040 h 110232"/>
                <a:gd name="connsiteX28" fmla="*/ 171980 w 258913"/>
                <a:gd name="connsiteY28" fmla="*/ 9525 h 110232"/>
                <a:gd name="connsiteX29" fmla="*/ 180267 w 258913"/>
                <a:gd name="connsiteY29" fmla="*/ 0 h 110232"/>
                <a:gd name="connsiteX30" fmla="*/ 181982 w 258913"/>
                <a:gd name="connsiteY30" fmla="*/ 0 h 110232"/>
                <a:gd name="connsiteX31" fmla="*/ 230083 w 258913"/>
                <a:gd name="connsiteY31" fmla="*/ 19050 h 110232"/>
                <a:gd name="connsiteX32" fmla="*/ 258182 w 258913"/>
                <a:gd name="connsiteY32" fmla="*/ 89154 h 110232"/>
                <a:gd name="connsiteX33" fmla="*/ 254276 w 258913"/>
                <a:gd name="connsiteY33" fmla="*/ 105823 h 110232"/>
                <a:gd name="connsiteX34" fmla="*/ 5198 w 258913"/>
                <a:gd name="connsiteY34" fmla="*/ 105918 h 110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58913" h="110232">
                  <a:moveTo>
                    <a:pt x="5198" y="105918"/>
                  </a:moveTo>
                  <a:cubicBezTo>
                    <a:pt x="626" y="101689"/>
                    <a:pt x="-1117" y="95202"/>
                    <a:pt x="721" y="89249"/>
                  </a:cubicBezTo>
                  <a:cubicBezTo>
                    <a:pt x="2721" y="58293"/>
                    <a:pt x="12151" y="34766"/>
                    <a:pt x="29296" y="19145"/>
                  </a:cubicBezTo>
                  <a:cubicBezTo>
                    <a:pt x="42288" y="7153"/>
                    <a:pt x="59243" y="362"/>
                    <a:pt x="76921" y="95"/>
                  </a:cubicBezTo>
                  <a:lnTo>
                    <a:pt x="78636" y="95"/>
                  </a:lnTo>
                  <a:cubicBezTo>
                    <a:pt x="83522" y="343"/>
                    <a:pt x="87284" y="4505"/>
                    <a:pt x="87036" y="9392"/>
                  </a:cubicBezTo>
                  <a:cubicBezTo>
                    <a:pt x="87027" y="9468"/>
                    <a:pt x="87027" y="9544"/>
                    <a:pt x="87017" y="9620"/>
                  </a:cubicBezTo>
                  <a:cubicBezTo>
                    <a:pt x="86465" y="14221"/>
                    <a:pt x="82693" y="17755"/>
                    <a:pt x="78064" y="18002"/>
                  </a:cubicBezTo>
                  <a:lnTo>
                    <a:pt x="76445" y="18002"/>
                  </a:lnTo>
                  <a:cubicBezTo>
                    <a:pt x="63148" y="18402"/>
                    <a:pt x="50460" y="23698"/>
                    <a:pt x="40821" y="32861"/>
                  </a:cubicBezTo>
                  <a:cubicBezTo>
                    <a:pt x="26800" y="48196"/>
                    <a:pt x="18961" y="68189"/>
                    <a:pt x="18818" y="88963"/>
                  </a:cubicBezTo>
                  <a:cubicBezTo>
                    <a:pt x="18818" y="90106"/>
                    <a:pt x="21962" y="93631"/>
                    <a:pt x="23200" y="93631"/>
                  </a:cubicBezTo>
                  <a:cubicBezTo>
                    <a:pt x="24438" y="93631"/>
                    <a:pt x="53870" y="94679"/>
                    <a:pt x="53870" y="92202"/>
                  </a:cubicBezTo>
                  <a:lnTo>
                    <a:pt x="53870" y="62484"/>
                  </a:lnTo>
                  <a:cubicBezTo>
                    <a:pt x="53870" y="57541"/>
                    <a:pt x="57881" y="53530"/>
                    <a:pt x="62824" y="53530"/>
                  </a:cubicBezTo>
                  <a:cubicBezTo>
                    <a:pt x="67767" y="53530"/>
                    <a:pt x="71778" y="57541"/>
                    <a:pt x="71778" y="62484"/>
                  </a:cubicBezTo>
                  <a:lnTo>
                    <a:pt x="71778" y="92202"/>
                  </a:lnTo>
                  <a:cubicBezTo>
                    <a:pt x="71778" y="94679"/>
                    <a:pt x="187506" y="94679"/>
                    <a:pt x="187506" y="92202"/>
                  </a:cubicBezTo>
                  <a:lnTo>
                    <a:pt x="187506" y="62484"/>
                  </a:lnTo>
                  <a:cubicBezTo>
                    <a:pt x="188021" y="57512"/>
                    <a:pt x="192459" y="53902"/>
                    <a:pt x="197431" y="54407"/>
                  </a:cubicBezTo>
                  <a:cubicBezTo>
                    <a:pt x="201699" y="54845"/>
                    <a:pt x="205070" y="58217"/>
                    <a:pt x="205508" y="62484"/>
                  </a:cubicBezTo>
                  <a:lnTo>
                    <a:pt x="205508" y="92202"/>
                  </a:lnTo>
                  <a:cubicBezTo>
                    <a:pt x="205508" y="94679"/>
                    <a:pt x="238560" y="93154"/>
                    <a:pt x="239322" y="92202"/>
                  </a:cubicBezTo>
                  <a:cubicBezTo>
                    <a:pt x="240179" y="91354"/>
                    <a:pt x="240637" y="90173"/>
                    <a:pt x="240561" y="88963"/>
                  </a:cubicBezTo>
                  <a:cubicBezTo>
                    <a:pt x="240427" y="68161"/>
                    <a:pt x="232550" y="48168"/>
                    <a:pt x="218462" y="32861"/>
                  </a:cubicBezTo>
                  <a:cubicBezTo>
                    <a:pt x="208757" y="23555"/>
                    <a:pt x="195898" y="18250"/>
                    <a:pt x="182458" y="18002"/>
                  </a:cubicBezTo>
                  <a:lnTo>
                    <a:pt x="181505" y="18002"/>
                  </a:lnTo>
                  <a:cubicBezTo>
                    <a:pt x="176686" y="18421"/>
                    <a:pt x="172438" y="14859"/>
                    <a:pt x="172009" y="10040"/>
                  </a:cubicBezTo>
                  <a:cubicBezTo>
                    <a:pt x="171999" y="9868"/>
                    <a:pt x="171990" y="9697"/>
                    <a:pt x="171980" y="9525"/>
                  </a:cubicBezTo>
                  <a:cubicBezTo>
                    <a:pt x="171657" y="4610"/>
                    <a:pt x="175352" y="352"/>
                    <a:pt x="180267" y="0"/>
                  </a:cubicBezTo>
                  <a:lnTo>
                    <a:pt x="181982" y="0"/>
                  </a:lnTo>
                  <a:cubicBezTo>
                    <a:pt x="199822" y="172"/>
                    <a:pt x="216967" y="6963"/>
                    <a:pt x="230083" y="19050"/>
                  </a:cubicBezTo>
                  <a:cubicBezTo>
                    <a:pt x="246657" y="34671"/>
                    <a:pt x="256086" y="58198"/>
                    <a:pt x="258182" y="89154"/>
                  </a:cubicBezTo>
                  <a:cubicBezTo>
                    <a:pt x="258182" y="91440"/>
                    <a:pt x="261420" y="100298"/>
                    <a:pt x="254276" y="105823"/>
                  </a:cubicBezTo>
                  <a:cubicBezTo>
                    <a:pt x="247133" y="111347"/>
                    <a:pt x="12056" y="112014"/>
                    <a:pt x="5198" y="105918"/>
                  </a:cubicBezTo>
                  <a:close/>
                </a:path>
              </a:pathLst>
            </a:custGeom>
            <a:solidFill>
              <a:srgbClr val="265998"/>
            </a:solidFill>
            <a:ln w="9525" cap="flat">
              <a:noFill/>
              <a:prstDash val="solid"/>
              <a:miter/>
            </a:ln>
          </p:spPr>
          <p:txBody>
            <a:bodyPr rtlCol="0" anchor="ctr"/>
            <a:lstStyle/>
            <a:p>
              <a:endParaRPr lang="en-AU" sz="153"/>
            </a:p>
          </p:txBody>
        </p:sp>
      </p:grpSp>
      <p:grpSp>
        <p:nvGrpSpPr>
          <p:cNvPr id="114" name="Group 113">
            <a:extLst>
              <a:ext uri="{FF2B5EF4-FFF2-40B4-BE49-F238E27FC236}">
                <a16:creationId xmlns:a16="http://schemas.microsoft.com/office/drawing/2014/main" id="{72C2EADA-8BB5-3AA9-D850-C4819692132F}"/>
              </a:ext>
            </a:extLst>
          </p:cNvPr>
          <p:cNvGrpSpPr/>
          <p:nvPr/>
        </p:nvGrpSpPr>
        <p:grpSpPr>
          <a:xfrm>
            <a:off x="10534551" y="3418240"/>
            <a:ext cx="554618" cy="516280"/>
            <a:chOff x="2129790" y="1450498"/>
            <a:chExt cx="418909" cy="418719"/>
          </a:xfrm>
        </p:grpSpPr>
        <p:sp>
          <p:nvSpPr>
            <p:cNvPr id="115" name="Graphic 256">
              <a:extLst>
                <a:ext uri="{FF2B5EF4-FFF2-40B4-BE49-F238E27FC236}">
                  <a16:creationId xmlns:a16="http://schemas.microsoft.com/office/drawing/2014/main" id="{4B71787D-8D88-78A5-316E-49459F2D84F9}"/>
                </a:ext>
              </a:extLst>
            </p:cNvPr>
            <p:cNvSpPr/>
            <p:nvPr/>
          </p:nvSpPr>
          <p:spPr>
            <a:xfrm>
              <a:off x="2355913" y="1542986"/>
              <a:ext cx="73247" cy="80676"/>
            </a:xfrm>
            <a:custGeom>
              <a:avLst/>
              <a:gdLst>
                <a:gd name="connsiteX0" fmla="*/ 0 w 73247"/>
                <a:gd name="connsiteY0" fmla="*/ 0 h 80676"/>
                <a:gd name="connsiteX1" fmla="*/ 0 w 73247"/>
                <a:gd name="connsiteY1" fmla="*/ 80677 h 80676"/>
                <a:gd name="connsiteX2" fmla="*/ 73247 w 73247"/>
                <a:gd name="connsiteY2" fmla="*/ 80677 h 80676"/>
                <a:gd name="connsiteX3" fmla="*/ 73247 w 73247"/>
                <a:gd name="connsiteY3" fmla="*/ 60770 h 80676"/>
                <a:gd name="connsiteX4" fmla="*/ 14002 w 73247"/>
                <a:gd name="connsiteY4" fmla="*/ 1524 h 80676"/>
                <a:gd name="connsiteX5" fmla="*/ 0 w 73247"/>
                <a:gd name="connsiteY5" fmla="*/ 0 h 80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3247" h="80676">
                  <a:moveTo>
                    <a:pt x="0" y="0"/>
                  </a:moveTo>
                  <a:lnTo>
                    <a:pt x="0" y="80677"/>
                  </a:lnTo>
                  <a:lnTo>
                    <a:pt x="73247" y="80677"/>
                  </a:lnTo>
                  <a:lnTo>
                    <a:pt x="73247" y="60770"/>
                  </a:lnTo>
                  <a:lnTo>
                    <a:pt x="14002" y="1524"/>
                  </a:lnTo>
                  <a:lnTo>
                    <a:pt x="0" y="0"/>
                  </a:lnTo>
                  <a:close/>
                </a:path>
              </a:pathLst>
            </a:custGeom>
            <a:solidFill>
              <a:srgbClr val="C7E4F1"/>
            </a:solidFill>
            <a:ln w="9525" cap="flat">
              <a:noFill/>
              <a:prstDash val="solid"/>
              <a:miter/>
            </a:ln>
          </p:spPr>
          <p:txBody>
            <a:bodyPr rtlCol="0" anchor="ctr"/>
            <a:lstStyle/>
            <a:p>
              <a:endParaRPr lang="en-AU" sz="153"/>
            </a:p>
          </p:txBody>
        </p:sp>
        <p:sp>
          <p:nvSpPr>
            <p:cNvPr id="116" name="Graphic 256">
              <a:extLst>
                <a:ext uri="{FF2B5EF4-FFF2-40B4-BE49-F238E27FC236}">
                  <a16:creationId xmlns:a16="http://schemas.microsoft.com/office/drawing/2014/main" id="{07513F57-D406-FA9F-5992-EBC505B74BF8}"/>
                </a:ext>
              </a:extLst>
            </p:cNvPr>
            <p:cNvSpPr/>
            <p:nvPr/>
          </p:nvSpPr>
          <p:spPr>
            <a:xfrm>
              <a:off x="2457735" y="1458118"/>
              <a:ext cx="77057" cy="81057"/>
            </a:xfrm>
            <a:custGeom>
              <a:avLst/>
              <a:gdLst>
                <a:gd name="connsiteX0" fmla="*/ 0 w 77057"/>
                <a:gd name="connsiteY0" fmla="*/ 191 h 81057"/>
                <a:gd name="connsiteX1" fmla="*/ 0 w 77057"/>
                <a:gd name="connsiteY1" fmla="*/ 81058 h 81057"/>
                <a:gd name="connsiteX2" fmla="*/ 77057 w 77057"/>
                <a:gd name="connsiteY2" fmla="*/ 81058 h 81057"/>
                <a:gd name="connsiteX3" fmla="*/ 77057 w 77057"/>
                <a:gd name="connsiteY3" fmla="*/ 59912 h 81057"/>
                <a:gd name="connsiteX4" fmla="*/ 17145 w 77057"/>
                <a:gd name="connsiteY4" fmla="*/ 0 h 81057"/>
                <a:gd name="connsiteX5" fmla="*/ 0 w 77057"/>
                <a:gd name="connsiteY5" fmla="*/ 191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7057" h="81057">
                  <a:moveTo>
                    <a:pt x="0" y="191"/>
                  </a:moveTo>
                  <a:lnTo>
                    <a:pt x="0" y="81058"/>
                  </a:lnTo>
                  <a:lnTo>
                    <a:pt x="77057" y="81058"/>
                  </a:lnTo>
                  <a:lnTo>
                    <a:pt x="77057" y="59912"/>
                  </a:lnTo>
                  <a:lnTo>
                    <a:pt x="17145" y="0"/>
                  </a:lnTo>
                  <a:lnTo>
                    <a:pt x="0" y="191"/>
                  </a:lnTo>
                  <a:close/>
                </a:path>
              </a:pathLst>
            </a:custGeom>
            <a:solidFill>
              <a:srgbClr val="C7E4F1"/>
            </a:solidFill>
            <a:ln w="9525" cap="flat">
              <a:noFill/>
              <a:prstDash val="solid"/>
              <a:miter/>
            </a:ln>
          </p:spPr>
          <p:txBody>
            <a:bodyPr rtlCol="0" anchor="ctr"/>
            <a:lstStyle/>
            <a:p>
              <a:endParaRPr lang="en-AU" sz="153"/>
            </a:p>
          </p:txBody>
        </p:sp>
        <p:grpSp>
          <p:nvGrpSpPr>
            <p:cNvPr id="117" name="Group 116">
              <a:extLst>
                <a:ext uri="{FF2B5EF4-FFF2-40B4-BE49-F238E27FC236}">
                  <a16:creationId xmlns:a16="http://schemas.microsoft.com/office/drawing/2014/main" id="{350F17FB-FA60-D490-8566-7478C2AE58A8}"/>
                </a:ext>
              </a:extLst>
            </p:cNvPr>
            <p:cNvGrpSpPr/>
            <p:nvPr/>
          </p:nvGrpSpPr>
          <p:grpSpPr>
            <a:xfrm>
              <a:off x="2129790" y="1450498"/>
              <a:ext cx="418909" cy="418719"/>
              <a:chOff x="2129790" y="1450498"/>
              <a:chExt cx="418909" cy="418719"/>
            </a:xfrm>
          </p:grpSpPr>
          <p:sp>
            <p:nvSpPr>
              <p:cNvPr id="118" name="Graphic 256">
                <a:extLst>
                  <a:ext uri="{FF2B5EF4-FFF2-40B4-BE49-F238E27FC236}">
                    <a16:creationId xmlns:a16="http://schemas.microsoft.com/office/drawing/2014/main" id="{0E822623-191B-A3E4-8D93-06726FA39B65}"/>
                  </a:ext>
                </a:extLst>
              </p:cNvPr>
              <p:cNvSpPr/>
              <p:nvPr/>
            </p:nvSpPr>
            <p:spPr>
              <a:xfrm>
                <a:off x="2170271" y="1530318"/>
                <a:ext cx="98202" cy="165068"/>
              </a:xfrm>
              <a:custGeom>
                <a:avLst/>
                <a:gdLst>
                  <a:gd name="connsiteX0" fmla="*/ 28575 w 98202"/>
                  <a:gd name="connsiteY0" fmla="*/ 165068 h 165068"/>
                  <a:gd name="connsiteX1" fmla="*/ 0 w 98202"/>
                  <a:gd name="connsiteY1" fmla="*/ 136493 h 165068"/>
                  <a:gd name="connsiteX2" fmla="*/ 0 w 98202"/>
                  <a:gd name="connsiteY2" fmla="*/ 49054 h 165068"/>
                  <a:gd name="connsiteX3" fmla="*/ 49054 w 98202"/>
                  <a:gd name="connsiteY3" fmla="*/ 0 h 165068"/>
                  <a:gd name="connsiteX4" fmla="*/ 98203 w 98202"/>
                  <a:gd name="connsiteY4" fmla="*/ 49149 h 165068"/>
                  <a:gd name="connsiteX5" fmla="*/ 98203 w 98202"/>
                  <a:gd name="connsiteY5" fmla="*/ 102679 h 165068"/>
                  <a:gd name="connsiteX6" fmla="*/ 89259 w 98202"/>
                  <a:gd name="connsiteY6" fmla="*/ 111640 h 165068"/>
                  <a:gd name="connsiteX7" fmla="*/ 82867 w 98202"/>
                  <a:gd name="connsiteY7" fmla="*/ 108966 h 165068"/>
                  <a:gd name="connsiteX8" fmla="*/ 80296 w 98202"/>
                  <a:gd name="connsiteY8" fmla="*/ 102679 h 165068"/>
                  <a:gd name="connsiteX9" fmla="*/ 80296 w 98202"/>
                  <a:gd name="connsiteY9" fmla="*/ 49149 h 165068"/>
                  <a:gd name="connsiteX10" fmla="*/ 50921 w 98202"/>
                  <a:gd name="connsiteY10" fmla="*/ 16328 h 165068"/>
                  <a:gd name="connsiteX11" fmla="*/ 18097 w 98202"/>
                  <a:gd name="connsiteY11" fmla="*/ 45706 h 165068"/>
                  <a:gd name="connsiteX12" fmla="*/ 18097 w 98202"/>
                  <a:gd name="connsiteY12" fmla="*/ 49149 h 165068"/>
                  <a:gd name="connsiteX13" fmla="*/ 18097 w 98202"/>
                  <a:gd name="connsiteY13" fmla="*/ 136112 h 165068"/>
                  <a:gd name="connsiteX14" fmla="*/ 30223 w 98202"/>
                  <a:gd name="connsiteY14" fmla="*/ 146179 h 165068"/>
                  <a:gd name="connsiteX15" fmla="*/ 40291 w 98202"/>
                  <a:gd name="connsiteY15" fmla="*/ 136112 h 165068"/>
                  <a:gd name="connsiteX16" fmla="*/ 40291 w 98202"/>
                  <a:gd name="connsiteY16" fmla="*/ 62484 h 165068"/>
                  <a:gd name="connsiteX17" fmla="*/ 49054 w 98202"/>
                  <a:gd name="connsiteY17" fmla="*/ 54007 h 165068"/>
                  <a:gd name="connsiteX18" fmla="*/ 55435 w 98202"/>
                  <a:gd name="connsiteY18" fmla="*/ 56674 h 165068"/>
                  <a:gd name="connsiteX19" fmla="*/ 58102 w 98202"/>
                  <a:gd name="connsiteY19" fmla="*/ 62960 h 165068"/>
                  <a:gd name="connsiteX20" fmla="*/ 58102 w 98202"/>
                  <a:gd name="connsiteY20" fmla="*/ 136493 h 165068"/>
                  <a:gd name="connsiteX21" fmla="*/ 29527 w 98202"/>
                  <a:gd name="connsiteY21" fmla="*/ 165068 h 16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8202" h="165068">
                    <a:moveTo>
                      <a:pt x="28575" y="165068"/>
                    </a:moveTo>
                    <a:cubicBezTo>
                      <a:pt x="12792" y="165068"/>
                      <a:pt x="0" y="152275"/>
                      <a:pt x="0" y="136493"/>
                    </a:cubicBezTo>
                    <a:lnTo>
                      <a:pt x="0" y="49054"/>
                    </a:lnTo>
                    <a:cubicBezTo>
                      <a:pt x="105" y="22006"/>
                      <a:pt x="22003" y="105"/>
                      <a:pt x="49054" y="0"/>
                    </a:cubicBezTo>
                    <a:cubicBezTo>
                      <a:pt x="76181" y="52"/>
                      <a:pt x="98146" y="22027"/>
                      <a:pt x="98203" y="49149"/>
                    </a:cubicBezTo>
                    <a:lnTo>
                      <a:pt x="98203" y="102679"/>
                    </a:lnTo>
                    <a:cubicBezTo>
                      <a:pt x="98203" y="107625"/>
                      <a:pt x="94202" y="111636"/>
                      <a:pt x="89259" y="111640"/>
                    </a:cubicBezTo>
                    <a:cubicBezTo>
                      <a:pt x="86858" y="111642"/>
                      <a:pt x="84553" y="110678"/>
                      <a:pt x="82867" y="108966"/>
                    </a:cubicBezTo>
                    <a:cubicBezTo>
                      <a:pt x="81182" y="107314"/>
                      <a:pt x="80248" y="105040"/>
                      <a:pt x="80296" y="102679"/>
                    </a:cubicBezTo>
                    <a:lnTo>
                      <a:pt x="80296" y="49149"/>
                    </a:lnTo>
                    <a:cubicBezTo>
                      <a:pt x="81248" y="31973"/>
                      <a:pt x="68094" y="17279"/>
                      <a:pt x="50921" y="16328"/>
                    </a:cubicBezTo>
                    <a:cubicBezTo>
                      <a:pt x="33747" y="15377"/>
                      <a:pt x="19050" y="28530"/>
                      <a:pt x="18097" y="45706"/>
                    </a:cubicBezTo>
                    <a:cubicBezTo>
                      <a:pt x="18031" y="46853"/>
                      <a:pt x="18031" y="48002"/>
                      <a:pt x="18097" y="49149"/>
                    </a:cubicBezTo>
                    <a:lnTo>
                      <a:pt x="18097" y="136112"/>
                    </a:lnTo>
                    <a:cubicBezTo>
                      <a:pt x="18669" y="142241"/>
                      <a:pt x="24098" y="146748"/>
                      <a:pt x="30223" y="146179"/>
                    </a:cubicBezTo>
                    <a:cubicBezTo>
                      <a:pt x="35566" y="145684"/>
                      <a:pt x="39795" y="141454"/>
                      <a:pt x="40291" y="136112"/>
                    </a:cubicBezTo>
                    <a:lnTo>
                      <a:pt x="40291" y="62484"/>
                    </a:lnTo>
                    <a:cubicBezTo>
                      <a:pt x="40538" y="57799"/>
                      <a:pt x="44367" y="54100"/>
                      <a:pt x="49054" y="54007"/>
                    </a:cubicBezTo>
                    <a:cubicBezTo>
                      <a:pt x="51454" y="53994"/>
                      <a:pt x="53759" y="54956"/>
                      <a:pt x="55435" y="56674"/>
                    </a:cubicBezTo>
                    <a:cubicBezTo>
                      <a:pt x="57150" y="58316"/>
                      <a:pt x="58112" y="60589"/>
                      <a:pt x="58102" y="62960"/>
                    </a:cubicBezTo>
                    <a:lnTo>
                      <a:pt x="58102" y="136493"/>
                    </a:lnTo>
                    <a:cubicBezTo>
                      <a:pt x="57798" y="152148"/>
                      <a:pt x="45177" y="164764"/>
                      <a:pt x="29527" y="165068"/>
                    </a:cubicBezTo>
                    <a:close/>
                  </a:path>
                </a:pathLst>
              </a:custGeom>
              <a:solidFill>
                <a:srgbClr val="265998"/>
              </a:solidFill>
              <a:ln w="9525" cap="flat">
                <a:noFill/>
                <a:prstDash val="solid"/>
                <a:miter/>
              </a:ln>
            </p:spPr>
            <p:txBody>
              <a:bodyPr rtlCol="0" anchor="ctr"/>
              <a:lstStyle/>
              <a:p>
                <a:endParaRPr lang="en-AU" sz="153"/>
              </a:p>
            </p:txBody>
          </p:sp>
          <p:sp>
            <p:nvSpPr>
              <p:cNvPr id="119" name="Graphic 256">
                <a:extLst>
                  <a:ext uri="{FF2B5EF4-FFF2-40B4-BE49-F238E27FC236}">
                    <a16:creationId xmlns:a16="http://schemas.microsoft.com/office/drawing/2014/main" id="{BF2D7E21-EA3B-B2D8-90B9-EAF2AA81EAB5}"/>
                  </a:ext>
                </a:extLst>
              </p:cNvPr>
              <p:cNvSpPr/>
              <p:nvPr/>
            </p:nvSpPr>
            <p:spPr>
              <a:xfrm>
                <a:off x="2129790" y="1530318"/>
                <a:ext cx="312038" cy="338899"/>
              </a:xfrm>
              <a:custGeom>
                <a:avLst/>
                <a:gdLst>
                  <a:gd name="connsiteX0" fmla="*/ 19621 w 312038"/>
                  <a:gd name="connsiteY0" fmla="*/ 338900 h 338899"/>
                  <a:gd name="connsiteX1" fmla="*/ 0 w 312038"/>
                  <a:gd name="connsiteY1" fmla="*/ 319850 h 338899"/>
                  <a:gd name="connsiteX2" fmla="*/ 0 w 312038"/>
                  <a:gd name="connsiteY2" fmla="*/ 35719 h 338899"/>
                  <a:gd name="connsiteX3" fmla="*/ 9925 w 312038"/>
                  <a:gd name="connsiteY3" fmla="*/ 27644 h 338899"/>
                  <a:gd name="connsiteX4" fmla="*/ 18002 w 312038"/>
                  <a:gd name="connsiteY4" fmla="*/ 35719 h 338899"/>
                  <a:gd name="connsiteX5" fmla="*/ 18002 w 312038"/>
                  <a:gd name="connsiteY5" fmla="*/ 316516 h 338899"/>
                  <a:gd name="connsiteX6" fmla="*/ 22546 w 312038"/>
                  <a:gd name="connsiteY6" fmla="*/ 320730 h 338899"/>
                  <a:gd name="connsiteX7" fmla="*/ 22860 w 312038"/>
                  <a:gd name="connsiteY7" fmla="*/ 320707 h 338899"/>
                  <a:gd name="connsiteX8" fmla="*/ 289560 w 312038"/>
                  <a:gd name="connsiteY8" fmla="*/ 320707 h 338899"/>
                  <a:gd name="connsiteX9" fmla="*/ 293942 w 312038"/>
                  <a:gd name="connsiteY9" fmla="*/ 316325 h 338899"/>
                  <a:gd name="connsiteX10" fmla="*/ 293942 w 312038"/>
                  <a:gd name="connsiteY10" fmla="*/ 102584 h 338899"/>
                  <a:gd name="connsiteX11" fmla="*/ 289560 w 312038"/>
                  <a:gd name="connsiteY11" fmla="*/ 98203 h 338899"/>
                  <a:gd name="connsiteX12" fmla="*/ 231553 w 312038"/>
                  <a:gd name="connsiteY12" fmla="*/ 98203 h 338899"/>
                  <a:gd name="connsiteX13" fmla="*/ 213741 w 312038"/>
                  <a:gd name="connsiteY13" fmla="*/ 80391 h 338899"/>
                  <a:gd name="connsiteX14" fmla="*/ 213741 w 312038"/>
                  <a:gd name="connsiteY14" fmla="*/ 22384 h 338899"/>
                  <a:gd name="connsiteX15" fmla="*/ 209264 w 312038"/>
                  <a:gd name="connsiteY15" fmla="*/ 18002 h 338899"/>
                  <a:gd name="connsiteX16" fmla="*/ 156210 w 312038"/>
                  <a:gd name="connsiteY16" fmla="*/ 18002 h 338899"/>
                  <a:gd name="connsiteX17" fmla="*/ 148133 w 312038"/>
                  <a:gd name="connsiteY17" fmla="*/ 8074 h 338899"/>
                  <a:gd name="connsiteX18" fmla="*/ 156210 w 312038"/>
                  <a:gd name="connsiteY18" fmla="*/ 0 h 338899"/>
                  <a:gd name="connsiteX19" fmla="*/ 236410 w 312038"/>
                  <a:gd name="connsiteY19" fmla="*/ 0 h 338899"/>
                  <a:gd name="connsiteX20" fmla="*/ 242792 w 312038"/>
                  <a:gd name="connsiteY20" fmla="*/ 2667 h 338899"/>
                  <a:gd name="connsiteX21" fmla="*/ 309467 w 312038"/>
                  <a:gd name="connsiteY21" fmla="*/ 69342 h 338899"/>
                  <a:gd name="connsiteX22" fmla="*/ 312039 w 312038"/>
                  <a:gd name="connsiteY22" fmla="*/ 75724 h 338899"/>
                  <a:gd name="connsiteX23" fmla="*/ 312039 w 312038"/>
                  <a:gd name="connsiteY23" fmla="*/ 319373 h 338899"/>
                  <a:gd name="connsiteX24" fmla="*/ 292513 w 312038"/>
                  <a:gd name="connsiteY24" fmla="*/ 338423 h 338899"/>
                  <a:gd name="connsiteX25" fmla="*/ 236315 w 312038"/>
                  <a:gd name="connsiteY25" fmla="*/ 23527 h 338899"/>
                  <a:gd name="connsiteX26" fmla="*/ 234696 w 312038"/>
                  <a:gd name="connsiteY26" fmla="*/ 23527 h 338899"/>
                  <a:gd name="connsiteX27" fmla="*/ 231934 w 312038"/>
                  <a:gd name="connsiteY27" fmla="*/ 27527 h 338899"/>
                  <a:gd name="connsiteX28" fmla="*/ 231934 w 312038"/>
                  <a:gd name="connsiteY28" fmla="*/ 75152 h 338899"/>
                  <a:gd name="connsiteX29" fmla="*/ 236315 w 312038"/>
                  <a:gd name="connsiteY29" fmla="*/ 79534 h 338899"/>
                  <a:gd name="connsiteX30" fmla="*/ 283940 w 312038"/>
                  <a:gd name="connsiteY30" fmla="*/ 79534 h 338899"/>
                  <a:gd name="connsiteX31" fmla="*/ 288322 w 312038"/>
                  <a:gd name="connsiteY31" fmla="*/ 75147 h 338899"/>
                  <a:gd name="connsiteX32" fmla="*/ 286988 w 312038"/>
                  <a:gd name="connsiteY32" fmla="*/ 72009 h 338899"/>
                  <a:gd name="connsiteX33" fmla="*/ 239363 w 312038"/>
                  <a:gd name="connsiteY33" fmla="*/ 24384 h 338899"/>
                  <a:gd name="connsiteX34" fmla="*/ 236315 w 312038"/>
                  <a:gd name="connsiteY34" fmla="*/ 23527 h 3388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12038" h="338899">
                    <a:moveTo>
                      <a:pt x="19621" y="338900"/>
                    </a:moveTo>
                    <a:cubicBezTo>
                      <a:pt x="9001" y="338904"/>
                      <a:pt x="305" y="330462"/>
                      <a:pt x="0" y="319850"/>
                    </a:cubicBezTo>
                    <a:lnTo>
                      <a:pt x="0" y="35719"/>
                    </a:lnTo>
                    <a:cubicBezTo>
                      <a:pt x="514" y="30748"/>
                      <a:pt x="4953" y="27133"/>
                      <a:pt x="9925" y="27644"/>
                    </a:cubicBezTo>
                    <a:cubicBezTo>
                      <a:pt x="14192" y="28084"/>
                      <a:pt x="17564" y="31454"/>
                      <a:pt x="18002" y="35719"/>
                    </a:cubicBezTo>
                    <a:lnTo>
                      <a:pt x="18002" y="316516"/>
                    </a:lnTo>
                    <a:cubicBezTo>
                      <a:pt x="18097" y="318934"/>
                      <a:pt x="20126" y="320821"/>
                      <a:pt x="22546" y="320730"/>
                    </a:cubicBezTo>
                    <a:cubicBezTo>
                      <a:pt x="22650" y="320726"/>
                      <a:pt x="22755" y="320718"/>
                      <a:pt x="22860" y="320707"/>
                    </a:cubicBezTo>
                    <a:lnTo>
                      <a:pt x="289560" y="320707"/>
                    </a:lnTo>
                    <a:cubicBezTo>
                      <a:pt x="291979" y="320707"/>
                      <a:pt x="293942" y="318746"/>
                      <a:pt x="293942" y="316325"/>
                    </a:cubicBezTo>
                    <a:lnTo>
                      <a:pt x="293942" y="102584"/>
                    </a:lnTo>
                    <a:cubicBezTo>
                      <a:pt x="293894" y="100186"/>
                      <a:pt x="291960" y="98253"/>
                      <a:pt x="289560" y="98203"/>
                    </a:cubicBezTo>
                    <a:lnTo>
                      <a:pt x="231553" y="98203"/>
                    </a:lnTo>
                    <a:cubicBezTo>
                      <a:pt x="221713" y="98203"/>
                      <a:pt x="213741" y="90228"/>
                      <a:pt x="213741" y="80391"/>
                    </a:cubicBezTo>
                    <a:lnTo>
                      <a:pt x="213741" y="22384"/>
                    </a:lnTo>
                    <a:cubicBezTo>
                      <a:pt x="213693" y="19948"/>
                      <a:pt x="211703" y="18001"/>
                      <a:pt x="209264" y="18002"/>
                    </a:cubicBezTo>
                    <a:lnTo>
                      <a:pt x="156210" y="18002"/>
                    </a:lnTo>
                    <a:cubicBezTo>
                      <a:pt x="151238" y="17490"/>
                      <a:pt x="147628" y="13045"/>
                      <a:pt x="148133" y="8074"/>
                    </a:cubicBezTo>
                    <a:cubicBezTo>
                      <a:pt x="148571" y="3810"/>
                      <a:pt x="151943" y="439"/>
                      <a:pt x="156210" y="0"/>
                    </a:cubicBezTo>
                    <a:lnTo>
                      <a:pt x="236410" y="0"/>
                    </a:lnTo>
                    <a:cubicBezTo>
                      <a:pt x="238801" y="58"/>
                      <a:pt x="241078" y="1010"/>
                      <a:pt x="242792" y="2667"/>
                    </a:cubicBezTo>
                    <a:lnTo>
                      <a:pt x="309467" y="69342"/>
                    </a:lnTo>
                    <a:cubicBezTo>
                      <a:pt x="311086" y="71075"/>
                      <a:pt x="312010" y="73350"/>
                      <a:pt x="312039" y="75724"/>
                    </a:cubicBezTo>
                    <a:lnTo>
                      <a:pt x="312039" y="319373"/>
                    </a:lnTo>
                    <a:cubicBezTo>
                      <a:pt x="311782" y="329971"/>
                      <a:pt x="303114" y="338426"/>
                      <a:pt x="292513" y="338423"/>
                    </a:cubicBezTo>
                    <a:close/>
                    <a:moveTo>
                      <a:pt x="236315" y="23527"/>
                    </a:moveTo>
                    <a:cubicBezTo>
                      <a:pt x="235782" y="23386"/>
                      <a:pt x="235229" y="23386"/>
                      <a:pt x="234696" y="23527"/>
                    </a:cubicBezTo>
                    <a:cubicBezTo>
                      <a:pt x="233020" y="24135"/>
                      <a:pt x="231905" y="25741"/>
                      <a:pt x="231934" y="27527"/>
                    </a:cubicBezTo>
                    <a:lnTo>
                      <a:pt x="231934" y="75152"/>
                    </a:lnTo>
                    <a:cubicBezTo>
                      <a:pt x="231981" y="77551"/>
                      <a:pt x="233915" y="79483"/>
                      <a:pt x="236315" y="79534"/>
                    </a:cubicBezTo>
                    <a:lnTo>
                      <a:pt x="283940" y="79534"/>
                    </a:lnTo>
                    <a:cubicBezTo>
                      <a:pt x="286360" y="79531"/>
                      <a:pt x="288322" y="77568"/>
                      <a:pt x="288322" y="75147"/>
                    </a:cubicBezTo>
                    <a:cubicBezTo>
                      <a:pt x="288312" y="73965"/>
                      <a:pt x="287836" y="72833"/>
                      <a:pt x="286988" y="72009"/>
                    </a:cubicBezTo>
                    <a:lnTo>
                      <a:pt x="239363" y="24384"/>
                    </a:lnTo>
                    <a:cubicBezTo>
                      <a:pt x="238487" y="23736"/>
                      <a:pt x="237401" y="23431"/>
                      <a:pt x="236315" y="23527"/>
                    </a:cubicBezTo>
                    <a:close/>
                  </a:path>
                </a:pathLst>
              </a:custGeom>
              <a:solidFill>
                <a:srgbClr val="265998"/>
              </a:solidFill>
              <a:ln w="9525" cap="flat">
                <a:noFill/>
                <a:prstDash val="solid"/>
                <a:miter/>
              </a:ln>
            </p:spPr>
            <p:txBody>
              <a:bodyPr rtlCol="0" anchor="ctr"/>
              <a:lstStyle/>
              <a:p>
                <a:endParaRPr lang="en-AU" sz="153"/>
              </a:p>
            </p:txBody>
          </p:sp>
          <p:sp>
            <p:nvSpPr>
              <p:cNvPr id="120" name="Graphic 256">
                <a:extLst>
                  <a:ext uri="{FF2B5EF4-FFF2-40B4-BE49-F238E27FC236}">
                    <a16:creationId xmlns:a16="http://schemas.microsoft.com/office/drawing/2014/main" id="{700689DA-E465-FC8F-5C41-79C1D13755D3}"/>
                  </a:ext>
                </a:extLst>
              </p:cNvPr>
              <p:cNvSpPr/>
              <p:nvPr/>
            </p:nvSpPr>
            <p:spPr>
              <a:xfrm>
                <a:off x="2223370" y="1450498"/>
                <a:ext cx="325329" cy="338566"/>
              </a:xfrm>
              <a:custGeom>
                <a:avLst/>
                <a:gdLst>
                  <a:gd name="connsiteX0" fmla="*/ 263131 w 325329"/>
                  <a:gd name="connsiteY0" fmla="*/ 338518 h 338566"/>
                  <a:gd name="connsiteX1" fmla="*/ 253205 w 325329"/>
                  <a:gd name="connsiteY1" fmla="*/ 330444 h 338566"/>
                  <a:gd name="connsiteX2" fmla="*/ 261273 w 325329"/>
                  <a:gd name="connsiteY2" fmla="*/ 320516 h 338566"/>
                  <a:gd name="connsiteX3" fmla="*/ 263131 w 325329"/>
                  <a:gd name="connsiteY3" fmla="*/ 320516 h 338566"/>
                  <a:gd name="connsiteX4" fmla="*/ 303231 w 325329"/>
                  <a:gd name="connsiteY4" fmla="*/ 320516 h 338566"/>
                  <a:gd name="connsiteX5" fmla="*/ 307612 w 325329"/>
                  <a:gd name="connsiteY5" fmla="*/ 316135 h 338566"/>
                  <a:gd name="connsiteX6" fmla="*/ 307612 w 325329"/>
                  <a:gd name="connsiteY6" fmla="*/ 102203 h 338566"/>
                  <a:gd name="connsiteX7" fmla="*/ 303231 w 325329"/>
                  <a:gd name="connsiteY7" fmla="*/ 97822 h 338566"/>
                  <a:gd name="connsiteX8" fmla="*/ 245223 w 325329"/>
                  <a:gd name="connsiteY8" fmla="*/ 97822 h 338566"/>
                  <a:gd name="connsiteX9" fmla="*/ 227412 w 325329"/>
                  <a:gd name="connsiteY9" fmla="*/ 80010 h 338566"/>
                  <a:gd name="connsiteX10" fmla="*/ 227412 w 325329"/>
                  <a:gd name="connsiteY10" fmla="*/ 22003 h 338566"/>
                  <a:gd name="connsiteX11" fmla="*/ 223030 w 325329"/>
                  <a:gd name="connsiteY11" fmla="*/ 17621 h 338566"/>
                  <a:gd name="connsiteX12" fmla="*/ 22434 w 325329"/>
                  <a:gd name="connsiteY12" fmla="*/ 17621 h 338566"/>
                  <a:gd name="connsiteX13" fmla="*/ 18052 w 325329"/>
                  <a:gd name="connsiteY13" fmla="*/ 21810 h 338566"/>
                  <a:gd name="connsiteX14" fmla="*/ 18052 w 325329"/>
                  <a:gd name="connsiteY14" fmla="*/ 22003 h 338566"/>
                  <a:gd name="connsiteX15" fmla="*/ 18052 w 325329"/>
                  <a:gd name="connsiteY15" fmla="*/ 48673 h 338566"/>
                  <a:gd name="connsiteX16" fmla="*/ 9975 w 325329"/>
                  <a:gd name="connsiteY16" fmla="*/ 58601 h 338566"/>
                  <a:gd name="connsiteX17" fmla="*/ 50 w 325329"/>
                  <a:gd name="connsiteY17" fmla="*/ 50527 h 338566"/>
                  <a:gd name="connsiteX18" fmla="*/ 50 w 325329"/>
                  <a:gd name="connsiteY18" fmla="*/ 48673 h 338566"/>
                  <a:gd name="connsiteX19" fmla="*/ 50 w 325329"/>
                  <a:gd name="connsiteY19" fmla="*/ 19526 h 338566"/>
                  <a:gd name="connsiteX20" fmla="*/ 19576 w 325329"/>
                  <a:gd name="connsiteY20" fmla="*/ 0 h 338566"/>
                  <a:gd name="connsiteX21" fmla="*/ 19672 w 325329"/>
                  <a:gd name="connsiteY21" fmla="*/ 0 h 338566"/>
                  <a:gd name="connsiteX22" fmla="*/ 249700 w 325329"/>
                  <a:gd name="connsiteY22" fmla="*/ 0 h 338566"/>
                  <a:gd name="connsiteX23" fmla="*/ 256082 w 325329"/>
                  <a:gd name="connsiteY23" fmla="*/ 2667 h 338566"/>
                  <a:gd name="connsiteX24" fmla="*/ 322757 w 325329"/>
                  <a:gd name="connsiteY24" fmla="*/ 69342 h 338566"/>
                  <a:gd name="connsiteX25" fmla="*/ 325329 w 325329"/>
                  <a:gd name="connsiteY25" fmla="*/ 75628 h 338566"/>
                  <a:gd name="connsiteX26" fmla="*/ 325329 w 325329"/>
                  <a:gd name="connsiteY26" fmla="*/ 318897 h 338566"/>
                  <a:gd name="connsiteX27" fmla="*/ 306279 w 325329"/>
                  <a:gd name="connsiteY27" fmla="*/ 338518 h 338566"/>
                  <a:gd name="connsiteX28" fmla="*/ 249700 w 325329"/>
                  <a:gd name="connsiteY28" fmla="*/ 23146 h 338566"/>
                  <a:gd name="connsiteX29" fmla="*/ 248081 w 325329"/>
                  <a:gd name="connsiteY29" fmla="*/ 23146 h 338566"/>
                  <a:gd name="connsiteX30" fmla="*/ 245319 w 325329"/>
                  <a:gd name="connsiteY30" fmla="*/ 27242 h 338566"/>
                  <a:gd name="connsiteX31" fmla="*/ 245319 w 325329"/>
                  <a:gd name="connsiteY31" fmla="*/ 74867 h 338566"/>
                  <a:gd name="connsiteX32" fmla="*/ 249700 w 325329"/>
                  <a:gd name="connsiteY32" fmla="*/ 79248 h 338566"/>
                  <a:gd name="connsiteX33" fmla="*/ 297325 w 325329"/>
                  <a:gd name="connsiteY33" fmla="*/ 79248 h 338566"/>
                  <a:gd name="connsiteX34" fmla="*/ 301326 w 325329"/>
                  <a:gd name="connsiteY34" fmla="*/ 76581 h 338566"/>
                  <a:gd name="connsiteX35" fmla="*/ 300373 w 325329"/>
                  <a:gd name="connsiteY35" fmla="*/ 71819 h 338566"/>
                  <a:gd name="connsiteX36" fmla="*/ 252748 w 325329"/>
                  <a:gd name="connsiteY36" fmla="*/ 24194 h 338566"/>
                  <a:gd name="connsiteX37" fmla="*/ 249700 w 325329"/>
                  <a:gd name="connsiteY37" fmla="*/ 23146 h 338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325329" h="338566">
                    <a:moveTo>
                      <a:pt x="263131" y="338518"/>
                    </a:moveTo>
                    <a:cubicBezTo>
                      <a:pt x="258158" y="339031"/>
                      <a:pt x="253710" y="335415"/>
                      <a:pt x="253205" y="330444"/>
                    </a:cubicBezTo>
                    <a:cubicBezTo>
                      <a:pt x="252691" y="325473"/>
                      <a:pt x="256301" y="321029"/>
                      <a:pt x="261273" y="320516"/>
                    </a:cubicBezTo>
                    <a:cubicBezTo>
                      <a:pt x="261892" y="320452"/>
                      <a:pt x="262511" y="320452"/>
                      <a:pt x="263131" y="320516"/>
                    </a:cubicBezTo>
                    <a:lnTo>
                      <a:pt x="303231" y="320516"/>
                    </a:lnTo>
                    <a:cubicBezTo>
                      <a:pt x="305650" y="320516"/>
                      <a:pt x="307612" y="318555"/>
                      <a:pt x="307612" y="316135"/>
                    </a:cubicBezTo>
                    <a:lnTo>
                      <a:pt x="307612" y="102203"/>
                    </a:lnTo>
                    <a:cubicBezTo>
                      <a:pt x="307565" y="99805"/>
                      <a:pt x="305631" y="97872"/>
                      <a:pt x="303231" y="97822"/>
                    </a:cubicBezTo>
                    <a:lnTo>
                      <a:pt x="245223" y="97822"/>
                    </a:lnTo>
                    <a:cubicBezTo>
                      <a:pt x="235384" y="97822"/>
                      <a:pt x="227412" y="89847"/>
                      <a:pt x="227412" y="80010"/>
                    </a:cubicBezTo>
                    <a:lnTo>
                      <a:pt x="227412" y="22003"/>
                    </a:lnTo>
                    <a:cubicBezTo>
                      <a:pt x="227412" y="19582"/>
                      <a:pt x="225450" y="17621"/>
                      <a:pt x="223030" y="17621"/>
                    </a:cubicBezTo>
                    <a:lnTo>
                      <a:pt x="22434" y="17621"/>
                    </a:lnTo>
                    <a:cubicBezTo>
                      <a:pt x="20072" y="17568"/>
                      <a:pt x="18109" y="19443"/>
                      <a:pt x="18052" y="21810"/>
                    </a:cubicBezTo>
                    <a:cubicBezTo>
                      <a:pt x="18052" y="21874"/>
                      <a:pt x="18052" y="21939"/>
                      <a:pt x="18052" y="22003"/>
                    </a:cubicBezTo>
                    <a:lnTo>
                      <a:pt x="18052" y="48673"/>
                    </a:lnTo>
                    <a:cubicBezTo>
                      <a:pt x="18567" y="53644"/>
                      <a:pt x="14947" y="58089"/>
                      <a:pt x="9975" y="58601"/>
                    </a:cubicBezTo>
                    <a:cubicBezTo>
                      <a:pt x="5003" y="59113"/>
                      <a:pt x="564" y="55498"/>
                      <a:pt x="50" y="50527"/>
                    </a:cubicBezTo>
                    <a:cubicBezTo>
                      <a:pt x="-17" y="49911"/>
                      <a:pt x="-17" y="49289"/>
                      <a:pt x="50" y="48673"/>
                    </a:cubicBezTo>
                    <a:lnTo>
                      <a:pt x="50" y="19526"/>
                    </a:lnTo>
                    <a:cubicBezTo>
                      <a:pt x="50" y="8742"/>
                      <a:pt x="8794" y="0"/>
                      <a:pt x="19576" y="0"/>
                    </a:cubicBezTo>
                    <a:cubicBezTo>
                      <a:pt x="19605" y="0"/>
                      <a:pt x="19643" y="0"/>
                      <a:pt x="19672" y="0"/>
                    </a:cubicBezTo>
                    <a:lnTo>
                      <a:pt x="249700" y="0"/>
                    </a:lnTo>
                    <a:cubicBezTo>
                      <a:pt x="252091" y="58"/>
                      <a:pt x="254368" y="1010"/>
                      <a:pt x="256082" y="2667"/>
                    </a:cubicBezTo>
                    <a:lnTo>
                      <a:pt x="322757" y="69342"/>
                    </a:lnTo>
                    <a:cubicBezTo>
                      <a:pt x="324405" y="71018"/>
                      <a:pt x="325329" y="73277"/>
                      <a:pt x="325329" y="75628"/>
                    </a:cubicBezTo>
                    <a:lnTo>
                      <a:pt x="325329" y="318897"/>
                    </a:lnTo>
                    <a:cubicBezTo>
                      <a:pt x="325386" y="329535"/>
                      <a:pt x="316918" y="338259"/>
                      <a:pt x="306279" y="338518"/>
                    </a:cubicBezTo>
                    <a:close/>
                    <a:moveTo>
                      <a:pt x="249700" y="23146"/>
                    </a:moveTo>
                    <a:cubicBezTo>
                      <a:pt x="249167" y="23048"/>
                      <a:pt x="248614" y="23048"/>
                      <a:pt x="248081" y="23146"/>
                    </a:cubicBezTo>
                    <a:cubicBezTo>
                      <a:pt x="246405" y="23813"/>
                      <a:pt x="245309" y="25437"/>
                      <a:pt x="245319" y="27242"/>
                    </a:cubicBezTo>
                    <a:lnTo>
                      <a:pt x="245319" y="74867"/>
                    </a:lnTo>
                    <a:cubicBezTo>
                      <a:pt x="245319" y="77287"/>
                      <a:pt x="247281" y="79248"/>
                      <a:pt x="249700" y="79248"/>
                    </a:cubicBezTo>
                    <a:lnTo>
                      <a:pt x="297325" y="79248"/>
                    </a:lnTo>
                    <a:cubicBezTo>
                      <a:pt x="299068" y="79236"/>
                      <a:pt x="300640" y="78188"/>
                      <a:pt x="301326" y="76581"/>
                    </a:cubicBezTo>
                    <a:cubicBezTo>
                      <a:pt x="302002" y="74947"/>
                      <a:pt x="301621" y="73069"/>
                      <a:pt x="300373" y="71819"/>
                    </a:cubicBezTo>
                    <a:lnTo>
                      <a:pt x="252748" y="24194"/>
                    </a:lnTo>
                    <a:cubicBezTo>
                      <a:pt x="251901" y="23470"/>
                      <a:pt x="250815" y="23095"/>
                      <a:pt x="249700" y="23146"/>
                    </a:cubicBezTo>
                    <a:close/>
                  </a:path>
                </a:pathLst>
              </a:custGeom>
              <a:solidFill>
                <a:srgbClr val="265998"/>
              </a:solidFill>
              <a:ln w="9525" cap="flat">
                <a:noFill/>
                <a:prstDash val="solid"/>
                <a:miter/>
              </a:ln>
            </p:spPr>
            <p:txBody>
              <a:bodyPr rtlCol="0" anchor="ctr"/>
              <a:lstStyle/>
              <a:p>
                <a:endParaRPr lang="en-AU" sz="153"/>
              </a:p>
            </p:txBody>
          </p:sp>
          <p:sp>
            <p:nvSpPr>
              <p:cNvPr id="121" name="Graphic 256">
                <a:extLst>
                  <a:ext uri="{FF2B5EF4-FFF2-40B4-BE49-F238E27FC236}">
                    <a16:creationId xmlns:a16="http://schemas.microsoft.com/office/drawing/2014/main" id="{DE0A1108-FA3B-3330-7100-4717FCCFD7BF}"/>
                  </a:ext>
                </a:extLst>
              </p:cNvPr>
              <p:cNvSpPr/>
              <p:nvPr/>
            </p:nvSpPr>
            <p:spPr>
              <a:xfrm>
                <a:off x="2251015" y="1677335"/>
                <a:ext cx="98298" cy="18098"/>
              </a:xfrm>
              <a:custGeom>
                <a:avLst/>
                <a:gdLst>
                  <a:gd name="connsiteX0" fmla="*/ 8124 w 98298"/>
                  <a:gd name="connsiteY0" fmla="*/ 18051 h 18098"/>
                  <a:gd name="connsiteX1" fmla="*/ 47 w 98298"/>
                  <a:gd name="connsiteY1" fmla="*/ 8123 h 18098"/>
                  <a:gd name="connsiteX2" fmla="*/ 8124 w 98298"/>
                  <a:gd name="connsiteY2" fmla="*/ 48 h 18098"/>
                  <a:gd name="connsiteX3" fmla="*/ 88325 w 98298"/>
                  <a:gd name="connsiteY3" fmla="*/ 48 h 18098"/>
                  <a:gd name="connsiteX4" fmla="*/ 98250 w 98298"/>
                  <a:gd name="connsiteY4" fmla="*/ 8123 h 18098"/>
                  <a:gd name="connsiteX5" fmla="*/ 90182 w 98298"/>
                  <a:gd name="connsiteY5" fmla="*/ 18051 h 18098"/>
                  <a:gd name="connsiteX6" fmla="*/ 88325 w 98298"/>
                  <a:gd name="connsiteY6" fmla="*/ 18051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298" h="18098">
                    <a:moveTo>
                      <a:pt x="8124" y="18051"/>
                    </a:moveTo>
                    <a:cubicBezTo>
                      <a:pt x="3152" y="17538"/>
                      <a:pt x="-458" y="13094"/>
                      <a:pt x="47" y="8123"/>
                    </a:cubicBezTo>
                    <a:cubicBezTo>
                      <a:pt x="485" y="3858"/>
                      <a:pt x="3857" y="488"/>
                      <a:pt x="8124" y="48"/>
                    </a:cubicBezTo>
                    <a:lnTo>
                      <a:pt x="88325" y="48"/>
                    </a:lnTo>
                    <a:cubicBezTo>
                      <a:pt x="93297" y="-464"/>
                      <a:pt x="97745" y="3151"/>
                      <a:pt x="98250" y="8123"/>
                    </a:cubicBezTo>
                    <a:cubicBezTo>
                      <a:pt x="98764" y="13094"/>
                      <a:pt x="95154" y="17538"/>
                      <a:pt x="90182" y="18051"/>
                    </a:cubicBezTo>
                    <a:cubicBezTo>
                      <a:pt x="89563" y="18115"/>
                      <a:pt x="88944" y="18115"/>
                      <a:pt x="88325" y="18051"/>
                    </a:cubicBezTo>
                    <a:close/>
                  </a:path>
                </a:pathLst>
              </a:custGeom>
              <a:solidFill>
                <a:srgbClr val="265998"/>
              </a:solidFill>
              <a:ln w="9525" cap="flat">
                <a:noFill/>
                <a:prstDash val="solid"/>
                <a:miter/>
              </a:ln>
            </p:spPr>
            <p:txBody>
              <a:bodyPr rtlCol="0" anchor="ctr"/>
              <a:lstStyle/>
              <a:p>
                <a:endParaRPr lang="en-AU" sz="153"/>
              </a:p>
            </p:txBody>
          </p:sp>
          <p:sp>
            <p:nvSpPr>
              <p:cNvPr id="122" name="Graphic 256">
                <a:extLst>
                  <a:ext uri="{FF2B5EF4-FFF2-40B4-BE49-F238E27FC236}">
                    <a16:creationId xmlns:a16="http://schemas.microsoft.com/office/drawing/2014/main" id="{4AED3569-A4C2-1C38-327E-1BA23A8E8987}"/>
                  </a:ext>
                </a:extLst>
              </p:cNvPr>
              <p:cNvSpPr/>
              <p:nvPr/>
            </p:nvSpPr>
            <p:spPr>
              <a:xfrm>
                <a:off x="2195730" y="1730866"/>
                <a:ext cx="180348" cy="18099"/>
              </a:xfrm>
              <a:custGeom>
                <a:avLst/>
                <a:gdLst>
                  <a:gd name="connsiteX0" fmla="*/ 9974 w 180348"/>
                  <a:gd name="connsiteY0" fmla="*/ 18051 h 18099"/>
                  <a:gd name="connsiteX1" fmla="*/ 49 w 180348"/>
                  <a:gd name="connsiteY1" fmla="*/ 9976 h 18099"/>
                  <a:gd name="connsiteX2" fmla="*/ 8116 w 180348"/>
                  <a:gd name="connsiteY2" fmla="*/ 48 h 18099"/>
                  <a:gd name="connsiteX3" fmla="*/ 9974 w 180348"/>
                  <a:gd name="connsiteY3" fmla="*/ 48 h 18099"/>
                  <a:gd name="connsiteX4" fmla="*/ 170375 w 180348"/>
                  <a:gd name="connsiteY4" fmla="*/ 48 h 18099"/>
                  <a:gd name="connsiteX5" fmla="*/ 180300 w 180348"/>
                  <a:gd name="connsiteY5" fmla="*/ 8123 h 18099"/>
                  <a:gd name="connsiteX6" fmla="*/ 172232 w 180348"/>
                  <a:gd name="connsiteY6" fmla="*/ 18051 h 18099"/>
                  <a:gd name="connsiteX7" fmla="*/ 170375 w 180348"/>
                  <a:gd name="connsiteY7" fmla="*/ 18051 h 18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348" h="18099">
                    <a:moveTo>
                      <a:pt x="9974" y="18051"/>
                    </a:moveTo>
                    <a:cubicBezTo>
                      <a:pt x="5002" y="18563"/>
                      <a:pt x="554" y="14947"/>
                      <a:pt x="49" y="9976"/>
                    </a:cubicBezTo>
                    <a:cubicBezTo>
                      <a:pt x="-466" y="5005"/>
                      <a:pt x="3144" y="561"/>
                      <a:pt x="8116" y="48"/>
                    </a:cubicBezTo>
                    <a:cubicBezTo>
                      <a:pt x="8736" y="-15"/>
                      <a:pt x="9355" y="-15"/>
                      <a:pt x="9974" y="48"/>
                    </a:cubicBezTo>
                    <a:lnTo>
                      <a:pt x="170375" y="48"/>
                    </a:lnTo>
                    <a:cubicBezTo>
                      <a:pt x="175347" y="-464"/>
                      <a:pt x="179795" y="3152"/>
                      <a:pt x="180300" y="8123"/>
                    </a:cubicBezTo>
                    <a:cubicBezTo>
                      <a:pt x="180814" y="13094"/>
                      <a:pt x="177204" y="17538"/>
                      <a:pt x="172232" y="18051"/>
                    </a:cubicBezTo>
                    <a:cubicBezTo>
                      <a:pt x="171613" y="18114"/>
                      <a:pt x="170994" y="18114"/>
                      <a:pt x="170375" y="18051"/>
                    </a:cubicBezTo>
                    <a:close/>
                  </a:path>
                </a:pathLst>
              </a:custGeom>
              <a:solidFill>
                <a:srgbClr val="265998"/>
              </a:solidFill>
              <a:ln w="9525" cap="flat">
                <a:noFill/>
                <a:prstDash val="solid"/>
                <a:miter/>
              </a:ln>
            </p:spPr>
            <p:txBody>
              <a:bodyPr rtlCol="0" anchor="ctr"/>
              <a:lstStyle/>
              <a:p>
                <a:endParaRPr lang="en-AU" sz="153"/>
              </a:p>
            </p:txBody>
          </p:sp>
          <p:sp>
            <p:nvSpPr>
              <p:cNvPr id="123" name="Graphic 256">
                <a:extLst>
                  <a:ext uri="{FF2B5EF4-FFF2-40B4-BE49-F238E27FC236}">
                    <a16:creationId xmlns:a16="http://schemas.microsoft.com/office/drawing/2014/main" id="{39E06CD8-2AE6-E097-7F4B-B2C036610325}"/>
                  </a:ext>
                </a:extLst>
              </p:cNvPr>
              <p:cNvSpPr/>
              <p:nvPr/>
            </p:nvSpPr>
            <p:spPr>
              <a:xfrm>
                <a:off x="2196750" y="1784445"/>
                <a:ext cx="178308" cy="17906"/>
              </a:xfrm>
              <a:custGeom>
                <a:avLst/>
                <a:gdLst>
                  <a:gd name="connsiteX0" fmla="*/ 8954 w 178308"/>
                  <a:gd name="connsiteY0" fmla="*/ 17907 h 17906"/>
                  <a:gd name="connsiteX1" fmla="*/ 0 w 178308"/>
                  <a:gd name="connsiteY1" fmla="*/ 8953 h 17906"/>
                  <a:gd name="connsiteX2" fmla="*/ 8954 w 178308"/>
                  <a:gd name="connsiteY2" fmla="*/ 0 h 17906"/>
                  <a:gd name="connsiteX3" fmla="*/ 169354 w 178308"/>
                  <a:gd name="connsiteY3" fmla="*/ 0 h 17906"/>
                  <a:gd name="connsiteX4" fmla="*/ 178308 w 178308"/>
                  <a:gd name="connsiteY4" fmla="*/ 8953 h 17906"/>
                  <a:gd name="connsiteX5" fmla="*/ 169354 w 178308"/>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8308" h="17906">
                    <a:moveTo>
                      <a:pt x="8954" y="17907"/>
                    </a:moveTo>
                    <a:cubicBezTo>
                      <a:pt x="4010" y="17907"/>
                      <a:pt x="0" y="13898"/>
                      <a:pt x="0" y="8953"/>
                    </a:cubicBezTo>
                    <a:cubicBezTo>
                      <a:pt x="0" y="4008"/>
                      <a:pt x="4010" y="0"/>
                      <a:pt x="8954" y="0"/>
                    </a:cubicBezTo>
                    <a:lnTo>
                      <a:pt x="169354" y="0"/>
                    </a:lnTo>
                    <a:cubicBezTo>
                      <a:pt x="174298" y="0"/>
                      <a:pt x="178308" y="4009"/>
                      <a:pt x="178308" y="8953"/>
                    </a:cubicBezTo>
                    <a:cubicBezTo>
                      <a:pt x="178308" y="13899"/>
                      <a:pt x="174298" y="17907"/>
                      <a:pt x="169354" y="17907"/>
                    </a:cubicBezTo>
                    <a:close/>
                  </a:path>
                </a:pathLst>
              </a:custGeom>
              <a:solidFill>
                <a:srgbClr val="265998"/>
              </a:solidFill>
              <a:ln w="9525" cap="flat">
                <a:noFill/>
                <a:prstDash val="solid"/>
                <a:miter/>
              </a:ln>
            </p:spPr>
            <p:txBody>
              <a:bodyPr rtlCol="0" anchor="ctr"/>
              <a:lstStyle/>
              <a:p>
                <a:endParaRPr lang="en-AU" sz="153"/>
              </a:p>
            </p:txBody>
          </p:sp>
        </p:grpSp>
      </p:grpSp>
      <p:sp>
        <p:nvSpPr>
          <p:cNvPr id="2" name="Slide Number Placeholder 1">
            <a:extLst>
              <a:ext uri="{FF2B5EF4-FFF2-40B4-BE49-F238E27FC236}">
                <a16:creationId xmlns:a16="http://schemas.microsoft.com/office/drawing/2014/main" id="{36C99426-AFD9-CD76-E2D0-FDA4BF8CB3F9}"/>
              </a:ext>
            </a:extLst>
          </p:cNvPr>
          <p:cNvSpPr>
            <a:spLocks noGrp="1"/>
          </p:cNvSpPr>
          <p:nvPr>
            <p:ph type="sldNum" sz="quarter" idx="4"/>
          </p:nvPr>
        </p:nvSpPr>
        <p:spPr/>
        <p:txBody>
          <a:bodyPr/>
          <a:lstStyle/>
          <a:p>
            <a:fld id="{3FE8A0A5-0893-3B4E-9EB9-FE67329D76D6}" type="slidenum">
              <a:rPr lang="en-US" smtClean="0"/>
              <a:pPr/>
              <a:t>26</a:t>
            </a:fld>
            <a:endParaRPr lang="en-US"/>
          </a:p>
        </p:txBody>
      </p:sp>
    </p:spTree>
    <p:custDataLst>
      <p:custData r:id="rId1"/>
      <p:custData r:id="rId2"/>
    </p:custDataLst>
    <p:extLst>
      <p:ext uri="{BB962C8B-B14F-4D97-AF65-F5344CB8AC3E}">
        <p14:creationId xmlns:p14="http://schemas.microsoft.com/office/powerpoint/2010/main" val="3313548532"/>
      </p:ext>
    </p:extLst>
  </p:cSld>
  <p:clrMapOvr>
    <a:masterClrMapping/>
  </p:clrMapOvr>
  <p:extLst>
    <p:ext uri="{6950BFC3-D8DA-4A85-94F7-54DA5524770B}">
      <p188:commentRel xmlns:p188="http://schemas.microsoft.com/office/powerpoint/2018/8/main" r:id="rId4"/>
    </p:ext>
  </p:extLs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64B2ED-38AE-F3E0-5EC7-C810880C0315}"/>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B840A4BF-24C8-9955-A117-2D0F3703DBA7}"/>
              </a:ext>
            </a:extLst>
          </p:cNvPr>
          <p:cNvSpPr>
            <a:spLocks noGrp="1"/>
          </p:cNvSpPr>
          <p:nvPr>
            <p:ph type="ctrTitle"/>
          </p:nvPr>
        </p:nvSpPr>
        <p:spPr>
          <a:xfrm>
            <a:off x="569995" y="507634"/>
            <a:ext cx="10700979" cy="515848"/>
          </a:xfrm>
        </p:spPr>
        <p:txBody>
          <a:bodyPr/>
          <a:lstStyle/>
          <a:p>
            <a:r>
              <a:rPr lang="en-US">
                <a:solidFill>
                  <a:schemeClr val="tx1">
                    <a:lumMod val="65000"/>
                    <a:lumOff val="35000"/>
                  </a:schemeClr>
                </a:solidFill>
              </a:rPr>
              <a:t>There was inadequate inclusion of people with lived and living experience</a:t>
            </a:r>
          </a:p>
        </p:txBody>
      </p:sp>
      <p:sp>
        <p:nvSpPr>
          <p:cNvPr id="2" name="Slide Number Placeholder 1">
            <a:extLst>
              <a:ext uri="{FF2B5EF4-FFF2-40B4-BE49-F238E27FC236}">
                <a16:creationId xmlns:a16="http://schemas.microsoft.com/office/drawing/2014/main" id="{D7469F30-45DB-22AB-E74B-4E91B70A715B}"/>
              </a:ext>
            </a:extLst>
          </p:cNvPr>
          <p:cNvSpPr>
            <a:spLocks noGrp="1"/>
          </p:cNvSpPr>
          <p:nvPr>
            <p:ph type="sldNum" sz="quarter" idx="4"/>
          </p:nvPr>
        </p:nvSpPr>
        <p:spPr/>
        <p:txBody>
          <a:bodyPr/>
          <a:lstStyle/>
          <a:p>
            <a:fld id="{3FE8A0A5-0893-3B4E-9EB9-FE67329D76D6}" type="slidenum">
              <a:rPr lang="en-US" smtClean="0"/>
              <a:pPr/>
              <a:t>27</a:t>
            </a:fld>
            <a:endParaRPr lang="en-US"/>
          </a:p>
        </p:txBody>
      </p:sp>
      <p:grpSp>
        <p:nvGrpSpPr>
          <p:cNvPr id="99" name="Group 98">
            <a:extLst>
              <a:ext uri="{FF2B5EF4-FFF2-40B4-BE49-F238E27FC236}">
                <a16:creationId xmlns:a16="http://schemas.microsoft.com/office/drawing/2014/main" id="{786670E1-79AF-2835-FF11-F21234CE2502}"/>
              </a:ext>
            </a:extLst>
          </p:cNvPr>
          <p:cNvGrpSpPr/>
          <p:nvPr/>
        </p:nvGrpSpPr>
        <p:grpSpPr>
          <a:xfrm>
            <a:off x="850477" y="2109092"/>
            <a:ext cx="10371528" cy="3000874"/>
            <a:chOff x="654739" y="3349492"/>
            <a:chExt cx="10371528" cy="3000874"/>
          </a:xfrm>
        </p:grpSpPr>
        <p:sp>
          <p:nvSpPr>
            <p:cNvPr id="98" name="Rectangle 97">
              <a:extLst>
                <a:ext uri="{FF2B5EF4-FFF2-40B4-BE49-F238E27FC236}">
                  <a16:creationId xmlns:a16="http://schemas.microsoft.com/office/drawing/2014/main" id="{977D035B-091A-C465-DDE0-C6C2FFB97C10}"/>
                </a:ext>
              </a:extLst>
            </p:cNvPr>
            <p:cNvSpPr/>
            <p:nvPr/>
          </p:nvSpPr>
          <p:spPr>
            <a:xfrm>
              <a:off x="9387364" y="3349492"/>
              <a:ext cx="1612038" cy="1422000"/>
            </a:xfrm>
            <a:prstGeom prst="rect">
              <a:avLst/>
            </a:prstGeom>
            <a:solidFill>
              <a:schemeClr val="bg1">
                <a:lumMod val="8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38" name="Rectangle 37">
              <a:extLst>
                <a:ext uri="{FF2B5EF4-FFF2-40B4-BE49-F238E27FC236}">
                  <a16:creationId xmlns:a16="http://schemas.microsoft.com/office/drawing/2014/main" id="{148651C3-78F7-DC65-20C7-3DD6F7BA3E78}"/>
                </a:ext>
              </a:extLst>
            </p:cNvPr>
            <p:cNvSpPr/>
            <p:nvPr/>
          </p:nvSpPr>
          <p:spPr>
            <a:xfrm>
              <a:off x="654739" y="4928366"/>
              <a:ext cx="8608019" cy="1422000"/>
            </a:xfrm>
            <a:prstGeom prst="rect">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There was insufficient representation of with people with lived and living experience of mental ill health and suicide in governance</a:t>
              </a:r>
            </a:p>
            <a:p>
              <a:pPr marL="285750" indent="-285750">
                <a:spcAft>
                  <a:spcPts val="600"/>
                </a:spcAft>
                <a:buFont typeface="Arial" panose="020B0604020202020204" pitchFamily="34" charset="0"/>
                <a:buChar char="•"/>
              </a:pPr>
              <a:r>
                <a:rPr lang="en-AU" sz="1600" spc="-10">
                  <a:solidFill>
                    <a:schemeClr val="tx1"/>
                  </a:solidFill>
                  <a:latin typeface="+mj-lt"/>
                  <a:ea typeface="Arial" panose="020B0604020202020204" pitchFamily="34" charset="0"/>
                  <a:cs typeface="Times New Roman" panose="02020603050405020304" pitchFamily="18" charset="0"/>
                </a:rPr>
                <a:t>Limited representation of supporters, family, carers and kin</a:t>
              </a:r>
              <a:endParaRPr lang="en-AU" sz="1600" spc="-10">
                <a:solidFill>
                  <a:schemeClr val="tx1"/>
                </a:solidFill>
                <a:effectLst/>
                <a:latin typeface="+mj-lt"/>
                <a:ea typeface="Arial" panose="020B0604020202020204" pitchFamily="34" charset="0"/>
                <a:cs typeface="Times New Roman" panose="02020603050405020304" pitchFamily="18" charset="0"/>
              </a:endParaRPr>
            </a:p>
            <a:p>
              <a:pPr marL="285750" indent="-285750">
                <a:spcAft>
                  <a:spcPts val="600"/>
                </a:spcAft>
                <a:buFont typeface="Arial" panose="020B0604020202020204" pitchFamily="34" charset="0"/>
                <a:buChar char="•"/>
              </a:pPr>
              <a:r>
                <a:rPr lang="en-AU" sz="1600" spc="-10">
                  <a:solidFill>
                    <a:schemeClr val="tx1"/>
                  </a:solidFill>
                  <a:latin typeface="+mj-lt"/>
                  <a:ea typeface="Arial" panose="020B0604020202020204" pitchFamily="34" charset="0"/>
                  <a:cs typeface="Times New Roman" panose="02020603050405020304" pitchFamily="18" charset="0"/>
                </a:rPr>
                <a:t>Very little</a:t>
              </a:r>
              <a:r>
                <a:rPr lang="en-AU" sz="1600" spc="-10">
                  <a:solidFill>
                    <a:schemeClr val="tx1"/>
                  </a:solidFill>
                  <a:effectLst/>
                  <a:latin typeface="+mj-lt"/>
                  <a:ea typeface="Arial" panose="020B0604020202020204" pitchFamily="34" charset="0"/>
                  <a:cs typeface="Times New Roman" panose="02020603050405020304" pitchFamily="18" charset="0"/>
                </a:rPr>
                <a:t> engagement with the mental health and suicide prevention sector</a:t>
              </a:r>
            </a:p>
            <a:p>
              <a:pPr marL="285750" indent="-285750">
                <a:spcAft>
                  <a:spcPts val="600"/>
                </a:spcAft>
                <a:buFont typeface="Arial" panose="020B0604020202020204" pitchFamily="34" charset="0"/>
                <a:buChar char="•"/>
              </a:pPr>
              <a:endParaRPr lang="en-US" sz="1600">
                <a:solidFill>
                  <a:schemeClr val="tx1"/>
                </a:solidFill>
                <a:latin typeface="+mj-lt"/>
                <a:cs typeface="Times New Roman" panose="02020603050405020304" pitchFamily="18" charset="0"/>
              </a:endParaRPr>
            </a:p>
          </p:txBody>
        </p:sp>
        <p:sp>
          <p:nvSpPr>
            <p:cNvPr id="8" name="Rectangle 7">
              <a:extLst>
                <a:ext uri="{FF2B5EF4-FFF2-40B4-BE49-F238E27FC236}">
                  <a16:creationId xmlns:a16="http://schemas.microsoft.com/office/drawing/2014/main" id="{7D55DEAA-8EE8-5456-E7EC-1D1E4189E8F9}"/>
                </a:ext>
              </a:extLst>
            </p:cNvPr>
            <p:cNvSpPr/>
            <p:nvPr/>
          </p:nvSpPr>
          <p:spPr>
            <a:xfrm>
              <a:off x="9414229" y="4919310"/>
              <a:ext cx="1612038" cy="1422000"/>
            </a:xfrm>
            <a:prstGeom prst="rect">
              <a:avLst/>
            </a:prstGeom>
            <a:solidFill>
              <a:schemeClr val="bg1">
                <a:lumMod val="8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18" name="Group 17">
              <a:extLst>
                <a:ext uri="{FF2B5EF4-FFF2-40B4-BE49-F238E27FC236}">
                  <a16:creationId xmlns:a16="http://schemas.microsoft.com/office/drawing/2014/main" id="{661170FA-D66D-0737-0C4B-9F430D423A21}"/>
                </a:ext>
              </a:extLst>
            </p:cNvPr>
            <p:cNvGrpSpPr>
              <a:grpSpLocks noChangeAspect="1"/>
            </p:cNvGrpSpPr>
            <p:nvPr/>
          </p:nvGrpSpPr>
          <p:grpSpPr>
            <a:xfrm>
              <a:off x="9786420" y="5270310"/>
              <a:ext cx="783006" cy="720000"/>
              <a:chOff x="5338073" y="3618536"/>
              <a:chExt cx="631542" cy="580732"/>
            </a:xfrm>
          </p:grpSpPr>
          <p:sp>
            <p:nvSpPr>
              <p:cNvPr id="19" name="Freeform 2">
                <a:extLst>
                  <a:ext uri="{FF2B5EF4-FFF2-40B4-BE49-F238E27FC236}">
                    <a16:creationId xmlns:a16="http://schemas.microsoft.com/office/drawing/2014/main" id="{70DC2654-E315-6316-5D83-7AF353431078}"/>
                  </a:ext>
                </a:extLst>
              </p:cNvPr>
              <p:cNvSpPr/>
              <p:nvPr/>
            </p:nvSpPr>
            <p:spPr>
              <a:xfrm>
                <a:off x="5387582" y="3826541"/>
                <a:ext cx="233288" cy="369077"/>
              </a:xfrm>
              <a:custGeom>
                <a:avLst/>
                <a:gdLst>
                  <a:gd name="connsiteX0" fmla="*/ 198129 w 233288"/>
                  <a:gd name="connsiteY0" fmla="*/ 204768 h 369077"/>
                  <a:gd name="connsiteX1" fmla="*/ 150711 w 233288"/>
                  <a:gd name="connsiteY1" fmla="*/ 171068 h 369077"/>
                  <a:gd name="connsiteX2" fmla="*/ 90465 w 233288"/>
                  <a:gd name="connsiteY2" fmla="*/ 171068 h 369077"/>
                  <a:gd name="connsiteX3" fmla="*/ 90465 w 233288"/>
                  <a:gd name="connsiteY3" fmla="*/ 100623 h 369077"/>
                  <a:gd name="connsiteX4" fmla="*/ 110515 w 233288"/>
                  <a:gd name="connsiteY4" fmla="*/ 120709 h 369077"/>
                  <a:gd name="connsiteX5" fmla="*/ 180834 w 233288"/>
                  <a:gd name="connsiteY5" fmla="*/ 120709 h 369077"/>
                  <a:gd name="connsiteX6" fmla="*/ 221030 w 233288"/>
                  <a:gd name="connsiteY6" fmla="*/ 70445 h 369077"/>
                  <a:gd name="connsiteX7" fmla="*/ 150711 w 233288"/>
                  <a:gd name="connsiteY7" fmla="*/ 70445 h 369077"/>
                  <a:gd name="connsiteX8" fmla="*/ 80392 w 233288"/>
                  <a:gd name="connsiteY8" fmla="*/ 0 h 369077"/>
                  <a:gd name="connsiteX9" fmla="*/ 40196 w 233288"/>
                  <a:gd name="connsiteY9" fmla="*/ 0 h 369077"/>
                  <a:gd name="connsiteX10" fmla="*/ 0 w 233288"/>
                  <a:gd name="connsiteY10" fmla="*/ 40268 h 369077"/>
                  <a:gd name="connsiteX11" fmla="*/ 0 w 233288"/>
                  <a:gd name="connsiteY11" fmla="*/ 191155 h 369077"/>
                  <a:gd name="connsiteX12" fmla="*/ 60246 w 233288"/>
                  <a:gd name="connsiteY12" fmla="*/ 251509 h 369077"/>
                  <a:gd name="connsiteX13" fmla="*/ 140543 w 233288"/>
                  <a:gd name="connsiteY13" fmla="*/ 251509 h 369077"/>
                  <a:gd name="connsiteX14" fmla="*/ 177603 w 233288"/>
                  <a:gd name="connsiteY14" fmla="*/ 369077 h 369077"/>
                  <a:gd name="connsiteX15" fmla="*/ 233289 w 233288"/>
                  <a:gd name="connsiteY15" fmla="*/ 369077 h 369077"/>
                  <a:gd name="connsiteX16" fmla="*/ 198034 w 233288"/>
                  <a:gd name="connsiteY16" fmla="*/ 204673 h 369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3288" h="369077">
                    <a:moveTo>
                      <a:pt x="198129" y="204768"/>
                    </a:moveTo>
                    <a:cubicBezTo>
                      <a:pt x="191097" y="184586"/>
                      <a:pt x="172092" y="171068"/>
                      <a:pt x="150711" y="171068"/>
                    </a:cubicBezTo>
                    <a:lnTo>
                      <a:pt x="90465" y="171068"/>
                    </a:lnTo>
                    <a:lnTo>
                      <a:pt x="90465" y="100623"/>
                    </a:lnTo>
                    <a:lnTo>
                      <a:pt x="110515" y="120709"/>
                    </a:lnTo>
                    <a:lnTo>
                      <a:pt x="180834" y="120709"/>
                    </a:lnTo>
                    <a:cubicBezTo>
                      <a:pt x="226732" y="120709"/>
                      <a:pt x="221030" y="70445"/>
                      <a:pt x="221030" y="70445"/>
                    </a:cubicBezTo>
                    <a:lnTo>
                      <a:pt x="150711" y="70445"/>
                    </a:lnTo>
                    <a:lnTo>
                      <a:pt x="80392" y="0"/>
                    </a:lnTo>
                    <a:lnTo>
                      <a:pt x="40196" y="0"/>
                    </a:lnTo>
                    <a:cubicBezTo>
                      <a:pt x="18055" y="0"/>
                      <a:pt x="0" y="17992"/>
                      <a:pt x="0" y="40268"/>
                    </a:cubicBezTo>
                    <a:lnTo>
                      <a:pt x="0" y="191155"/>
                    </a:lnTo>
                    <a:cubicBezTo>
                      <a:pt x="0" y="224474"/>
                      <a:pt x="26987" y="251509"/>
                      <a:pt x="60246" y="251509"/>
                    </a:cubicBezTo>
                    <a:lnTo>
                      <a:pt x="140543" y="251509"/>
                    </a:lnTo>
                    <a:lnTo>
                      <a:pt x="177603" y="369077"/>
                    </a:lnTo>
                    <a:lnTo>
                      <a:pt x="233289" y="369077"/>
                    </a:lnTo>
                    <a:lnTo>
                      <a:pt x="198034" y="204673"/>
                    </a:lnTo>
                    <a:close/>
                  </a:path>
                </a:pathLst>
              </a:custGeom>
              <a:solidFill>
                <a:schemeClr val="bg2">
                  <a:lumMod val="40000"/>
                  <a:lumOff val="60000"/>
                </a:schemeClr>
              </a:solidFill>
              <a:ln w="0" cap="flat">
                <a:noFill/>
                <a:prstDash val="solid"/>
                <a:miter/>
              </a:ln>
            </p:spPr>
            <p:txBody>
              <a:bodyPr rtlCol="0" anchor="ctr"/>
              <a:lstStyle/>
              <a:p>
                <a:endParaRPr lang="en-US"/>
              </a:p>
            </p:txBody>
          </p:sp>
          <p:sp>
            <p:nvSpPr>
              <p:cNvPr id="20" name="Freeform 3">
                <a:extLst>
                  <a:ext uri="{FF2B5EF4-FFF2-40B4-BE49-F238E27FC236}">
                    <a16:creationId xmlns:a16="http://schemas.microsoft.com/office/drawing/2014/main" id="{4B65FCD0-870F-604D-90D7-9BD87F5937A9}"/>
                  </a:ext>
                </a:extLst>
              </p:cNvPr>
              <p:cNvSpPr/>
              <p:nvPr/>
            </p:nvSpPr>
            <p:spPr>
              <a:xfrm>
                <a:off x="5678076" y="3826636"/>
                <a:ext cx="239465" cy="369267"/>
              </a:xfrm>
              <a:custGeom>
                <a:avLst/>
                <a:gdLst>
                  <a:gd name="connsiteX0" fmla="*/ 199364 w 239465"/>
                  <a:gd name="connsiteY0" fmla="*/ 0 h 369267"/>
                  <a:gd name="connsiteX1" fmla="*/ 159168 w 239465"/>
                  <a:gd name="connsiteY1" fmla="*/ 0 h 369267"/>
                  <a:gd name="connsiteX2" fmla="*/ 88849 w 239465"/>
                  <a:gd name="connsiteY2" fmla="*/ 70446 h 369267"/>
                  <a:gd name="connsiteX3" fmla="*/ 18530 w 239465"/>
                  <a:gd name="connsiteY3" fmla="*/ 70446 h 369267"/>
                  <a:gd name="connsiteX4" fmla="*/ 58726 w 239465"/>
                  <a:gd name="connsiteY4" fmla="*/ 120710 h 369267"/>
                  <a:gd name="connsiteX5" fmla="*/ 129045 w 239465"/>
                  <a:gd name="connsiteY5" fmla="*/ 120710 h 369267"/>
                  <a:gd name="connsiteX6" fmla="*/ 149096 w 239465"/>
                  <a:gd name="connsiteY6" fmla="*/ 100623 h 369267"/>
                  <a:gd name="connsiteX7" fmla="*/ 149096 w 239465"/>
                  <a:gd name="connsiteY7" fmla="*/ 171068 h 369267"/>
                  <a:gd name="connsiteX8" fmla="*/ 88849 w 239465"/>
                  <a:gd name="connsiteY8" fmla="*/ 171068 h 369267"/>
                  <a:gd name="connsiteX9" fmla="*/ 41431 w 239465"/>
                  <a:gd name="connsiteY9" fmla="*/ 204768 h 369267"/>
                  <a:gd name="connsiteX10" fmla="*/ 0 w 239465"/>
                  <a:gd name="connsiteY10" fmla="*/ 369268 h 369267"/>
                  <a:gd name="connsiteX11" fmla="*/ 55685 w 239465"/>
                  <a:gd name="connsiteY11" fmla="*/ 369268 h 369267"/>
                  <a:gd name="connsiteX12" fmla="*/ 98922 w 239465"/>
                  <a:gd name="connsiteY12" fmla="*/ 251605 h 369267"/>
                  <a:gd name="connsiteX13" fmla="*/ 179219 w 239465"/>
                  <a:gd name="connsiteY13" fmla="*/ 251605 h 369267"/>
                  <a:gd name="connsiteX14" fmla="*/ 239465 w 239465"/>
                  <a:gd name="connsiteY14" fmla="*/ 191250 h 369267"/>
                  <a:gd name="connsiteX15" fmla="*/ 239465 w 239465"/>
                  <a:gd name="connsiteY15" fmla="*/ 40364 h 369267"/>
                  <a:gd name="connsiteX16" fmla="*/ 199269 w 239465"/>
                  <a:gd name="connsiteY16" fmla="*/ 95 h 369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9465" h="369267">
                    <a:moveTo>
                      <a:pt x="199364" y="0"/>
                    </a:moveTo>
                    <a:lnTo>
                      <a:pt x="159168" y="0"/>
                    </a:lnTo>
                    <a:lnTo>
                      <a:pt x="88849" y="70446"/>
                    </a:lnTo>
                    <a:lnTo>
                      <a:pt x="18530" y="70446"/>
                    </a:lnTo>
                    <a:cubicBezTo>
                      <a:pt x="18530" y="70446"/>
                      <a:pt x="12733" y="120710"/>
                      <a:pt x="58726" y="120710"/>
                    </a:cubicBezTo>
                    <a:lnTo>
                      <a:pt x="129045" y="120710"/>
                    </a:lnTo>
                    <a:lnTo>
                      <a:pt x="149096" y="100623"/>
                    </a:lnTo>
                    <a:lnTo>
                      <a:pt x="149096" y="171068"/>
                    </a:lnTo>
                    <a:lnTo>
                      <a:pt x="88849" y="171068"/>
                    </a:lnTo>
                    <a:cubicBezTo>
                      <a:pt x="67468" y="171068"/>
                      <a:pt x="48463" y="184586"/>
                      <a:pt x="41431" y="204768"/>
                    </a:cubicBezTo>
                    <a:lnTo>
                      <a:pt x="0" y="369268"/>
                    </a:lnTo>
                    <a:lnTo>
                      <a:pt x="55685" y="369268"/>
                    </a:lnTo>
                    <a:lnTo>
                      <a:pt x="98922" y="251605"/>
                    </a:lnTo>
                    <a:lnTo>
                      <a:pt x="179219" y="251605"/>
                    </a:lnTo>
                    <a:cubicBezTo>
                      <a:pt x="212478" y="251605"/>
                      <a:pt x="239465" y="224569"/>
                      <a:pt x="239465" y="191250"/>
                    </a:cubicBezTo>
                    <a:lnTo>
                      <a:pt x="239465" y="40364"/>
                    </a:lnTo>
                    <a:cubicBezTo>
                      <a:pt x="239465" y="18183"/>
                      <a:pt x="221505" y="95"/>
                      <a:pt x="199269" y="95"/>
                    </a:cubicBezTo>
                    <a:close/>
                  </a:path>
                </a:pathLst>
              </a:custGeom>
              <a:solidFill>
                <a:schemeClr val="bg2">
                  <a:lumMod val="40000"/>
                  <a:lumOff val="60000"/>
                </a:schemeClr>
              </a:solidFill>
              <a:ln w="0" cap="flat">
                <a:noFill/>
                <a:prstDash val="solid"/>
                <a:miter/>
              </a:ln>
            </p:spPr>
            <p:txBody>
              <a:bodyPr rtlCol="0" anchor="ctr"/>
              <a:lstStyle/>
              <a:p>
                <a:endParaRPr lang="en-US"/>
              </a:p>
            </p:txBody>
          </p:sp>
          <p:sp>
            <p:nvSpPr>
              <p:cNvPr id="21" name="Freeform 4">
                <a:extLst>
                  <a:ext uri="{FF2B5EF4-FFF2-40B4-BE49-F238E27FC236}">
                    <a16:creationId xmlns:a16="http://schemas.microsoft.com/office/drawing/2014/main" id="{9B0AE413-F90D-5C57-1C40-5DEAF41ED719}"/>
                  </a:ext>
                </a:extLst>
              </p:cNvPr>
              <p:cNvSpPr/>
              <p:nvPr/>
            </p:nvSpPr>
            <p:spPr>
              <a:xfrm>
                <a:off x="5547795" y="3785797"/>
                <a:ext cx="201930" cy="152029"/>
              </a:xfrm>
              <a:custGeom>
                <a:avLst/>
                <a:gdLst>
                  <a:gd name="connsiteX0" fmla="*/ 201930 w 201930"/>
                  <a:gd name="connsiteY0" fmla="*/ 50835 h 152029"/>
                  <a:gd name="connsiteX1" fmla="*/ 201930 w 201930"/>
                  <a:gd name="connsiteY1" fmla="*/ 92150 h 152029"/>
                  <a:gd name="connsiteX2" fmla="*/ 192427 w 201930"/>
                  <a:gd name="connsiteY2" fmla="*/ 101670 h 152029"/>
                  <a:gd name="connsiteX3" fmla="*/ 180264 w 201930"/>
                  <a:gd name="connsiteY3" fmla="*/ 101670 h 152029"/>
                  <a:gd name="connsiteX4" fmla="*/ 170762 w 201930"/>
                  <a:gd name="connsiteY4" fmla="*/ 92150 h 152029"/>
                  <a:gd name="connsiteX5" fmla="*/ 170762 w 201930"/>
                  <a:gd name="connsiteY5" fmla="*/ 70445 h 152029"/>
                  <a:gd name="connsiteX6" fmla="*/ 161259 w 201930"/>
                  <a:gd name="connsiteY6" fmla="*/ 60926 h 152029"/>
                  <a:gd name="connsiteX7" fmla="*/ 161259 w 201930"/>
                  <a:gd name="connsiteY7" fmla="*/ 60926 h 152029"/>
                  <a:gd name="connsiteX8" fmla="*/ 151756 w 201930"/>
                  <a:gd name="connsiteY8" fmla="*/ 70445 h 152029"/>
                  <a:gd name="connsiteX9" fmla="*/ 151756 w 201930"/>
                  <a:gd name="connsiteY9" fmla="*/ 92150 h 152029"/>
                  <a:gd name="connsiteX10" fmla="*/ 142254 w 201930"/>
                  <a:gd name="connsiteY10" fmla="*/ 101670 h 152029"/>
                  <a:gd name="connsiteX11" fmla="*/ 138168 w 201930"/>
                  <a:gd name="connsiteY11" fmla="*/ 101670 h 152029"/>
                  <a:gd name="connsiteX12" fmla="*/ 137217 w 201930"/>
                  <a:gd name="connsiteY12" fmla="*/ 110142 h 152029"/>
                  <a:gd name="connsiteX13" fmla="*/ 140543 w 201930"/>
                  <a:gd name="connsiteY13" fmla="*/ 139272 h 152029"/>
                  <a:gd name="connsiteX14" fmla="*/ 131611 w 201930"/>
                  <a:gd name="connsiteY14" fmla="*/ 152029 h 152029"/>
                  <a:gd name="connsiteX15" fmla="*/ 75831 w 201930"/>
                  <a:gd name="connsiteY15" fmla="*/ 152029 h 152029"/>
                  <a:gd name="connsiteX16" fmla="*/ 66993 w 201930"/>
                  <a:gd name="connsiteY16" fmla="*/ 139177 h 152029"/>
                  <a:gd name="connsiteX17" fmla="*/ 70224 w 201930"/>
                  <a:gd name="connsiteY17" fmla="*/ 110142 h 152029"/>
                  <a:gd name="connsiteX18" fmla="*/ 69274 w 201930"/>
                  <a:gd name="connsiteY18" fmla="*/ 101670 h 152029"/>
                  <a:gd name="connsiteX19" fmla="*/ 59771 w 201930"/>
                  <a:gd name="connsiteY19" fmla="*/ 101670 h 152029"/>
                  <a:gd name="connsiteX20" fmla="*/ 50269 w 201930"/>
                  <a:gd name="connsiteY20" fmla="*/ 92150 h 152029"/>
                  <a:gd name="connsiteX21" fmla="*/ 50269 w 201930"/>
                  <a:gd name="connsiteY21" fmla="*/ 70445 h 152029"/>
                  <a:gd name="connsiteX22" fmla="*/ 40766 w 201930"/>
                  <a:gd name="connsiteY22" fmla="*/ 60926 h 152029"/>
                  <a:gd name="connsiteX23" fmla="*/ 40766 w 201930"/>
                  <a:gd name="connsiteY23" fmla="*/ 60926 h 152029"/>
                  <a:gd name="connsiteX24" fmla="*/ 31264 w 201930"/>
                  <a:gd name="connsiteY24" fmla="*/ 70445 h 152029"/>
                  <a:gd name="connsiteX25" fmla="*/ 31264 w 201930"/>
                  <a:gd name="connsiteY25" fmla="*/ 92150 h 152029"/>
                  <a:gd name="connsiteX26" fmla="*/ 21761 w 201930"/>
                  <a:gd name="connsiteY26" fmla="*/ 101670 h 152029"/>
                  <a:gd name="connsiteX27" fmla="*/ 9503 w 201930"/>
                  <a:gd name="connsiteY27" fmla="*/ 101670 h 152029"/>
                  <a:gd name="connsiteX28" fmla="*/ 0 w 201930"/>
                  <a:gd name="connsiteY28" fmla="*/ 92150 h 152029"/>
                  <a:gd name="connsiteX29" fmla="*/ 0 w 201930"/>
                  <a:gd name="connsiteY29" fmla="*/ 50835 h 152029"/>
                  <a:gd name="connsiteX30" fmla="*/ 101013 w 201930"/>
                  <a:gd name="connsiteY30" fmla="*/ 0 h 152029"/>
                  <a:gd name="connsiteX31" fmla="*/ 201930 w 201930"/>
                  <a:gd name="connsiteY31" fmla="*/ 50835 h 1520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01930" h="152029">
                    <a:moveTo>
                      <a:pt x="201930" y="50835"/>
                    </a:moveTo>
                    <a:lnTo>
                      <a:pt x="201930" y="92150"/>
                    </a:lnTo>
                    <a:cubicBezTo>
                      <a:pt x="201930" y="97386"/>
                      <a:pt x="197654" y="101670"/>
                      <a:pt x="192427" y="101670"/>
                    </a:cubicBezTo>
                    <a:lnTo>
                      <a:pt x="180264" y="101670"/>
                    </a:lnTo>
                    <a:cubicBezTo>
                      <a:pt x="175038" y="101670"/>
                      <a:pt x="170762" y="97386"/>
                      <a:pt x="170762" y="92150"/>
                    </a:cubicBezTo>
                    <a:lnTo>
                      <a:pt x="170762" y="70445"/>
                    </a:lnTo>
                    <a:cubicBezTo>
                      <a:pt x="170762" y="65209"/>
                      <a:pt x="166485" y="60926"/>
                      <a:pt x="161259" y="60926"/>
                    </a:cubicBezTo>
                    <a:lnTo>
                      <a:pt x="161259" y="60926"/>
                    </a:lnTo>
                    <a:cubicBezTo>
                      <a:pt x="156032" y="60926"/>
                      <a:pt x="151756" y="65209"/>
                      <a:pt x="151756" y="70445"/>
                    </a:cubicBezTo>
                    <a:lnTo>
                      <a:pt x="151756" y="92150"/>
                    </a:lnTo>
                    <a:cubicBezTo>
                      <a:pt x="151756" y="97386"/>
                      <a:pt x="147480" y="101670"/>
                      <a:pt x="142254" y="101670"/>
                    </a:cubicBezTo>
                    <a:lnTo>
                      <a:pt x="138168" y="101670"/>
                    </a:lnTo>
                    <a:lnTo>
                      <a:pt x="137217" y="110142"/>
                    </a:lnTo>
                    <a:cubicBezTo>
                      <a:pt x="137217" y="110904"/>
                      <a:pt x="135697" y="124898"/>
                      <a:pt x="140543" y="139272"/>
                    </a:cubicBezTo>
                    <a:cubicBezTo>
                      <a:pt x="142634" y="145555"/>
                      <a:pt x="138263" y="152029"/>
                      <a:pt x="131611" y="152029"/>
                    </a:cubicBezTo>
                    <a:lnTo>
                      <a:pt x="75831" y="152029"/>
                    </a:lnTo>
                    <a:cubicBezTo>
                      <a:pt x="69179" y="152029"/>
                      <a:pt x="64808" y="145460"/>
                      <a:pt x="66993" y="139177"/>
                    </a:cubicBezTo>
                    <a:cubicBezTo>
                      <a:pt x="71840" y="124803"/>
                      <a:pt x="70414" y="110904"/>
                      <a:pt x="70224" y="110142"/>
                    </a:cubicBezTo>
                    <a:lnTo>
                      <a:pt x="69274" y="101670"/>
                    </a:lnTo>
                    <a:lnTo>
                      <a:pt x="59771" y="101670"/>
                    </a:lnTo>
                    <a:cubicBezTo>
                      <a:pt x="54545" y="101670"/>
                      <a:pt x="50269" y="97386"/>
                      <a:pt x="50269" y="92150"/>
                    </a:cubicBezTo>
                    <a:lnTo>
                      <a:pt x="50269" y="70445"/>
                    </a:lnTo>
                    <a:cubicBezTo>
                      <a:pt x="50269" y="65209"/>
                      <a:pt x="45992" y="60926"/>
                      <a:pt x="40766" y="60926"/>
                    </a:cubicBezTo>
                    <a:lnTo>
                      <a:pt x="40766" y="60926"/>
                    </a:lnTo>
                    <a:cubicBezTo>
                      <a:pt x="35540" y="60926"/>
                      <a:pt x="31264" y="65209"/>
                      <a:pt x="31264" y="70445"/>
                    </a:cubicBezTo>
                    <a:lnTo>
                      <a:pt x="31264" y="92150"/>
                    </a:lnTo>
                    <a:cubicBezTo>
                      <a:pt x="31264" y="97386"/>
                      <a:pt x="26987" y="101670"/>
                      <a:pt x="21761" y="101670"/>
                    </a:cubicBezTo>
                    <a:lnTo>
                      <a:pt x="9503" y="101670"/>
                    </a:lnTo>
                    <a:cubicBezTo>
                      <a:pt x="4276" y="101670"/>
                      <a:pt x="0" y="97386"/>
                      <a:pt x="0" y="92150"/>
                    </a:cubicBezTo>
                    <a:lnTo>
                      <a:pt x="0" y="50835"/>
                    </a:lnTo>
                    <a:cubicBezTo>
                      <a:pt x="0" y="19325"/>
                      <a:pt x="65378" y="0"/>
                      <a:pt x="101013" y="0"/>
                    </a:cubicBezTo>
                    <a:cubicBezTo>
                      <a:pt x="136647" y="0"/>
                      <a:pt x="201930" y="19325"/>
                      <a:pt x="201930" y="50835"/>
                    </a:cubicBezTo>
                    <a:close/>
                  </a:path>
                </a:pathLst>
              </a:custGeom>
              <a:solidFill>
                <a:schemeClr val="bg2">
                  <a:lumMod val="60000"/>
                  <a:lumOff val="40000"/>
                </a:schemeClr>
              </a:solidFill>
              <a:ln w="0" cap="flat">
                <a:noFill/>
                <a:prstDash val="solid"/>
                <a:miter/>
              </a:ln>
            </p:spPr>
            <p:txBody>
              <a:bodyPr rtlCol="0" anchor="ctr"/>
              <a:lstStyle/>
              <a:p>
                <a:endParaRPr lang="en-US"/>
              </a:p>
            </p:txBody>
          </p:sp>
          <p:sp>
            <p:nvSpPr>
              <p:cNvPr id="22" name="Freeform 5">
                <a:extLst>
                  <a:ext uri="{FF2B5EF4-FFF2-40B4-BE49-F238E27FC236}">
                    <a16:creationId xmlns:a16="http://schemas.microsoft.com/office/drawing/2014/main" id="{F911D1B3-D8A7-2EDC-ABD1-3290514CAA4B}"/>
                  </a:ext>
                </a:extLst>
              </p:cNvPr>
              <p:cNvSpPr/>
              <p:nvPr/>
            </p:nvSpPr>
            <p:spPr>
              <a:xfrm>
                <a:off x="5814628" y="3685745"/>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chemeClr val="bg2">
                  <a:lumMod val="40000"/>
                  <a:lumOff val="60000"/>
                </a:schemeClr>
              </a:solidFill>
              <a:ln w="0" cap="flat">
                <a:noFill/>
                <a:prstDash val="solid"/>
                <a:miter/>
              </a:ln>
            </p:spPr>
            <p:txBody>
              <a:bodyPr rtlCol="0" anchor="ctr"/>
              <a:lstStyle/>
              <a:p>
                <a:endParaRPr lang="en-US"/>
              </a:p>
            </p:txBody>
          </p:sp>
          <p:sp>
            <p:nvSpPr>
              <p:cNvPr id="23" name="Freeform 6">
                <a:extLst>
                  <a:ext uri="{FF2B5EF4-FFF2-40B4-BE49-F238E27FC236}">
                    <a16:creationId xmlns:a16="http://schemas.microsoft.com/office/drawing/2014/main" id="{B43F6A86-84E3-0307-CF69-8DED4DCAD156}"/>
                  </a:ext>
                </a:extLst>
              </p:cNvPr>
              <p:cNvSpPr/>
              <p:nvPr/>
            </p:nvSpPr>
            <p:spPr>
              <a:xfrm>
                <a:off x="5601580" y="3635386"/>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chemeClr val="bg2">
                  <a:lumMod val="60000"/>
                  <a:lumOff val="40000"/>
                </a:schemeClr>
              </a:solidFill>
              <a:ln w="0" cap="flat">
                <a:noFill/>
                <a:prstDash val="solid"/>
                <a:miter/>
              </a:ln>
            </p:spPr>
            <p:txBody>
              <a:bodyPr rtlCol="0" anchor="ctr"/>
              <a:lstStyle/>
              <a:p>
                <a:endParaRPr lang="en-US"/>
              </a:p>
            </p:txBody>
          </p:sp>
          <p:sp>
            <p:nvSpPr>
              <p:cNvPr id="24" name="Freeform 7">
                <a:extLst>
                  <a:ext uri="{FF2B5EF4-FFF2-40B4-BE49-F238E27FC236}">
                    <a16:creationId xmlns:a16="http://schemas.microsoft.com/office/drawing/2014/main" id="{A9F6C117-308E-42A2-755B-669421134C9D}"/>
                  </a:ext>
                </a:extLst>
              </p:cNvPr>
              <p:cNvSpPr/>
              <p:nvPr/>
            </p:nvSpPr>
            <p:spPr>
              <a:xfrm>
                <a:off x="5383210" y="3685745"/>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chemeClr val="bg2">
                  <a:lumMod val="40000"/>
                  <a:lumOff val="60000"/>
                </a:schemeClr>
              </a:solidFill>
              <a:ln w="0" cap="flat">
                <a:noFill/>
                <a:prstDash val="solid"/>
                <a:miter/>
              </a:ln>
            </p:spPr>
            <p:txBody>
              <a:bodyPr rtlCol="0" anchor="ctr"/>
              <a:lstStyle/>
              <a:p>
                <a:endParaRPr lang="en-US"/>
              </a:p>
            </p:txBody>
          </p:sp>
          <p:sp>
            <p:nvSpPr>
              <p:cNvPr id="25" name="Freeform 8">
                <a:extLst>
                  <a:ext uri="{FF2B5EF4-FFF2-40B4-BE49-F238E27FC236}">
                    <a16:creationId xmlns:a16="http://schemas.microsoft.com/office/drawing/2014/main" id="{EA9AAAF6-C184-C145-87B0-A5F6784CC82C}"/>
                  </a:ext>
                </a:extLst>
              </p:cNvPr>
              <p:cNvSpPr/>
              <p:nvPr/>
            </p:nvSpPr>
            <p:spPr>
              <a:xfrm>
                <a:off x="5378174" y="3766757"/>
                <a:ext cx="551054" cy="432511"/>
              </a:xfrm>
              <a:custGeom>
                <a:avLst/>
                <a:gdLst>
                  <a:gd name="connsiteX0" fmla="*/ 496985 w 551054"/>
                  <a:gd name="connsiteY0" fmla="*/ 50359 h 432511"/>
                  <a:gd name="connsiteX1" fmla="*/ 456789 w 551054"/>
                  <a:gd name="connsiteY1" fmla="*/ 50359 h 432511"/>
                  <a:gd name="connsiteX2" fmla="*/ 450138 w 551054"/>
                  <a:gd name="connsiteY2" fmla="*/ 53120 h 432511"/>
                  <a:gd name="connsiteX3" fmla="*/ 390556 w 551054"/>
                  <a:gd name="connsiteY3" fmla="*/ 112808 h 432511"/>
                  <a:gd name="connsiteX4" fmla="*/ 390556 w 551054"/>
                  <a:gd name="connsiteY4" fmla="*/ 69874 h 432511"/>
                  <a:gd name="connsiteX5" fmla="*/ 270634 w 551054"/>
                  <a:gd name="connsiteY5" fmla="*/ 0 h 432511"/>
                  <a:gd name="connsiteX6" fmla="*/ 150616 w 551054"/>
                  <a:gd name="connsiteY6" fmla="*/ 69874 h 432511"/>
                  <a:gd name="connsiteX7" fmla="*/ 150616 w 551054"/>
                  <a:gd name="connsiteY7" fmla="*/ 107287 h 432511"/>
                  <a:gd name="connsiteX8" fmla="*/ 96546 w 551054"/>
                  <a:gd name="connsiteY8" fmla="*/ 53120 h 432511"/>
                  <a:gd name="connsiteX9" fmla="*/ 89894 w 551054"/>
                  <a:gd name="connsiteY9" fmla="*/ 50359 h 432511"/>
                  <a:gd name="connsiteX10" fmla="*/ 59201 w 551054"/>
                  <a:gd name="connsiteY10" fmla="*/ 50359 h 432511"/>
                  <a:gd name="connsiteX11" fmla="*/ 0 w 551054"/>
                  <a:gd name="connsiteY11" fmla="*/ 109666 h 432511"/>
                  <a:gd name="connsiteX12" fmla="*/ 0 w 551054"/>
                  <a:gd name="connsiteY12" fmla="*/ 250938 h 432511"/>
                  <a:gd name="connsiteX13" fmla="*/ 69749 w 551054"/>
                  <a:gd name="connsiteY13" fmla="*/ 320813 h 432511"/>
                  <a:gd name="connsiteX14" fmla="*/ 136457 w 551054"/>
                  <a:gd name="connsiteY14" fmla="*/ 320813 h 432511"/>
                  <a:gd name="connsiteX15" fmla="*/ 145485 w 551054"/>
                  <a:gd name="connsiteY15" fmla="*/ 327286 h 432511"/>
                  <a:gd name="connsiteX16" fmla="*/ 178363 w 551054"/>
                  <a:gd name="connsiteY16" fmla="*/ 426005 h 432511"/>
                  <a:gd name="connsiteX17" fmla="*/ 190337 w 551054"/>
                  <a:gd name="connsiteY17" fmla="*/ 432002 h 432511"/>
                  <a:gd name="connsiteX18" fmla="*/ 190337 w 551054"/>
                  <a:gd name="connsiteY18" fmla="*/ 432002 h 432511"/>
                  <a:gd name="connsiteX19" fmla="*/ 196323 w 551054"/>
                  <a:gd name="connsiteY19" fmla="*/ 420008 h 432511"/>
                  <a:gd name="connsiteX20" fmla="*/ 159168 w 551054"/>
                  <a:gd name="connsiteY20" fmla="*/ 308246 h 432511"/>
                  <a:gd name="connsiteX21" fmla="*/ 150141 w 551054"/>
                  <a:gd name="connsiteY21" fmla="*/ 301773 h 432511"/>
                  <a:gd name="connsiteX22" fmla="*/ 79156 w 551054"/>
                  <a:gd name="connsiteY22" fmla="*/ 301773 h 432511"/>
                  <a:gd name="connsiteX23" fmla="*/ 18910 w 551054"/>
                  <a:gd name="connsiteY23" fmla="*/ 241419 h 432511"/>
                  <a:gd name="connsiteX24" fmla="*/ 18910 w 551054"/>
                  <a:gd name="connsiteY24" fmla="*/ 109476 h 432511"/>
                  <a:gd name="connsiteX25" fmla="*/ 59011 w 551054"/>
                  <a:gd name="connsiteY25" fmla="*/ 69303 h 432511"/>
                  <a:gd name="connsiteX26" fmla="*/ 81912 w 551054"/>
                  <a:gd name="connsiteY26" fmla="*/ 69303 h 432511"/>
                  <a:gd name="connsiteX27" fmla="*/ 88564 w 551054"/>
                  <a:gd name="connsiteY27" fmla="*/ 72064 h 432511"/>
                  <a:gd name="connsiteX28" fmla="*/ 153372 w 551054"/>
                  <a:gd name="connsiteY28" fmla="*/ 136893 h 432511"/>
                  <a:gd name="connsiteX29" fmla="*/ 160024 w 551054"/>
                  <a:gd name="connsiteY29" fmla="*/ 139653 h 432511"/>
                  <a:gd name="connsiteX30" fmla="*/ 209532 w 551054"/>
                  <a:gd name="connsiteY30" fmla="*/ 139653 h 432511"/>
                  <a:gd name="connsiteX31" fmla="*/ 218560 w 551054"/>
                  <a:gd name="connsiteY31" fmla="*/ 151934 h 432511"/>
                  <a:gd name="connsiteX32" fmla="*/ 212668 w 551054"/>
                  <a:gd name="connsiteY32" fmla="*/ 162500 h 432511"/>
                  <a:gd name="connsiteX33" fmla="*/ 190052 w 551054"/>
                  <a:gd name="connsiteY33" fmla="*/ 170973 h 432511"/>
                  <a:gd name="connsiteX34" fmla="*/ 127620 w 551054"/>
                  <a:gd name="connsiteY34" fmla="*/ 170973 h 432511"/>
                  <a:gd name="connsiteX35" fmla="*/ 120968 w 551054"/>
                  <a:gd name="connsiteY35" fmla="*/ 168212 h 432511"/>
                  <a:gd name="connsiteX36" fmla="*/ 72980 w 551054"/>
                  <a:gd name="connsiteY36" fmla="*/ 120138 h 432511"/>
                  <a:gd name="connsiteX37" fmla="*/ 59581 w 551054"/>
                  <a:gd name="connsiteY37" fmla="*/ 120138 h 432511"/>
                  <a:gd name="connsiteX38" fmla="*/ 59581 w 551054"/>
                  <a:gd name="connsiteY38" fmla="*/ 120138 h 432511"/>
                  <a:gd name="connsiteX39" fmla="*/ 59581 w 551054"/>
                  <a:gd name="connsiteY39" fmla="*/ 133561 h 432511"/>
                  <a:gd name="connsiteX40" fmla="*/ 87519 w 551054"/>
                  <a:gd name="connsiteY40" fmla="*/ 161549 h 432511"/>
                  <a:gd name="connsiteX41" fmla="*/ 90275 w 551054"/>
                  <a:gd name="connsiteY41" fmla="*/ 168212 h 432511"/>
                  <a:gd name="connsiteX42" fmla="*/ 90275 w 551054"/>
                  <a:gd name="connsiteY42" fmla="*/ 230757 h 432511"/>
                  <a:gd name="connsiteX43" fmla="*/ 99777 w 551054"/>
                  <a:gd name="connsiteY43" fmla="*/ 240276 h 432511"/>
                  <a:gd name="connsiteX44" fmla="*/ 160024 w 551054"/>
                  <a:gd name="connsiteY44" fmla="*/ 240276 h 432511"/>
                  <a:gd name="connsiteX45" fmla="*/ 198319 w 551054"/>
                  <a:gd name="connsiteY45" fmla="*/ 267122 h 432511"/>
                  <a:gd name="connsiteX46" fmla="*/ 234524 w 551054"/>
                  <a:gd name="connsiteY46" fmla="*/ 424862 h 432511"/>
                  <a:gd name="connsiteX47" fmla="*/ 245927 w 551054"/>
                  <a:gd name="connsiteY47" fmla="*/ 432002 h 432511"/>
                  <a:gd name="connsiteX48" fmla="*/ 245927 w 551054"/>
                  <a:gd name="connsiteY48" fmla="*/ 432002 h 432511"/>
                  <a:gd name="connsiteX49" fmla="*/ 253054 w 551054"/>
                  <a:gd name="connsiteY49" fmla="*/ 420579 h 432511"/>
                  <a:gd name="connsiteX50" fmla="*/ 216754 w 551054"/>
                  <a:gd name="connsiteY50" fmla="*/ 262267 h 432511"/>
                  <a:gd name="connsiteX51" fmla="*/ 216374 w 551054"/>
                  <a:gd name="connsiteY51" fmla="*/ 261315 h 432511"/>
                  <a:gd name="connsiteX52" fmla="*/ 160024 w 551054"/>
                  <a:gd name="connsiteY52" fmla="*/ 221237 h 432511"/>
                  <a:gd name="connsiteX53" fmla="*/ 118782 w 551054"/>
                  <a:gd name="connsiteY53" fmla="*/ 221237 h 432511"/>
                  <a:gd name="connsiteX54" fmla="*/ 109280 w 551054"/>
                  <a:gd name="connsiteY54" fmla="*/ 211717 h 432511"/>
                  <a:gd name="connsiteX55" fmla="*/ 109280 w 551054"/>
                  <a:gd name="connsiteY55" fmla="*/ 199437 h 432511"/>
                  <a:gd name="connsiteX56" fmla="*/ 118782 w 551054"/>
                  <a:gd name="connsiteY56" fmla="*/ 189917 h 432511"/>
                  <a:gd name="connsiteX57" fmla="*/ 432368 w 551054"/>
                  <a:gd name="connsiteY57" fmla="*/ 189917 h 432511"/>
                  <a:gd name="connsiteX58" fmla="*/ 441870 w 551054"/>
                  <a:gd name="connsiteY58" fmla="*/ 199437 h 432511"/>
                  <a:gd name="connsiteX59" fmla="*/ 441870 w 551054"/>
                  <a:gd name="connsiteY59" fmla="*/ 211717 h 432511"/>
                  <a:gd name="connsiteX60" fmla="*/ 432368 w 551054"/>
                  <a:gd name="connsiteY60" fmla="*/ 221237 h 432511"/>
                  <a:gd name="connsiteX61" fmla="*/ 386565 w 551054"/>
                  <a:gd name="connsiteY61" fmla="*/ 221237 h 432511"/>
                  <a:gd name="connsiteX62" fmla="*/ 330215 w 551054"/>
                  <a:gd name="connsiteY62" fmla="*/ 261315 h 432511"/>
                  <a:gd name="connsiteX63" fmla="*/ 295721 w 551054"/>
                  <a:gd name="connsiteY63" fmla="*/ 420674 h 432511"/>
                  <a:gd name="connsiteX64" fmla="*/ 302942 w 551054"/>
                  <a:gd name="connsiteY64" fmla="*/ 431907 h 432511"/>
                  <a:gd name="connsiteX65" fmla="*/ 302942 w 551054"/>
                  <a:gd name="connsiteY65" fmla="*/ 431907 h 432511"/>
                  <a:gd name="connsiteX66" fmla="*/ 314251 w 551054"/>
                  <a:gd name="connsiteY66" fmla="*/ 424672 h 432511"/>
                  <a:gd name="connsiteX67" fmla="*/ 348365 w 551054"/>
                  <a:gd name="connsiteY67" fmla="*/ 267026 h 432511"/>
                  <a:gd name="connsiteX68" fmla="*/ 386565 w 551054"/>
                  <a:gd name="connsiteY68" fmla="*/ 240276 h 432511"/>
                  <a:gd name="connsiteX69" fmla="*/ 451373 w 551054"/>
                  <a:gd name="connsiteY69" fmla="*/ 240276 h 432511"/>
                  <a:gd name="connsiteX70" fmla="*/ 460876 w 551054"/>
                  <a:gd name="connsiteY70" fmla="*/ 230757 h 432511"/>
                  <a:gd name="connsiteX71" fmla="*/ 460876 w 551054"/>
                  <a:gd name="connsiteY71" fmla="*/ 160311 h 432511"/>
                  <a:gd name="connsiteX72" fmla="*/ 460305 w 551054"/>
                  <a:gd name="connsiteY72" fmla="*/ 160311 h 432511"/>
                  <a:gd name="connsiteX73" fmla="*/ 487008 w 551054"/>
                  <a:gd name="connsiteY73" fmla="*/ 133561 h 432511"/>
                  <a:gd name="connsiteX74" fmla="*/ 487008 w 551054"/>
                  <a:gd name="connsiteY74" fmla="*/ 120138 h 432511"/>
                  <a:gd name="connsiteX75" fmla="*/ 487008 w 551054"/>
                  <a:gd name="connsiteY75" fmla="*/ 120138 h 432511"/>
                  <a:gd name="connsiteX76" fmla="*/ 473609 w 551054"/>
                  <a:gd name="connsiteY76" fmla="*/ 120138 h 432511"/>
                  <a:gd name="connsiteX77" fmla="*/ 425526 w 551054"/>
                  <a:gd name="connsiteY77" fmla="*/ 168308 h 432511"/>
                  <a:gd name="connsiteX78" fmla="*/ 418874 w 551054"/>
                  <a:gd name="connsiteY78" fmla="*/ 171068 h 432511"/>
                  <a:gd name="connsiteX79" fmla="*/ 356442 w 551054"/>
                  <a:gd name="connsiteY79" fmla="*/ 171068 h 432511"/>
                  <a:gd name="connsiteX80" fmla="*/ 333921 w 551054"/>
                  <a:gd name="connsiteY80" fmla="*/ 162596 h 432511"/>
                  <a:gd name="connsiteX81" fmla="*/ 328029 w 551054"/>
                  <a:gd name="connsiteY81" fmla="*/ 152124 h 432511"/>
                  <a:gd name="connsiteX82" fmla="*/ 337057 w 551054"/>
                  <a:gd name="connsiteY82" fmla="*/ 139749 h 432511"/>
                  <a:gd name="connsiteX83" fmla="*/ 386470 w 551054"/>
                  <a:gd name="connsiteY83" fmla="*/ 139749 h 432511"/>
                  <a:gd name="connsiteX84" fmla="*/ 393122 w 551054"/>
                  <a:gd name="connsiteY84" fmla="*/ 136988 h 432511"/>
                  <a:gd name="connsiteX85" fmla="*/ 457930 w 551054"/>
                  <a:gd name="connsiteY85" fmla="*/ 72159 h 432511"/>
                  <a:gd name="connsiteX86" fmla="*/ 464582 w 551054"/>
                  <a:gd name="connsiteY86" fmla="*/ 69398 h 432511"/>
                  <a:gd name="connsiteX87" fmla="*/ 496890 w 551054"/>
                  <a:gd name="connsiteY87" fmla="*/ 69398 h 432511"/>
                  <a:gd name="connsiteX88" fmla="*/ 532145 w 551054"/>
                  <a:gd name="connsiteY88" fmla="*/ 100051 h 432511"/>
                  <a:gd name="connsiteX89" fmla="*/ 532145 w 551054"/>
                  <a:gd name="connsiteY89" fmla="*/ 250938 h 432511"/>
                  <a:gd name="connsiteX90" fmla="*/ 476840 w 551054"/>
                  <a:gd name="connsiteY90" fmla="*/ 301773 h 432511"/>
                  <a:gd name="connsiteX91" fmla="*/ 396543 w 551054"/>
                  <a:gd name="connsiteY91" fmla="*/ 301773 h 432511"/>
                  <a:gd name="connsiteX92" fmla="*/ 387516 w 551054"/>
                  <a:gd name="connsiteY92" fmla="*/ 308246 h 432511"/>
                  <a:gd name="connsiteX93" fmla="*/ 350265 w 551054"/>
                  <a:gd name="connsiteY93" fmla="*/ 420008 h 432511"/>
                  <a:gd name="connsiteX94" fmla="*/ 356252 w 551054"/>
                  <a:gd name="connsiteY94" fmla="*/ 432002 h 432511"/>
                  <a:gd name="connsiteX95" fmla="*/ 356252 w 551054"/>
                  <a:gd name="connsiteY95" fmla="*/ 432002 h 432511"/>
                  <a:gd name="connsiteX96" fmla="*/ 368225 w 551054"/>
                  <a:gd name="connsiteY96" fmla="*/ 426005 h 432511"/>
                  <a:gd name="connsiteX97" fmla="*/ 401104 w 551054"/>
                  <a:gd name="connsiteY97" fmla="*/ 327286 h 432511"/>
                  <a:gd name="connsiteX98" fmla="*/ 410132 w 551054"/>
                  <a:gd name="connsiteY98" fmla="*/ 320813 h 432511"/>
                  <a:gd name="connsiteX99" fmla="*/ 476745 w 551054"/>
                  <a:gd name="connsiteY99" fmla="*/ 320813 h 432511"/>
                  <a:gd name="connsiteX100" fmla="*/ 551055 w 551054"/>
                  <a:gd name="connsiteY100" fmla="*/ 250938 h 432511"/>
                  <a:gd name="connsiteX101" fmla="*/ 551055 w 551054"/>
                  <a:gd name="connsiteY101" fmla="*/ 100051 h 432511"/>
                  <a:gd name="connsiteX102" fmla="*/ 496795 w 551054"/>
                  <a:gd name="connsiteY102" fmla="*/ 50359 h 432511"/>
                  <a:gd name="connsiteX103" fmla="*/ 362049 w 551054"/>
                  <a:gd name="connsiteY103" fmla="*/ 120709 h 432511"/>
                  <a:gd name="connsiteX104" fmla="*/ 349790 w 551054"/>
                  <a:gd name="connsiteY104" fmla="*/ 120709 h 432511"/>
                  <a:gd name="connsiteX105" fmla="*/ 340288 w 551054"/>
                  <a:gd name="connsiteY105" fmla="*/ 111190 h 432511"/>
                  <a:gd name="connsiteX106" fmla="*/ 340288 w 551054"/>
                  <a:gd name="connsiteY106" fmla="*/ 89389 h 432511"/>
                  <a:gd name="connsiteX107" fmla="*/ 330785 w 551054"/>
                  <a:gd name="connsiteY107" fmla="*/ 79870 h 432511"/>
                  <a:gd name="connsiteX108" fmla="*/ 330785 w 551054"/>
                  <a:gd name="connsiteY108" fmla="*/ 79870 h 432511"/>
                  <a:gd name="connsiteX109" fmla="*/ 321283 w 551054"/>
                  <a:gd name="connsiteY109" fmla="*/ 89389 h 432511"/>
                  <a:gd name="connsiteX110" fmla="*/ 321283 w 551054"/>
                  <a:gd name="connsiteY110" fmla="*/ 111190 h 432511"/>
                  <a:gd name="connsiteX111" fmla="*/ 311780 w 551054"/>
                  <a:gd name="connsiteY111" fmla="*/ 120709 h 432511"/>
                  <a:gd name="connsiteX112" fmla="*/ 307694 w 551054"/>
                  <a:gd name="connsiteY112" fmla="*/ 120709 h 432511"/>
                  <a:gd name="connsiteX113" fmla="*/ 306744 w 551054"/>
                  <a:gd name="connsiteY113" fmla="*/ 129182 h 432511"/>
                  <a:gd name="connsiteX114" fmla="*/ 310069 w 551054"/>
                  <a:gd name="connsiteY114" fmla="*/ 158312 h 432511"/>
                  <a:gd name="connsiteX115" fmla="*/ 301232 w 551054"/>
                  <a:gd name="connsiteY115" fmla="*/ 171068 h 432511"/>
                  <a:gd name="connsiteX116" fmla="*/ 245357 w 551054"/>
                  <a:gd name="connsiteY116" fmla="*/ 171068 h 432511"/>
                  <a:gd name="connsiteX117" fmla="*/ 236519 w 551054"/>
                  <a:gd name="connsiteY117" fmla="*/ 158312 h 432511"/>
                  <a:gd name="connsiteX118" fmla="*/ 239750 w 551054"/>
                  <a:gd name="connsiteY118" fmla="*/ 129182 h 432511"/>
                  <a:gd name="connsiteX119" fmla="*/ 238800 w 551054"/>
                  <a:gd name="connsiteY119" fmla="*/ 120709 h 432511"/>
                  <a:gd name="connsiteX120" fmla="*/ 229297 w 551054"/>
                  <a:gd name="connsiteY120" fmla="*/ 120709 h 432511"/>
                  <a:gd name="connsiteX121" fmla="*/ 219795 w 551054"/>
                  <a:gd name="connsiteY121" fmla="*/ 111190 h 432511"/>
                  <a:gd name="connsiteX122" fmla="*/ 219795 w 551054"/>
                  <a:gd name="connsiteY122" fmla="*/ 89389 h 432511"/>
                  <a:gd name="connsiteX123" fmla="*/ 210292 w 551054"/>
                  <a:gd name="connsiteY123" fmla="*/ 79870 h 432511"/>
                  <a:gd name="connsiteX124" fmla="*/ 210292 w 551054"/>
                  <a:gd name="connsiteY124" fmla="*/ 79870 h 432511"/>
                  <a:gd name="connsiteX125" fmla="*/ 200790 w 551054"/>
                  <a:gd name="connsiteY125" fmla="*/ 89389 h 432511"/>
                  <a:gd name="connsiteX126" fmla="*/ 200790 w 551054"/>
                  <a:gd name="connsiteY126" fmla="*/ 111190 h 432511"/>
                  <a:gd name="connsiteX127" fmla="*/ 191287 w 551054"/>
                  <a:gd name="connsiteY127" fmla="*/ 120709 h 432511"/>
                  <a:gd name="connsiteX128" fmla="*/ 178934 w 551054"/>
                  <a:gd name="connsiteY128" fmla="*/ 120709 h 432511"/>
                  <a:gd name="connsiteX129" fmla="*/ 169431 w 551054"/>
                  <a:gd name="connsiteY129" fmla="*/ 111190 h 432511"/>
                  <a:gd name="connsiteX130" fmla="*/ 169431 w 551054"/>
                  <a:gd name="connsiteY130" fmla="*/ 69874 h 432511"/>
                  <a:gd name="connsiteX131" fmla="*/ 270444 w 551054"/>
                  <a:gd name="connsiteY131" fmla="*/ 19039 h 432511"/>
                  <a:gd name="connsiteX132" fmla="*/ 371361 w 551054"/>
                  <a:gd name="connsiteY132" fmla="*/ 69874 h 432511"/>
                  <a:gd name="connsiteX133" fmla="*/ 371361 w 551054"/>
                  <a:gd name="connsiteY133" fmla="*/ 111190 h 432511"/>
                  <a:gd name="connsiteX134" fmla="*/ 361858 w 551054"/>
                  <a:gd name="connsiteY134" fmla="*/ 120709 h 4325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Lst>
                <a:rect l="l" t="t" r="r" b="b"/>
                <a:pathLst>
                  <a:path w="551054" h="432511">
                    <a:moveTo>
                      <a:pt x="496985" y="50359"/>
                    </a:moveTo>
                    <a:lnTo>
                      <a:pt x="456789" y="50359"/>
                    </a:lnTo>
                    <a:cubicBezTo>
                      <a:pt x="454319" y="50359"/>
                      <a:pt x="451848" y="51311"/>
                      <a:pt x="450138" y="53120"/>
                    </a:cubicBezTo>
                    <a:lnTo>
                      <a:pt x="390556" y="112808"/>
                    </a:lnTo>
                    <a:lnTo>
                      <a:pt x="390556" y="69874"/>
                    </a:lnTo>
                    <a:cubicBezTo>
                      <a:pt x="390556" y="23418"/>
                      <a:pt x="313680" y="0"/>
                      <a:pt x="270634" y="0"/>
                    </a:cubicBezTo>
                    <a:cubicBezTo>
                      <a:pt x="227587" y="0"/>
                      <a:pt x="150616" y="23418"/>
                      <a:pt x="150616" y="69874"/>
                    </a:cubicBezTo>
                    <a:lnTo>
                      <a:pt x="150616" y="107287"/>
                    </a:lnTo>
                    <a:lnTo>
                      <a:pt x="96546" y="53120"/>
                    </a:lnTo>
                    <a:cubicBezTo>
                      <a:pt x="94741" y="51311"/>
                      <a:pt x="92365" y="50359"/>
                      <a:pt x="89894" y="50359"/>
                    </a:cubicBezTo>
                    <a:lnTo>
                      <a:pt x="59201" y="50359"/>
                    </a:lnTo>
                    <a:cubicBezTo>
                      <a:pt x="26702" y="50359"/>
                      <a:pt x="0" y="77014"/>
                      <a:pt x="0" y="109666"/>
                    </a:cubicBezTo>
                    <a:lnTo>
                      <a:pt x="0" y="250938"/>
                    </a:lnTo>
                    <a:cubicBezTo>
                      <a:pt x="0" y="289493"/>
                      <a:pt x="31358" y="320813"/>
                      <a:pt x="69749" y="320813"/>
                    </a:cubicBezTo>
                    <a:lnTo>
                      <a:pt x="136457" y="320813"/>
                    </a:lnTo>
                    <a:cubicBezTo>
                      <a:pt x="140543" y="320813"/>
                      <a:pt x="144154" y="323383"/>
                      <a:pt x="145485" y="327286"/>
                    </a:cubicBezTo>
                    <a:lnTo>
                      <a:pt x="178363" y="426005"/>
                    </a:lnTo>
                    <a:cubicBezTo>
                      <a:pt x="179979" y="430955"/>
                      <a:pt x="185395" y="433621"/>
                      <a:pt x="190337" y="432002"/>
                    </a:cubicBezTo>
                    <a:lnTo>
                      <a:pt x="190337" y="432002"/>
                    </a:lnTo>
                    <a:cubicBezTo>
                      <a:pt x="195278" y="430384"/>
                      <a:pt x="197939" y="424958"/>
                      <a:pt x="196323" y="420008"/>
                    </a:cubicBezTo>
                    <a:lnTo>
                      <a:pt x="159168" y="308246"/>
                    </a:lnTo>
                    <a:cubicBezTo>
                      <a:pt x="157838" y="304344"/>
                      <a:pt x="154227" y="301773"/>
                      <a:pt x="150141" y="301773"/>
                    </a:cubicBezTo>
                    <a:lnTo>
                      <a:pt x="79156" y="301773"/>
                    </a:lnTo>
                    <a:cubicBezTo>
                      <a:pt x="45897" y="301773"/>
                      <a:pt x="18910" y="274737"/>
                      <a:pt x="18910" y="241419"/>
                    </a:cubicBezTo>
                    <a:lnTo>
                      <a:pt x="18910" y="109476"/>
                    </a:lnTo>
                    <a:cubicBezTo>
                      <a:pt x="18910" y="87295"/>
                      <a:pt x="36870" y="69303"/>
                      <a:pt x="59011" y="69303"/>
                    </a:cubicBezTo>
                    <a:lnTo>
                      <a:pt x="81912" y="69303"/>
                    </a:lnTo>
                    <a:cubicBezTo>
                      <a:pt x="84383" y="69303"/>
                      <a:pt x="86854" y="70255"/>
                      <a:pt x="88564" y="72064"/>
                    </a:cubicBezTo>
                    <a:lnTo>
                      <a:pt x="153372" y="136893"/>
                    </a:lnTo>
                    <a:cubicBezTo>
                      <a:pt x="155177" y="138701"/>
                      <a:pt x="157553" y="139653"/>
                      <a:pt x="160024" y="139653"/>
                    </a:cubicBezTo>
                    <a:lnTo>
                      <a:pt x="209532" y="139653"/>
                    </a:lnTo>
                    <a:cubicBezTo>
                      <a:pt x="215899" y="139653"/>
                      <a:pt x="220650" y="145936"/>
                      <a:pt x="218560" y="151934"/>
                    </a:cubicBezTo>
                    <a:cubicBezTo>
                      <a:pt x="217324" y="155646"/>
                      <a:pt x="215424" y="159359"/>
                      <a:pt x="212668" y="162500"/>
                    </a:cubicBezTo>
                    <a:cubicBezTo>
                      <a:pt x="207631" y="168212"/>
                      <a:pt x="200219" y="170973"/>
                      <a:pt x="190052" y="170973"/>
                    </a:cubicBezTo>
                    <a:lnTo>
                      <a:pt x="127620" y="170973"/>
                    </a:lnTo>
                    <a:cubicBezTo>
                      <a:pt x="125149" y="170973"/>
                      <a:pt x="122678" y="170021"/>
                      <a:pt x="120968" y="168212"/>
                    </a:cubicBezTo>
                    <a:lnTo>
                      <a:pt x="72980" y="120138"/>
                    </a:lnTo>
                    <a:cubicBezTo>
                      <a:pt x="69274" y="116425"/>
                      <a:pt x="63287" y="116425"/>
                      <a:pt x="59581" y="120138"/>
                    </a:cubicBezTo>
                    <a:lnTo>
                      <a:pt x="59581" y="120138"/>
                    </a:lnTo>
                    <a:cubicBezTo>
                      <a:pt x="55875" y="123851"/>
                      <a:pt x="55875" y="129848"/>
                      <a:pt x="59581" y="133561"/>
                    </a:cubicBezTo>
                    <a:lnTo>
                      <a:pt x="87519" y="161549"/>
                    </a:lnTo>
                    <a:cubicBezTo>
                      <a:pt x="89324" y="163357"/>
                      <a:pt x="90275" y="165737"/>
                      <a:pt x="90275" y="168212"/>
                    </a:cubicBezTo>
                    <a:lnTo>
                      <a:pt x="90275" y="230757"/>
                    </a:lnTo>
                    <a:cubicBezTo>
                      <a:pt x="90275" y="235992"/>
                      <a:pt x="94551" y="240276"/>
                      <a:pt x="99777" y="240276"/>
                    </a:cubicBezTo>
                    <a:lnTo>
                      <a:pt x="160024" y="240276"/>
                    </a:lnTo>
                    <a:cubicBezTo>
                      <a:pt x="177128" y="240276"/>
                      <a:pt x="192522" y="251033"/>
                      <a:pt x="198319" y="267122"/>
                    </a:cubicBezTo>
                    <a:lnTo>
                      <a:pt x="234524" y="424862"/>
                    </a:lnTo>
                    <a:cubicBezTo>
                      <a:pt x="235664" y="430003"/>
                      <a:pt x="240796" y="433145"/>
                      <a:pt x="245927" y="432002"/>
                    </a:cubicBezTo>
                    <a:lnTo>
                      <a:pt x="245927" y="432002"/>
                    </a:lnTo>
                    <a:cubicBezTo>
                      <a:pt x="251058" y="430765"/>
                      <a:pt x="254194" y="425719"/>
                      <a:pt x="253054" y="420579"/>
                    </a:cubicBezTo>
                    <a:lnTo>
                      <a:pt x="216754" y="262267"/>
                    </a:lnTo>
                    <a:lnTo>
                      <a:pt x="216374" y="261315"/>
                    </a:lnTo>
                    <a:cubicBezTo>
                      <a:pt x="208012" y="237325"/>
                      <a:pt x="185395" y="221237"/>
                      <a:pt x="160024" y="221237"/>
                    </a:cubicBezTo>
                    <a:lnTo>
                      <a:pt x="118782" y="221237"/>
                    </a:lnTo>
                    <a:cubicBezTo>
                      <a:pt x="113556" y="221237"/>
                      <a:pt x="109280" y="216953"/>
                      <a:pt x="109280" y="211717"/>
                    </a:cubicBezTo>
                    <a:lnTo>
                      <a:pt x="109280" y="199437"/>
                    </a:lnTo>
                    <a:cubicBezTo>
                      <a:pt x="109280" y="194201"/>
                      <a:pt x="113556" y="189917"/>
                      <a:pt x="118782" y="189917"/>
                    </a:cubicBezTo>
                    <a:lnTo>
                      <a:pt x="432368" y="189917"/>
                    </a:lnTo>
                    <a:cubicBezTo>
                      <a:pt x="437594" y="189917"/>
                      <a:pt x="441870" y="194201"/>
                      <a:pt x="441870" y="199437"/>
                    </a:cubicBezTo>
                    <a:lnTo>
                      <a:pt x="441870" y="211717"/>
                    </a:lnTo>
                    <a:cubicBezTo>
                      <a:pt x="441870" y="216953"/>
                      <a:pt x="437594" y="221237"/>
                      <a:pt x="432368" y="221237"/>
                    </a:cubicBezTo>
                    <a:lnTo>
                      <a:pt x="386565" y="221237"/>
                    </a:lnTo>
                    <a:cubicBezTo>
                      <a:pt x="361193" y="221237"/>
                      <a:pt x="338577" y="237325"/>
                      <a:pt x="330215" y="261315"/>
                    </a:cubicBezTo>
                    <a:lnTo>
                      <a:pt x="295721" y="420674"/>
                    </a:lnTo>
                    <a:cubicBezTo>
                      <a:pt x="294580" y="425814"/>
                      <a:pt x="297811" y="430860"/>
                      <a:pt x="302942" y="431907"/>
                    </a:cubicBezTo>
                    <a:lnTo>
                      <a:pt x="302942" y="431907"/>
                    </a:lnTo>
                    <a:cubicBezTo>
                      <a:pt x="308074" y="433049"/>
                      <a:pt x="313110" y="429813"/>
                      <a:pt x="314251" y="424672"/>
                    </a:cubicBezTo>
                    <a:lnTo>
                      <a:pt x="348365" y="267026"/>
                    </a:lnTo>
                    <a:cubicBezTo>
                      <a:pt x="354161" y="251033"/>
                      <a:pt x="369461" y="240276"/>
                      <a:pt x="386565" y="240276"/>
                    </a:cubicBezTo>
                    <a:lnTo>
                      <a:pt x="451373" y="240276"/>
                    </a:lnTo>
                    <a:cubicBezTo>
                      <a:pt x="456599" y="240276"/>
                      <a:pt x="460876" y="235992"/>
                      <a:pt x="460876" y="230757"/>
                    </a:cubicBezTo>
                    <a:lnTo>
                      <a:pt x="460876" y="160311"/>
                    </a:lnTo>
                    <a:lnTo>
                      <a:pt x="460305" y="160311"/>
                    </a:lnTo>
                    <a:lnTo>
                      <a:pt x="487008" y="133561"/>
                    </a:lnTo>
                    <a:cubicBezTo>
                      <a:pt x="490714" y="129848"/>
                      <a:pt x="490714" y="123851"/>
                      <a:pt x="487008" y="120138"/>
                    </a:cubicBezTo>
                    <a:lnTo>
                      <a:pt x="487008" y="120138"/>
                    </a:lnTo>
                    <a:cubicBezTo>
                      <a:pt x="483302" y="116425"/>
                      <a:pt x="477315" y="116425"/>
                      <a:pt x="473609" y="120138"/>
                    </a:cubicBezTo>
                    <a:lnTo>
                      <a:pt x="425526" y="168308"/>
                    </a:lnTo>
                    <a:cubicBezTo>
                      <a:pt x="423720" y="170116"/>
                      <a:pt x="421345" y="171068"/>
                      <a:pt x="418874" y="171068"/>
                    </a:cubicBezTo>
                    <a:lnTo>
                      <a:pt x="356442" y="171068"/>
                    </a:lnTo>
                    <a:cubicBezTo>
                      <a:pt x="346369" y="171068"/>
                      <a:pt x="338957" y="168308"/>
                      <a:pt x="333921" y="162596"/>
                    </a:cubicBezTo>
                    <a:cubicBezTo>
                      <a:pt x="331165" y="159549"/>
                      <a:pt x="329265" y="155837"/>
                      <a:pt x="328029" y="152124"/>
                    </a:cubicBezTo>
                    <a:cubicBezTo>
                      <a:pt x="325939" y="146032"/>
                      <a:pt x="330690" y="139749"/>
                      <a:pt x="337057" y="139749"/>
                    </a:cubicBezTo>
                    <a:lnTo>
                      <a:pt x="386470" y="139749"/>
                    </a:lnTo>
                    <a:cubicBezTo>
                      <a:pt x="388941" y="139749"/>
                      <a:pt x="391412" y="138797"/>
                      <a:pt x="393122" y="136988"/>
                    </a:cubicBezTo>
                    <a:lnTo>
                      <a:pt x="457930" y="72159"/>
                    </a:lnTo>
                    <a:cubicBezTo>
                      <a:pt x="459735" y="70350"/>
                      <a:pt x="462111" y="69398"/>
                      <a:pt x="464582" y="69398"/>
                    </a:cubicBezTo>
                    <a:lnTo>
                      <a:pt x="496890" y="69398"/>
                    </a:lnTo>
                    <a:cubicBezTo>
                      <a:pt x="513235" y="69398"/>
                      <a:pt x="532145" y="82821"/>
                      <a:pt x="532145" y="100051"/>
                    </a:cubicBezTo>
                    <a:lnTo>
                      <a:pt x="532145" y="250938"/>
                    </a:lnTo>
                    <a:cubicBezTo>
                      <a:pt x="532145" y="278069"/>
                      <a:pt x="506298" y="301773"/>
                      <a:pt x="476840" y="301773"/>
                    </a:cubicBezTo>
                    <a:lnTo>
                      <a:pt x="396543" y="301773"/>
                    </a:lnTo>
                    <a:cubicBezTo>
                      <a:pt x="392457" y="301773"/>
                      <a:pt x="388846" y="304344"/>
                      <a:pt x="387516" y="308246"/>
                    </a:cubicBezTo>
                    <a:lnTo>
                      <a:pt x="350265" y="420008"/>
                    </a:lnTo>
                    <a:cubicBezTo>
                      <a:pt x="348650" y="424958"/>
                      <a:pt x="351311" y="430384"/>
                      <a:pt x="356252" y="432002"/>
                    </a:cubicBezTo>
                    <a:lnTo>
                      <a:pt x="356252" y="432002"/>
                    </a:lnTo>
                    <a:cubicBezTo>
                      <a:pt x="361193" y="433716"/>
                      <a:pt x="366515" y="430955"/>
                      <a:pt x="368225" y="426005"/>
                    </a:cubicBezTo>
                    <a:lnTo>
                      <a:pt x="401104" y="327286"/>
                    </a:lnTo>
                    <a:cubicBezTo>
                      <a:pt x="402435" y="323383"/>
                      <a:pt x="406046" y="320813"/>
                      <a:pt x="410132" y="320813"/>
                    </a:cubicBezTo>
                    <a:lnTo>
                      <a:pt x="476745" y="320813"/>
                    </a:lnTo>
                    <a:cubicBezTo>
                      <a:pt x="516371" y="320813"/>
                      <a:pt x="551055" y="288160"/>
                      <a:pt x="551055" y="250938"/>
                    </a:cubicBezTo>
                    <a:lnTo>
                      <a:pt x="551055" y="100051"/>
                    </a:lnTo>
                    <a:cubicBezTo>
                      <a:pt x="551055" y="73587"/>
                      <a:pt x="525683" y="50359"/>
                      <a:pt x="496795" y="50359"/>
                    </a:cubicBezTo>
                    <a:close/>
                    <a:moveTo>
                      <a:pt x="362049" y="120709"/>
                    </a:moveTo>
                    <a:lnTo>
                      <a:pt x="349790" y="120709"/>
                    </a:lnTo>
                    <a:cubicBezTo>
                      <a:pt x="344564" y="120709"/>
                      <a:pt x="340288" y="116425"/>
                      <a:pt x="340288" y="111190"/>
                    </a:cubicBezTo>
                    <a:lnTo>
                      <a:pt x="340288" y="89389"/>
                    </a:lnTo>
                    <a:cubicBezTo>
                      <a:pt x="340288" y="84154"/>
                      <a:pt x="336012" y="79870"/>
                      <a:pt x="330785" y="79870"/>
                    </a:cubicBezTo>
                    <a:lnTo>
                      <a:pt x="330785" y="79870"/>
                    </a:lnTo>
                    <a:cubicBezTo>
                      <a:pt x="325559" y="79870"/>
                      <a:pt x="321283" y="84154"/>
                      <a:pt x="321283" y="89389"/>
                    </a:cubicBezTo>
                    <a:lnTo>
                      <a:pt x="321283" y="111190"/>
                    </a:lnTo>
                    <a:cubicBezTo>
                      <a:pt x="321283" y="116425"/>
                      <a:pt x="317006" y="120709"/>
                      <a:pt x="311780" y="120709"/>
                    </a:cubicBezTo>
                    <a:lnTo>
                      <a:pt x="307694" y="120709"/>
                    </a:lnTo>
                    <a:lnTo>
                      <a:pt x="306744" y="129182"/>
                    </a:lnTo>
                    <a:cubicBezTo>
                      <a:pt x="306744" y="129943"/>
                      <a:pt x="305223" y="143937"/>
                      <a:pt x="310069" y="158312"/>
                    </a:cubicBezTo>
                    <a:cubicBezTo>
                      <a:pt x="312160" y="164595"/>
                      <a:pt x="307789" y="171068"/>
                      <a:pt x="301232" y="171068"/>
                    </a:cubicBezTo>
                    <a:lnTo>
                      <a:pt x="245357" y="171068"/>
                    </a:lnTo>
                    <a:cubicBezTo>
                      <a:pt x="238800" y="171068"/>
                      <a:pt x="234429" y="164595"/>
                      <a:pt x="236519" y="158312"/>
                    </a:cubicBezTo>
                    <a:cubicBezTo>
                      <a:pt x="241366" y="143937"/>
                      <a:pt x="239940" y="129943"/>
                      <a:pt x="239750" y="129182"/>
                    </a:cubicBezTo>
                    <a:lnTo>
                      <a:pt x="238800" y="120709"/>
                    </a:lnTo>
                    <a:lnTo>
                      <a:pt x="229297" y="120709"/>
                    </a:lnTo>
                    <a:cubicBezTo>
                      <a:pt x="224071" y="120709"/>
                      <a:pt x="219795" y="116425"/>
                      <a:pt x="219795" y="111190"/>
                    </a:cubicBezTo>
                    <a:lnTo>
                      <a:pt x="219795" y="89389"/>
                    </a:lnTo>
                    <a:cubicBezTo>
                      <a:pt x="219795" y="84154"/>
                      <a:pt x="215519" y="79870"/>
                      <a:pt x="210292" y="79870"/>
                    </a:cubicBezTo>
                    <a:lnTo>
                      <a:pt x="210292" y="79870"/>
                    </a:lnTo>
                    <a:cubicBezTo>
                      <a:pt x="205066" y="79870"/>
                      <a:pt x="200790" y="84154"/>
                      <a:pt x="200790" y="89389"/>
                    </a:cubicBezTo>
                    <a:lnTo>
                      <a:pt x="200790" y="111190"/>
                    </a:lnTo>
                    <a:cubicBezTo>
                      <a:pt x="200790" y="116425"/>
                      <a:pt x="196513" y="120709"/>
                      <a:pt x="191287" y="120709"/>
                    </a:cubicBezTo>
                    <a:lnTo>
                      <a:pt x="178934" y="120709"/>
                    </a:lnTo>
                    <a:cubicBezTo>
                      <a:pt x="173707" y="120709"/>
                      <a:pt x="169431" y="116425"/>
                      <a:pt x="169431" y="111190"/>
                    </a:cubicBezTo>
                    <a:lnTo>
                      <a:pt x="169431" y="69874"/>
                    </a:lnTo>
                    <a:cubicBezTo>
                      <a:pt x="169431" y="38364"/>
                      <a:pt x="234809" y="19039"/>
                      <a:pt x="270444" y="19039"/>
                    </a:cubicBezTo>
                    <a:cubicBezTo>
                      <a:pt x="306078" y="19039"/>
                      <a:pt x="371361" y="38364"/>
                      <a:pt x="371361" y="69874"/>
                    </a:cubicBezTo>
                    <a:lnTo>
                      <a:pt x="371361" y="111190"/>
                    </a:lnTo>
                    <a:cubicBezTo>
                      <a:pt x="371361" y="116425"/>
                      <a:pt x="367085" y="120709"/>
                      <a:pt x="361858" y="120709"/>
                    </a:cubicBezTo>
                    <a:close/>
                  </a:path>
                </a:pathLst>
              </a:custGeom>
              <a:solidFill>
                <a:srgbClr val="265A9A"/>
              </a:solidFill>
              <a:ln w="0" cap="flat">
                <a:noFill/>
                <a:prstDash val="solid"/>
                <a:miter/>
              </a:ln>
            </p:spPr>
            <p:txBody>
              <a:bodyPr rtlCol="0" anchor="ctr"/>
              <a:lstStyle/>
              <a:p>
                <a:endParaRPr lang="en-US"/>
              </a:p>
            </p:txBody>
          </p:sp>
          <p:sp>
            <p:nvSpPr>
              <p:cNvPr id="26" name="Freeform 9">
                <a:extLst>
                  <a:ext uri="{FF2B5EF4-FFF2-40B4-BE49-F238E27FC236}">
                    <a16:creationId xmlns:a16="http://schemas.microsoft.com/office/drawing/2014/main" id="{43C5B8C5-81B4-B960-D7A4-94D5BC81F5DB}"/>
                  </a:ext>
                </a:extLst>
              </p:cNvPr>
              <p:cNvSpPr/>
              <p:nvPr/>
            </p:nvSpPr>
            <p:spPr>
              <a:xfrm>
                <a:off x="5799424" y="3826636"/>
                <a:ext cx="170191" cy="301297"/>
              </a:xfrm>
              <a:custGeom>
                <a:avLst/>
                <a:gdLst>
                  <a:gd name="connsiteX0" fmla="*/ 151186 w 170191"/>
                  <a:gd name="connsiteY0" fmla="*/ 191155 h 301297"/>
                  <a:gd name="connsiteX1" fmla="*/ 60247 w 170191"/>
                  <a:gd name="connsiteY1" fmla="*/ 282258 h 301297"/>
                  <a:gd name="connsiteX2" fmla="*/ 0 w 170191"/>
                  <a:gd name="connsiteY2" fmla="*/ 282258 h 301297"/>
                  <a:gd name="connsiteX3" fmla="*/ 0 w 170191"/>
                  <a:gd name="connsiteY3" fmla="*/ 301298 h 301297"/>
                  <a:gd name="connsiteX4" fmla="*/ 60247 w 170191"/>
                  <a:gd name="connsiteY4" fmla="*/ 301298 h 301297"/>
                  <a:gd name="connsiteX5" fmla="*/ 170191 w 170191"/>
                  <a:gd name="connsiteY5" fmla="*/ 191155 h 301297"/>
                  <a:gd name="connsiteX6" fmla="*/ 170191 w 170191"/>
                  <a:gd name="connsiteY6" fmla="*/ 0 h 301297"/>
                  <a:gd name="connsiteX7" fmla="*/ 151186 w 170191"/>
                  <a:gd name="connsiteY7" fmla="*/ 0 h 301297"/>
                  <a:gd name="connsiteX8" fmla="*/ 151186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51186" y="191155"/>
                    </a:moveTo>
                    <a:cubicBezTo>
                      <a:pt x="151186" y="241419"/>
                      <a:pt x="110420" y="282258"/>
                      <a:pt x="60247" y="282258"/>
                    </a:cubicBezTo>
                    <a:lnTo>
                      <a:pt x="0" y="282258"/>
                    </a:lnTo>
                    <a:lnTo>
                      <a:pt x="0" y="301298"/>
                    </a:lnTo>
                    <a:lnTo>
                      <a:pt x="60247" y="301298"/>
                    </a:lnTo>
                    <a:cubicBezTo>
                      <a:pt x="120873" y="301298"/>
                      <a:pt x="170191" y="251891"/>
                      <a:pt x="170191" y="191155"/>
                    </a:cubicBezTo>
                    <a:lnTo>
                      <a:pt x="170191" y="0"/>
                    </a:lnTo>
                    <a:lnTo>
                      <a:pt x="151186" y="0"/>
                    </a:lnTo>
                    <a:lnTo>
                      <a:pt x="151186" y="191155"/>
                    </a:lnTo>
                    <a:close/>
                  </a:path>
                </a:pathLst>
              </a:custGeom>
              <a:solidFill>
                <a:srgbClr val="265A9A"/>
              </a:solidFill>
              <a:ln w="0" cap="flat">
                <a:noFill/>
                <a:prstDash val="solid"/>
                <a:miter/>
              </a:ln>
            </p:spPr>
            <p:txBody>
              <a:bodyPr rtlCol="0" anchor="ctr"/>
              <a:lstStyle/>
              <a:p>
                <a:endParaRPr lang="en-US"/>
              </a:p>
            </p:txBody>
          </p:sp>
          <p:sp>
            <p:nvSpPr>
              <p:cNvPr id="27" name="Freeform 10">
                <a:extLst>
                  <a:ext uri="{FF2B5EF4-FFF2-40B4-BE49-F238E27FC236}">
                    <a16:creationId xmlns:a16="http://schemas.microsoft.com/office/drawing/2014/main" id="{B05B1D89-2E29-16D1-49D5-6B370823987D}"/>
                  </a:ext>
                </a:extLst>
              </p:cNvPr>
              <p:cNvSpPr/>
              <p:nvPr/>
            </p:nvSpPr>
            <p:spPr>
              <a:xfrm>
                <a:off x="5338073" y="3826636"/>
                <a:ext cx="170191" cy="301297"/>
              </a:xfrm>
              <a:custGeom>
                <a:avLst/>
                <a:gdLst>
                  <a:gd name="connsiteX0" fmla="*/ 19005 w 170191"/>
                  <a:gd name="connsiteY0" fmla="*/ 191155 h 301297"/>
                  <a:gd name="connsiteX1" fmla="*/ 19005 w 170191"/>
                  <a:gd name="connsiteY1" fmla="*/ 0 h 301297"/>
                  <a:gd name="connsiteX2" fmla="*/ 0 w 170191"/>
                  <a:gd name="connsiteY2" fmla="*/ 0 h 301297"/>
                  <a:gd name="connsiteX3" fmla="*/ 0 w 170191"/>
                  <a:gd name="connsiteY3" fmla="*/ 191155 h 301297"/>
                  <a:gd name="connsiteX4" fmla="*/ 109945 w 170191"/>
                  <a:gd name="connsiteY4" fmla="*/ 301298 h 301297"/>
                  <a:gd name="connsiteX5" fmla="*/ 170191 w 170191"/>
                  <a:gd name="connsiteY5" fmla="*/ 301298 h 301297"/>
                  <a:gd name="connsiteX6" fmla="*/ 170191 w 170191"/>
                  <a:gd name="connsiteY6" fmla="*/ 282258 h 301297"/>
                  <a:gd name="connsiteX7" fmla="*/ 109945 w 170191"/>
                  <a:gd name="connsiteY7" fmla="*/ 282258 h 301297"/>
                  <a:gd name="connsiteX8" fmla="*/ 19005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9005" y="191155"/>
                    </a:moveTo>
                    <a:lnTo>
                      <a:pt x="19005" y="0"/>
                    </a:lnTo>
                    <a:lnTo>
                      <a:pt x="0" y="0"/>
                    </a:lnTo>
                    <a:lnTo>
                      <a:pt x="0" y="191155"/>
                    </a:lnTo>
                    <a:cubicBezTo>
                      <a:pt x="0" y="251891"/>
                      <a:pt x="49318" y="301298"/>
                      <a:pt x="109945" y="301298"/>
                    </a:cubicBezTo>
                    <a:lnTo>
                      <a:pt x="170191" y="301298"/>
                    </a:lnTo>
                    <a:lnTo>
                      <a:pt x="170191" y="282258"/>
                    </a:lnTo>
                    <a:lnTo>
                      <a:pt x="109945" y="282258"/>
                    </a:lnTo>
                    <a:cubicBezTo>
                      <a:pt x="59771" y="282258"/>
                      <a:pt x="19005" y="241419"/>
                      <a:pt x="19005" y="191155"/>
                    </a:cubicBezTo>
                    <a:close/>
                  </a:path>
                </a:pathLst>
              </a:custGeom>
              <a:solidFill>
                <a:srgbClr val="265A9A"/>
              </a:solidFill>
              <a:ln w="0" cap="flat">
                <a:noFill/>
                <a:prstDash val="solid"/>
                <a:miter/>
              </a:ln>
            </p:spPr>
            <p:txBody>
              <a:bodyPr rtlCol="0" anchor="ctr"/>
              <a:lstStyle/>
              <a:p>
                <a:endParaRPr lang="en-US"/>
              </a:p>
            </p:txBody>
          </p:sp>
          <p:sp>
            <p:nvSpPr>
              <p:cNvPr id="28" name="Freeform 11">
                <a:extLst>
                  <a:ext uri="{FF2B5EF4-FFF2-40B4-BE49-F238E27FC236}">
                    <a16:creationId xmlns:a16="http://schemas.microsoft.com/office/drawing/2014/main" id="{DC404AA5-C937-EB0D-A40D-C757A4A1B15D}"/>
                  </a:ext>
                </a:extLst>
              </p:cNvPr>
              <p:cNvSpPr/>
              <p:nvPr/>
            </p:nvSpPr>
            <p:spPr>
              <a:xfrm>
                <a:off x="5797903" y="366889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29" name="Freeform 12">
                <a:extLst>
                  <a:ext uri="{FF2B5EF4-FFF2-40B4-BE49-F238E27FC236}">
                    <a16:creationId xmlns:a16="http://schemas.microsoft.com/office/drawing/2014/main" id="{E93E204B-E359-98E0-C0CB-A3B839BE66A2}"/>
                  </a:ext>
                </a:extLst>
              </p:cNvPr>
              <p:cNvSpPr/>
              <p:nvPr/>
            </p:nvSpPr>
            <p:spPr>
              <a:xfrm>
                <a:off x="5584855" y="3618536"/>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30" name="Freeform 13">
                <a:extLst>
                  <a:ext uri="{FF2B5EF4-FFF2-40B4-BE49-F238E27FC236}">
                    <a16:creationId xmlns:a16="http://schemas.microsoft.com/office/drawing/2014/main" id="{9E0D22A4-BA23-0207-4CC6-FD522166C793}"/>
                  </a:ext>
                </a:extLst>
              </p:cNvPr>
              <p:cNvSpPr/>
              <p:nvPr/>
            </p:nvSpPr>
            <p:spPr>
              <a:xfrm>
                <a:off x="5366486" y="366889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grpSp>
        <p:sp>
          <p:nvSpPr>
            <p:cNvPr id="31" name="Rectangle 30">
              <a:extLst>
                <a:ext uri="{FF2B5EF4-FFF2-40B4-BE49-F238E27FC236}">
                  <a16:creationId xmlns:a16="http://schemas.microsoft.com/office/drawing/2014/main" id="{75AD72C5-4D77-5C47-D11B-B619D266D6E7}"/>
                </a:ext>
              </a:extLst>
            </p:cNvPr>
            <p:cNvSpPr/>
            <p:nvPr/>
          </p:nvSpPr>
          <p:spPr>
            <a:xfrm>
              <a:off x="654739" y="3349492"/>
              <a:ext cx="8608019" cy="1422000"/>
            </a:xfrm>
            <a:prstGeom prst="rect">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People with lived and living experience of mental ill health and suicide were not involved in the negotiation or design of the Agreement</a:t>
              </a:r>
            </a:p>
            <a:p>
              <a:pPr marL="285750" indent="-285750">
                <a:spcAft>
                  <a:spcPts val="600"/>
                </a:spcAft>
                <a:buFont typeface="Arial" panose="020B0604020202020204" pitchFamily="34" charset="0"/>
                <a:buChar char="•"/>
              </a:pPr>
              <a:r>
                <a:rPr lang="en-AU" sz="1600" spc="-10">
                  <a:solidFill>
                    <a:schemeClr val="tx1"/>
                  </a:solidFill>
                  <a:latin typeface="+mj-lt"/>
                  <a:ea typeface="Arial" panose="020B0604020202020204" pitchFamily="34" charset="0"/>
                  <a:cs typeface="Times New Roman" panose="02020603050405020304" pitchFamily="18" charset="0"/>
                </a:rPr>
                <a:t>Limited recognition of the needs of supporters, family, carers and kin</a:t>
              </a:r>
              <a:endParaRPr lang="en-AU" sz="1600" spc="-10">
                <a:solidFill>
                  <a:schemeClr val="tx1"/>
                </a:solidFill>
                <a:effectLst/>
                <a:latin typeface="+mj-lt"/>
                <a:ea typeface="Arial" panose="020B0604020202020204" pitchFamily="34" charset="0"/>
                <a:cs typeface="Times New Roman" panose="02020603050405020304" pitchFamily="18" charset="0"/>
              </a:endParaRPr>
            </a:p>
            <a:p>
              <a:pPr marL="285750" indent="-285750">
                <a:spcAft>
                  <a:spcPts val="600"/>
                </a:spcAft>
                <a:buFont typeface="Arial" panose="020B0604020202020204" pitchFamily="34" charset="0"/>
                <a:buChar char="•"/>
              </a:pPr>
              <a:endParaRPr lang="en-US" sz="1600">
                <a:solidFill>
                  <a:schemeClr val="tx1"/>
                </a:solidFill>
                <a:latin typeface="+mj-lt"/>
                <a:cs typeface="Times New Roman" panose="02020603050405020304" pitchFamily="18" charset="0"/>
              </a:endParaRPr>
            </a:p>
          </p:txBody>
        </p:sp>
        <p:grpSp>
          <p:nvGrpSpPr>
            <p:cNvPr id="48" name="Group 47">
              <a:extLst>
                <a:ext uri="{FF2B5EF4-FFF2-40B4-BE49-F238E27FC236}">
                  <a16:creationId xmlns:a16="http://schemas.microsoft.com/office/drawing/2014/main" id="{A853FD53-C4C6-DFEE-6EF6-56EF901BA162}"/>
                </a:ext>
              </a:extLst>
            </p:cNvPr>
            <p:cNvGrpSpPr/>
            <p:nvPr/>
          </p:nvGrpSpPr>
          <p:grpSpPr>
            <a:xfrm>
              <a:off x="9808411" y="3710784"/>
              <a:ext cx="720000" cy="720000"/>
              <a:chOff x="3929219" y="3590663"/>
              <a:chExt cx="419512" cy="419010"/>
            </a:xfrm>
          </p:grpSpPr>
          <p:sp>
            <p:nvSpPr>
              <p:cNvPr id="50" name="Graphic 2">
                <a:extLst>
                  <a:ext uri="{FF2B5EF4-FFF2-40B4-BE49-F238E27FC236}">
                    <a16:creationId xmlns:a16="http://schemas.microsoft.com/office/drawing/2014/main" id="{0E639DD6-C247-02C1-3999-8DDC30A02086}"/>
                  </a:ext>
                </a:extLst>
              </p:cNvPr>
              <p:cNvSpPr/>
              <p:nvPr/>
            </p:nvSpPr>
            <p:spPr>
              <a:xfrm>
                <a:off x="4186142" y="3617055"/>
                <a:ext cx="128778" cy="129349"/>
              </a:xfrm>
              <a:custGeom>
                <a:avLst/>
                <a:gdLst>
                  <a:gd name="connsiteX0" fmla="*/ 0 w 128778"/>
                  <a:gd name="connsiteY0" fmla="*/ 36957 h 129349"/>
                  <a:gd name="connsiteX1" fmla="*/ 36957 w 128778"/>
                  <a:gd name="connsiteY1" fmla="*/ 0 h 129349"/>
                  <a:gd name="connsiteX2" fmla="*/ 128778 w 128778"/>
                  <a:gd name="connsiteY2" fmla="*/ 91821 h 129349"/>
                  <a:gd name="connsiteX3" fmla="*/ 91250 w 128778"/>
                  <a:gd name="connsiteY3" fmla="*/ 129349 h 129349"/>
                  <a:gd name="connsiteX4" fmla="*/ 0 w 128778"/>
                  <a:gd name="connsiteY4" fmla="*/ 36957 h 1293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8778" h="129349">
                    <a:moveTo>
                      <a:pt x="0" y="36957"/>
                    </a:moveTo>
                    <a:lnTo>
                      <a:pt x="36957" y="0"/>
                    </a:lnTo>
                    <a:lnTo>
                      <a:pt x="128778" y="91821"/>
                    </a:lnTo>
                    <a:lnTo>
                      <a:pt x="91250" y="129349"/>
                    </a:lnTo>
                    <a:lnTo>
                      <a:pt x="0" y="36957"/>
                    </a:lnTo>
                    <a:close/>
                  </a:path>
                </a:pathLst>
              </a:custGeom>
              <a:solidFill>
                <a:srgbClr val="C7E4F1"/>
              </a:solidFill>
              <a:ln w="9525" cap="flat">
                <a:noFill/>
                <a:prstDash val="solid"/>
                <a:miter/>
              </a:ln>
            </p:spPr>
            <p:txBody>
              <a:bodyPr rtlCol="0" anchor="ctr"/>
              <a:lstStyle/>
              <a:p>
                <a:endParaRPr lang="en-AU" sz="153"/>
              </a:p>
            </p:txBody>
          </p:sp>
          <p:sp>
            <p:nvSpPr>
              <p:cNvPr id="65" name="Graphic 2">
                <a:extLst>
                  <a:ext uri="{FF2B5EF4-FFF2-40B4-BE49-F238E27FC236}">
                    <a16:creationId xmlns:a16="http://schemas.microsoft.com/office/drawing/2014/main" id="{B11E0FD2-307A-6EFA-AA57-FF4CC11DCC86}"/>
                  </a:ext>
                </a:extLst>
              </p:cNvPr>
              <p:cNvSpPr/>
              <p:nvPr/>
            </p:nvSpPr>
            <p:spPr>
              <a:xfrm>
                <a:off x="3959351" y="3862419"/>
                <a:ext cx="107156" cy="110966"/>
              </a:xfrm>
              <a:custGeom>
                <a:avLst/>
                <a:gdLst>
                  <a:gd name="connsiteX0" fmla="*/ 22574 w 107156"/>
                  <a:gd name="connsiteY0" fmla="*/ 0 h 110966"/>
                  <a:gd name="connsiteX1" fmla="*/ 107156 w 107156"/>
                  <a:gd name="connsiteY1" fmla="*/ 84487 h 110966"/>
                  <a:gd name="connsiteX2" fmla="*/ 50006 w 107156"/>
                  <a:gd name="connsiteY2" fmla="*/ 110966 h 110966"/>
                  <a:gd name="connsiteX3" fmla="*/ 0 w 107156"/>
                  <a:gd name="connsiteY3" fmla="*/ 55435 h 110966"/>
                  <a:gd name="connsiteX4" fmla="*/ 22574 w 107156"/>
                  <a:gd name="connsiteY4" fmla="*/ 0 h 1109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156" h="110966">
                    <a:moveTo>
                      <a:pt x="22574" y="0"/>
                    </a:moveTo>
                    <a:lnTo>
                      <a:pt x="107156" y="84487"/>
                    </a:lnTo>
                    <a:lnTo>
                      <a:pt x="50006" y="110966"/>
                    </a:lnTo>
                    <a:lnTo>
                      <a:pt x="0" y="55435"/>
                    </a:lnTo>
                    <a:lnTo>
                      <a:pt x="22574" y="0"/>
                    </a:lnTo>
                    <a:close/>
                  </a:path>
                </a:pathLst>
              </a:custGeom>
              <a:solidFill>
                <a:srgbClr val="C7E4F1"/>
              </a:solidFill>
              <a:ln w="9525" cap="flat">
                <a:noFill/>
                <a:prstDash val="solid"/>
                <a:miter/>
              </a:ln>
            </p:spPr>
            <p:txBody>
              <a:bodyPr rtlCol="0" anchor="ctr"/>
              <a:lstStyle/>
              <a:p>
                <a:endParaRPr lang="en-AU" sz="153"/>
              </a:p>
            </p:txBody>
          </p:sp>
          <p:sp>
            <p:nvSpPr>
              <p:cNvPr id="66" name="Graphic 2">
                <a:extLst>
                  <a:ext uri="{FF2B5EF4-FFF2-40B4-BE49-F238E27FC236}">
                    <a16:creationId xmlns:a16="http://schemas.microsoft.com/office/drawing/2014/main" id="{32306AEF-5EEF-161D-FEBB-5D4FC521C3C1}"/>
                  </a:ext>
                </a:extLst>
              </p:cNvPr>
              <p:cNvSpPr/>
              <p:nvPr/>
            </p:nvSpPr>
            <p:spPr>
              <a:xfrm>
                <a:off x="3937444" y="3599815"/>
                <a:ext cx="190881" cy="188309"/>
              </a:xfrm>
              <a:custGeom>
                <a:avLst/>
                <a:gdLst>
                  <a:gd name="connsiteX0" fmla="*/ 82963 w 190881"/>
                  <a:gd name="connsiteY0" fmla="*/ 0 h 188309"/>
                  <a:gd name="connsiteX1" fmla="*/ 190881 w 190881"/>
                  <a:gd name="connsiteY1" fmla="*/ 107918 h 188309"/>
                  <a:gd name="connsiteX2" fmla="*/ 110395 w 190881"/>
                  <a:gd name="connsiteY2" fmla="*/ 188309 h 188309"/>
                  <a:gd name="connsiteX3" fmla="*/ 0 w 190881"/>
                  <a:gd name="connsiteY3" fmla="*/ 78010 h 188309"/>
                  <a:gd name="connsiteX4" fmla="*/ 82963 w 190881"/>
                  <a:gd name="connsiteY4" fmla="*/ 0 h 1883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0881" h="188309">
                    <a:moveTo>
                      <a:pt x="82963" y="0"/>
                    </a:moveTo>
                    <a:lnTo>
                      <a:pt x="190881" y="107918"/>
                    </a:lnTo>
                    <a:lnTo>
                      <a:pt x="110395" y="188309"/>
                    </a:lnTo>
                    <a:lnTo>
                      <a:pt x="0" y="78010"/>
                    </a:lnTo>
                    <a:lnTo>
                      <a:pt x="82963" y="0"/>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7" name="Graphic 2">
                <a:extLst>
                  <a:ext uri="{FF2B5EF4-FFF2-40B4-BE49-F238E27FC236}">
                    <a16:creationId xmlns:a16="http://schemas.microsoft.com/office/drawing/2014/main" id="{7A06A702-9072-5997-3694-A79C2E2EDE57}"/>
                  </a:ext>
                </a:extLst>
              </p:cNvPr>
              <p:cNvSpPr/>
              <p:nvPr/>
            </p:nvSpPr>
            <p:spPr>
              <a:xfrm>
                <a:off x="4144517" y="3810412"/>
                <a:ext cx="193643" cy="187928"/>
              </a:xfrm>
              <a:custGeom>
                <a:avLst/>
                <a:gdLst>
                  <a:gd name="connsiteX0" fmla="*/ 82677 w 193643"/>
                  <a:gd name="connsiteY0" fmla="*/ 0 h 187928"/>
                  <a:gd name="connsiteX1" fmla="*/ 193643 w 193643"/>
                  <a:gd name="connsiteY1" fmla="*/ 110871 h 187928"/>
                  <a:gd name="connsiteX2" fmla="*/ 116681 w 193643"/>
                  <a:gd name="connsiteY2" fmla="*/ 187928 h 187928"/>
                  <a:gd name="connsiteX3" fmla="*/ 0 w 193643"/>
                  <a:gd name="connsiteY3" fmla="*/ 71247 h 187928"/>
                  <a:gd name="connsiteX4" fmla="*/ 82677 w 193643"/>
                  <a:gd name="connsiteY4" fmla="*/ 0 h 1879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3643" h="187928">
                    <a:moveTo>
                      <a:pt x="82677" y="0"/>
                    </a:moveTo>
                    <a:lnTo>
                      <a:pt x="193643" y="110871"/>
                    </a:lnTo>
                    <a:lnTo>
                      <a:pt x="116681" y="187928"/>
                    </a:lnTo>
                    <a:lnTo>
                      <a:pt x="0" y="71247"/>
                    </a:lnTo>
                    <a:lnTo>
                      <a:pt x="82677" y="0"/>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8" name="Graphic 2">
                <a:extLst>
                  <a:ext uri="{FF2B5EF4-FFF2-40B4-BE49-F238E27FC236}">
                    <a16:creationId xmlns:a16="http://schemas.microsoft.com/office/drawing/2014/main" id="{8C0DA871-55C9-6D0E-1062-1573954F77C3}"/>
                  </a:ext>
                </a:extLst>
              </p:cNvPr>
              <p:cNvSpPr/>
              <p:nvPr/>
            </p:nvSpPr>
            <p:spPr>
              <a:xfrm>
                <a:off x="3942111" y="3925474"/>
                <a:ext cx="68389" cy="72866"/>
              </a:xfrm>
              <a:custGeom>
                <a:avLst/>
                <a:gdLst>
                  <a:gd name="connsiteX0" fmla="*/ 20479 w 68389"/>
                  <a:gd name="connsiteY0" fmla="*/ 0 h 72866"/>
                  <a:gd name="connsiteX1" fmla="*/ 0 w 68389"/>
                  <a:gd name="connsiteY1" fmla="*/ 72866 h 72866"/>
                  <a:gd name="connsiteX2" fmla="*/ 68389 w 68389"/>
                  <a:gd name="connsiteY2" fmla="*/ 44387 h 72866"/>
                  <a:gd name="connsiteX3" fmla="*/ 20479 w 68389"/>
                  <a:gd name="connsiteY3" fmla="*/ 0 h 72866"/>
                </a:gdLst>
                <a:ahLst/>
                <a:cxnLst>
                  <a:cxn ang="0">
                    <a:pos x="connsiteX0" y="connsiteY0"/>
                  </a:cxn>
                  <a:cxn ang="0">
                    <a:pos x="connsiteX1" y="connsiteY1"/>
                  </a:cxn>
                  <a:cxn ang="0">
                    <a:pos x="connsiteX2" y="connsiteY2"/>
                  </a:cxn>
                  <a:cxn ang="0">
                    <a:pos x="connsiteX3" y="connsiteY3"/>
                  </a:cxn>
                </a:cxnLst>
                <a:rect l="l" t="t" r="r" b="b"/>
                <a:pathLst>
                  <a:path w="68389" h="72866">
                    <a:moveTo>
                      <a:pt x="20479" y="0"/>
                    </a:moveTo>
                    <a:lnTo>
                      <a:pt x="0" y="72866"/>
                    </a:lnTo>
                    <a:lnTo>
                      <a:pt x="68389" y="44387"/>
                    </a:lnTo>
                    <a:lnTo>
                      <a:pt x="20479" y="0"/>
                    </a:lnTo>
                    <a:close/>
                  </a:path>
                </a:pathLst>
              </a:custGeom>
              <a:solidFill>
                <a:schemeClr val="bg2">
                  <a:lumMod val="40000"/>
                  <a:lumOff val="60000"/>
                </a:schemeClr>
              </a:solidFill>
              <a:ln w="9525" cap="flat">
                <a:noFill/>
                <a:prstDash val="solid"/>
                <a:miter/>
              </a:ln>
            </p:spPr>
            <p:txBody>
              <a:bodyPr rtlCol="0" anchor="ctr"/>
              <a:lstStyle/>
              <a:p>
                <a:endParaRPr lang="en-AU" sz="153"/>
              </a:p>
            </p:txBody>
          </p:sp>
          <p:sp>
            <p:nvSpPr>
              <p:cNvPr id="69" name="Graphic 2">
                <a:extLst>
                  <a:ext uri="{FF2B5EF4-FFF2-40B4-BE49-F238E27FC236}">
                    <a16:creationId xmlns:a16="http://schemas.microsoft.com/office/drawing/2014/main" id="{627867A0-D058-775F-EEA4-F4BFFF4FE695}"/>
                  </a:ext>
                </a:extLst>
              </p:cNvPr>
              <p:cNvSpPr/>
              <p:nvPr/>
            </p:nvSpPr>
            <p:spPr>
              <a:xfrm>
                <a:off x="3978973" y="3658774"/>
                <a:ext cx="254793" cy="245268"/>
              </a:xfrm>
              <a:custGeom>
                <a:avLst/>
                <a:gdLst>
                  <a:gd name="connsiteX0" fmla="*/ 213741 w 254793"/>
                  <a:gd name="connsiteY0" fmla="*/ 0 h 245268"/>
                  <a:gd name="connsiteX1" fmla="*/ 254794 w 254793"/>
                  <a:gd name="connsiteY1" fmla="*/ 41053 h 245268"/>
                  <a:gd name="connsiteX2" fmla="*/ 50578 w 254793"/>
                  <a:gd name="connsiteY2" fmla="*/ 245269 h 245268"/>
                  <a:gd name="connsiteX3" fmla="*/ 0 w 254793"/>
                  <a:gd name="connsiteY3" fmla="*/ 194691 h 245268"/>
                  <a:gd name="connsiteX4" fmla="*/ 213741 w 254793"/>
                  <a:gd name="connsiteY4" fmla="*/ 0 h 2452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4793" h="245268">
                    <a:moveTo>
                      <a:pt x="213741" y="0"/>
                    </a:moveTo>
                    <a:lnTo>
                      <a:pt x="254794" y="41053"/>
                    </a:lnTo>
                    <a:lnTo>
                      <a:pt x="50578" y="245269"/>
                    </a:lnTo>
                    <a:lnTo>
                      <a:pt x="0" y="194691"/>
                    </a:lnTo>
                    <a:lnTo>
                      <a:pt x="213741" y="0"/>
                    </a:lnTo>
                    <a:close/>
                  </a:path>
                </a:pathLst>
              </a:custGeom>
              <a:solidFill>
                <a:schemeClr val="bg2">
                  <a:lumMod val="60000"/>
                  <a:lumOff val="40000"/>
                </a:schemeClr>
              </a:solidFill>
              <a:ln w="9525" cap="flat">
                <a:noFill/>
                <a:prstDash val="solid"/>
                <a:miter/>
              </a:ln>
            </p:spPr>
            <p:txBody>
              <a:bodyPr rtlCol="0" anchor="ctr"/>
              <a:lstStyle/>
              <a:p>
                <a:endParaRPr lang="en-AU" sz="153"/>
              </a:p>
            </p:txBody>
          </p:sp>
          <p:sp>
            <p:nvSpPr>
              <p:cNvPr id="70" name="Graphic 2">
                <a:extLst>
                  <a:ext uri="{FF2B5EF4-FFF2-40B4-BE49-F238E27FC236}">
                    <a16:creationId xmlns:a16="http://schemas.microsoft.com/office/drawing/2014/main" id="{2CA7607D-68EC-C5EC-4D17-DC4E8A148604}"/>
                  </a:ext>
                </a:extLst>
              </p:cNvPr>
              <p:cNvSpPr/>
              <p:nvPr/>
            </p:nvSpPr>
            <p:spPr>
              <a:xfrm>
                <a:off x="4029551" y="3705828"/>
                <a:ext cx="251841" cy="238696"/>
              </a:xfrm>
              <a:custGeom>
                <a:avLst/>
                <a:gdLst>
                  <a:gd name="connsiteX0" fmla="*/ 207740 w 251841"/>
                  <a:gd name="connsiteY0" fmla="*/ 0 h 238696"/>
                  <a:gd name="connsiteX1" fmla="*/ 0 w 251841"/>
                  <a:gd name="connsiteY1" fmla="*/ 198215 h 238696"/>
                  <a:gd name="connsiteX2" fmla="*/ 40481 w 251841"/>
                  <a:gd name="connsiteY2" fmla="*/ 238696 h 238696"/>
                  <a:gd name="connsiteX3" fmla="*/ 251841 w 251841"/>
                  <a:gd name="connsiteY3" fmla="*/ 44005 h 238696"/>
                  <a:gd name="connsiteX4" fmla="*/ 207740 w 251841"/>
                  <a:gd name="connsiteY4" fmla="*/ 0 h 2386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1841" h="238696">
                    <a:moveTo>
                      <a:pt x="207740" y="0"/>
                    </a:moveTo>
                    <a:lnTo>
                      <a:pt x="0" y="198215"/>
                    </a:lnTo>
                    <a:lnTo>
                      <a:pt x="40481" y="238696"/>
                    </a:lnTo>
                    <a:lnTo>
                      <a:pt x="251841" y="44005"/>
                    </a:lnTo>
                    <a:lnTo>
                      <a:pt x="207740" y="0"/>
                    </a:lnTo>
                    <a:close/>
                  </a:path>
                </a:pathLst>
              </a:custGeom>
              <a:solidFill>
                <a:schemeClr val="bg2">
                  <a:lumMod val="60000"/>
                  <a:lumOff val="40000"/>
                </a:schemeClr>
              </a:solidFill>
              <a:ln w="9525" cap="flat">
                <a:noFill/>
                <a:prstDash val="solid"/>
                <a:miter/>
              </a:ln>
            </p:spPr>
            <p:txBody>
              <a:bodyPr rtlCol="0" anchor="ctr"/>
              <a:lstStyle/>
              <a:p>
                <a:endParaRPr lang="en-AU" sz="153"/>
              </a:p>
            </p:txBody>
          </p:sp>
          <p:sp>
            <p:nvSpPr>
              <p:cNvPr id="95" name="Graphic 2">
                <a:extLst>
                  <a:ext uri="{FF2B5EF4-FFF2-40B4-BE49-F238E27FC236}">
                    <a16:creationId xmlns:a16="http://schemas.microsoft.com/office/drawing/2014/main" id="{41EC3F07-214C-D264-EBB3-CD19C7632660}"/>
                  </a:ext>
                </a:extLst>
              </p:cNvPr>
              <p:cNvSpPr/>
              <p:nvPr/>
            </p:nvSpPr>
            <p:spPr>
              <a:xfrm>
                <a:off x="4234433" y="3599815"/>
                <a:ext cx="105346" cy="108680"/>
              </a:xfrm>
              <a:custGeom>
                <a:avLst/>
                <a:gdLst>
                  <a:gd name="connsiteX0" fmla="*/ 0 w 105346"/>
                  <a:gd name="connsiteY0" fmla="*/ 20574 h 108680"/>
                  <a:gd name="connsiteX1" fmla="*/ 88106 w 105346"/>
                  <a:gd name="connsiteY1" fmla="*/ 108680 h 108680"/>
                  <a:gd name="connsiteX2" fmla="*/ 105346 w 105346"/>
                  <a:gd name="connsiteY2" fmla="*/ 64579 h 108680"/>
                  <a:gd name="connsiteX3" fmla="*/ 86773 w 105346"/>
                  <a:gd name="connsiteY3" fmla="*/ 20574 h 108680"/>
                  <a:gd name="connsiteX4" fmla="*/ 26765 w 105346"/>
                  <a:gd name="connsiteY4" fmla="*/ 0 h 108680"/>
                  <a:gd name="connsiteX5" fmla="*/ 0 w 105346"/>
                  <a:gd name="connsiteY5" fmla="*/ 20574 h 108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5346" h="108680">
                    <a:moveTo>
                      <a:pt x="0" y="20574"/>
                    </a:moveTo>
                    <a:lnTo>
                      <a:pt x="88106" y="108680"/>
                    </a:lnTo>
                    <a:lnTo>
                      <a:pt x="105346" y="64579"/>
                    </a:lnTo>
                    <a:lnTo>
                      <a:pt x="86773" y="20574"/>
                    </a:lnTo>
                    <a:lnTo>
                      <a:pt x="26765" y="0"/>
                    </a:lnTo>
                    <a:lnTo>
                      <a:pt x="0" y="20574"/>
                    </a:lnTo>
                    <a:close/>
                  </a:path>
                </a:pathLst>
              </a:custGeom>
              <a:solidFill>
                <a:schemeClr val="bg2">
                  <a:lumMod val="60000"/>
                  <a:lumOff val="40000"/>
                </a:schemeClr>
              </a:solidFill>
              <a:ln w="9525" cap="flat">
                <a:noFill/>
                <a:prstDash val="solid"/>
                <a:miter/>
              </a:ln>
            </p:spPr>
            <p:txBody>
              <a:bodyPr rtlCol="0" anchor="ctr"/>
              <a:lstStyle/>
              <a:p>
                <a:endParaRPr lang="en-AU" sz="153"/>
              </a:p>
            </p:txBody>
          </p:sp>
          <p:sp>
            <p:nvSpPr>
              <p:cNvPr id="96" name="Graphic 2">
                <a:extLst>
                  <a:ext uri="{FF2B5EF4-FFF2-40B4-BE49-F238E27FC236}">
                    <a16:creationId xmlns:a16="http://schemas.microsoft.com/office/drawing/2014/main" id="{47D14E87-0401-B45D-050D-034121858BBF}"/>
                  </a:ext>
                </a:extLst>
              </p:cNvPr>
              <p:cNvSpPr/>
              <p:nvPr/>
            </p:nvSpPr>
            <p:spPr>
              <a:xfrm>
                <a:off x="3971925" y="3847179"/>
                <a:ext cx="9525" cy="95"/>
              </a:xfrm>
              <a:custGeom>
                <a:avLst/>
                <a:gdLst>
                  <a:gd name="connsiteX0" fmla="*/ 0 w 9525"/>
                  <a:gd name="connsiteY0" fmla="*/ 95 h 95"/>
                  <a:gd name="connsiteX1" fmla="*/ 0 w 9525"/>
                  <a:gd name="connsiteY1" fmla="*/ 95 h 95"/>
                  <a:gd name="connsiteX2" fmla="*/ 0 w 9525"/>
                  <a:gd name="connsiteY2" fmla="*/ 0 h 95"/>
                  <a:gd name="connsiteX3" fmla="*/ 0 w 9525"/>
                  <a:gd name="connsiteY3" fmla="*/ 95 h 95"/>
                </a:gdLst>
                <a:ahLst/>
                <a:cxnLst>
                  <a:cxn ang="0">
                    <a:pos x="connsiteX0" y="connsiteY0"/>
                  </a:cxn>
                  <a:cxn ang="0">
                    <a:pos x="connsiteX1" y="connsiteY1"/>
                  </a:cxn>
                  <a:cxn ang="0">
                    <a:pos x="connsiteX2" y="connsiteY2"/>
                  </a:cxn>
                  <a:cxn ang="0">
                    <a:pos x="connsiteX3" y="connsiteY3"/>
                  </a:cxn>
                </a:cxnLst>
                <a:rect l="l" t="t" r="r" b="b"/>
                <a:pathLst>
                  <a:path w="9525" h="95">
                    <a:moveTo>
                      <a:pt x="0" y="95"/>
                    </a:moveTo>
                    <a:lnTo>
                      <a:pt x="0" y="95"/>
                    </a:lnTo>
                    <a:lnTo>
                      <a:pt x="0" y="0"/>
                    </a:lnTo>
                    <a:lnTo>
                      <a:pt x="0" y="95"/>
                    </a:lnTo>
                    <a:close/>
                  </a:path>
                </a:pathLst>
              </a:custGeom>
              <a:solidFill>
                <a:srgbClr val="265998"/>
              </a:solidFill>
              <a:ln w="9525" cap="flat">
                <a:noFill/>
                <a:prstDash val="solid"/>
                <a:miter/>
              </a:ln>
            </p:spPr>
            <p:txBody>
              <a:bodyPr rtlCol="0" anchor="ctr"/>
              <a:lstStyle/>
              <a:p>
                <a:endParaRPr lang="en-AU" sz="153"/>
              </a:p>
            </p:txBody>
          </p:sp>
          <p:sp>
            <p:nvSpPr>
              <p:cNvPr id="97" name="Graphic 2">
                <a:extLst>
                  <a:ext uri="{FF2B5EF4-FFF2-40B4-BE49-F238E27FC236}">
                    <a16:creationId xmlns:a16="http://schemas.microsoft.com/office/drawing/2014/main" id="{8854CD59-B13F-B611-3326-E23EBCE102BE}"/>
                  </a:ext>
                </a:extLst>
              </p:cNvPr>
              <p:cNvSpPr/>
              <p:nvPr/>
            </p:nvSpPr>
            <p:spPr>
              <a:xfrm>
                <a:off x="3929219" y="3590663"/>
                <a:ext cx="419512" cy="419010"/>
              </a:xfrm>
              <a:custGeom>
                <a:avLst/>
                <a:gdLst>
                  <a:gd name="connsiteX0" fmla="*/ 309977 w 419512"/>
                  <a:gd name="connsiteY0" fmla="*/ 217368 h 419010"/>
                  <a:gd name="connsiteX1" fmla="*/ 309977 w 419512"/>
                  <a:gd name="connsiteY1" fmla="*/ 210986 h 419010"/>
                  <a:gd name="connsiteX2" fmla="*/ 357602 w 419512"/>
                  <a:gd name="connsiteY2" fmla="*/ 165838 h 419010"/>
                  <a:gd name="connsiteX3" fmla="*/ 357602 w 419512"/>
                  <a:gd name="connsiteY3" fmla="*/ 165838 h 419010"/>
                  <a:gd name="connsiteX4" fmla="*/ 358173 w 419512"/>
                  <a:gd name="connsiteY4" fmla="*/ 165838 h 419010"/>
                  <a:gd name="connsiteX5" fmla="*/ 397988 w 419512"/>
                  <a:gd name="connsiteY5" fmla="*/ 126023 h 419010"/>
                  <a:gd name="connsiteX6" fmla="*/ 395321 w 419512"/>
                  <a:gd name="connsiteY6" fmla="*/ 25153 h 419010"/>
                  <a:gd name="connsiteX7" fmla="*/ 338171 w 419512"/>
                  <a:gd name="connsiteY7" fmla="*/ 960 h 419010"/>
                  <a:gd name="connsiteX8" fmla="*/ 291308 w 419512"/>
                  <a:gd name="connsiteY8" fmla="*/ 20010 h 419010"/>
                  <a:gd name="connsiteX9" fmla="*/ 252255 w 419512"/>
                  <a:gd name="connsiteY9" fmla="*/ 59062 h 419010"/>
                  <a:gd name="connsiteX10" fmla="*/ 203583 w 419512"/>
                  <a:gd name="connsiteY10" fmla="*/ 104878 h 419010"/>
                  <a:gd name="connsiteX11" fmla="*/ 200630 w 419512"/>
                  <a:gd name="connsiteY11" fmla="*/ 106116 h 419010"/>
                  <a:gd name="connsiteX12" fmla="*/ 197487 w 419512"/>
                  <a:gd name="connsiteY12" fmla="*/ 104783 h 419010"/>
                  <a:gd name="connsiteX13" fmla="*/ 95379 w 419512"/>
                  <a:gd name="connsiteY13" fmla="*/ 2675 h 419010"/>
                  <a:gd name="connsiteX14" fmla="*/ 82720 w 419512"/>
                  <a:gd name="connsiteY14" fmla="*/ 2570 h 419010"/>
                  <a:gd name="connsiteX15" fmla="*/ 82615 w 419512"/>
                  <a:gd name="connsiteY15" fmla="*/ 2675 h 419010"/>
                  <a:gd name="connsiteX16" fmla="*/ 2414 w 419512"/>
                  <a:gd name="connsiteY16" fmla="*/ 82875 h 419010"/>
                  <a:gd name="connsiteX17" fmla="*/ 2414 w 419512"/>
                  <a:gd name="connsiteY17" fmla="*/ 95543 h 419010"/>
                  <a:gd name="connsiteX18" fmla="*/ 101665 w 419512"/>
                  <a:gd name="connsiteY18" fmla="*/ 194794 h 419010"/>
                  <a:gd name="connsiteX19" fmla="*/ 102903 w 419512"/>
                  <a:gd name="connsiteY19" fmla="*/ 197937 h 419010"/>
                  <a:gd name="connsiteX20" fmla="*/ 101570 w 419512"/>
                  <a:gd name="connsiteY20" fmla="*/ 201080 h 419010"/>
                  <a:gd name="connsiteX21" fmla="*/ 42991 w 419512"/>
                  <a:gd name="connsiteY21" fmla="*/ 256325 h 419010"/>
                  <a:gd name="connsiteX22" fmla="*/ 42991 w 419512"/>
                  <a:gd name="connsiteY22" fmla="*/ 256325 h 419010"/>
                  <a:gd name="connsiteX23" fmla="*/ 41181 w 419512"/>
                  <a:gd name="connsiteY23" fmla="*/ 258897 h 419010"/>
                  <a:gd name="connsiteX24" fmla="*/ 41181 w 419512"/>
                  <a:gd name="connsiteY24" fmla="*/ 259564 h 419010"/>
                  <a:gd name="connsiteX25" fmla="*/ 41181 w 419512"/>
                  <a:gd name="connsiteY25" fmla="*/ 260421 h 419010"/>
                  <a:gd name="connsiteX26" fmla="*/ 1081 w 419512"/>
                  <a:gd name="connsiteY26" fmla="*/ 407487 h 419010"/>
                  <a:gd name="connsiteX27" fmla="*/ 7330 w 419512"/>
                  <a:gd name="connsiteY27" fmla="*/ 418498 h 419010"/>
                  <a:gd name="connsiteX28" fmla="*/ 9749 w 419512"/>
                  <a:gd name="connsiteY28" fmla="*/ 418822 h 419010"/>
                  <a:gd name="connsiteX29" fmla="*/ 13083 w 419512"/>
                  <a:gd name="connsiteY29" fmla="*/ 418155 h 419010"/>
                  <a:gd name="connsiteX30" fmla="*/ 146433 w 419512"/>
                  <a:gd name="connsiteY30" fmla="*/ 364720 h 419010"/>
                  <a:gd name="connsiteX31" fmla="*/ 149004 w 419512"/>
                  <a:gd name="connsiteY31" fmla="*/ 363005 h 419010"/>
                  <a:gd name="connsiteX32" fmla="*/ 149671 w 419512"/>
                  <a:gd name="connsiteY32" fmla="*/ 363005 h 419010"/>
                  <a:gd name="connsiteX33" fmla="*/ 209107 w 419512"/>
                  <a:gd name="connsiteY33" fmla="*/ 306998 h 419010"/>
                  <a:gd name="connsiteX34" fmla="*/ 212155 w 419512"/>
                  <a:gd name="connsiteY34" fmla="*/ 305760 h 419010"/>
                  <a:gd name="connsiteX35" fmla="*/ 212727 w 419512"/>
                  <a:gd name="connsiteY35" fmla="*/ 305760 h 419010"/>
                  <a:gd name="connsiteX36" fmla="*/ 213393 w 419512"/>
                  <a:gd name="connsiteY36" fmla="*/ 305760 h 419010"/>
                  <a:gd name="connsiteX37" fmla="*/ 323979 w 419512"/>
                  <a:gd name="connsiteY37" fmla="*/ 416345 h 419010"/>
                  <a:gd name="connsiteX38" fmla="*/ 336504 w 419512"/>
                  <a:gd name="connsiteY38" fmla="*/ 416488 h 419010"/>
                  <a:gd name="connsiteX39" fmla="*/ 336647 w 419512"/>
                  <a:gd name="connsiteY39" fmla="*/ 416345 h 419010"/>
                  <a:gd name="connsiteX40" fmla="*/ 416847 w 419512"/>
                  <a:gd name="connsiteY40" fmla="*/ 336145 h 419010"/>
                  <a:gd name="connsiteX41" fmla="*/ 416990 w 419512"/>
                  <a:gd name="connsiteY41" fmla="*/ 323619 h 419010"/>
                  <a:gd name="connsiteX42" fmla="*/ 416847 w 419512"/>
                  <a:gd name="connsiteY42" fmla="*/ 323477 h 419010"/>
                  <a:gd name="connsiteX43" fmla="*/ 317406 w 419512"/>
                  <a:gd name="connsiteY43" fmla="*/ 23058 h 419010"/>
                  <a:gd name="connsiteX44" fmla="*/ 339028 w 419512"/>
                  <a:gd name="connsiteY44" fmla="*/ 18200 h 419010"/>
                  <a:gd name="connsiteX45" fmla="*/ 383319 w 419512"/>
                  <a:gd name="connsiteY45" fmla="*/ 37250 h 419010"/>
                  <a:gd name="connsiteX46" fmla="*/ 394654 w 419512"/>
                  <a:gd name="connsiteY46" fmla="*/ 100782 h 419010"/>
                  <a:gd name="connsiteX47" fmla="*/ 391415 w 419512"/>
                  <a:gd name="connsiteY47" fmla="*/ 102973 h 419010"/>
                  <a:gd name="connsiteX48" fmla="*/ 390844 w 419512"/>
                  <a:gd name="connsiteY48" fmla="*/ 102973 h 419010"/>
                  <a:gd name="connsiteX49" fmla="*/ 387701 w 419512"/>
                  <a:gd name="connsiteY49" fmla="*/ 101735 h 419010"/>
                  <a:gd name="connsiteX50" fmla="*/ 316263 w 419512"/>
                  <a:gd name="connsiteY50" fmla="*/ 30202 h 419010"/>
                  <a:gd name="connsiteX51" fmla="*/ 315025 w 419512"/>
                  <a:gd name="connsiteY51" fmla="*/ 26392 h 419010"/>
                  <a:gd name="connsiteX52" fmla="*/ 317406 w 419512"/>
                  <a:gd name="connsiteY52" fmla="*/ 23058 h 419010"/>
                  <a:gd name="connsiteX53" fmla="*/ 274448 w 419512"/>
                  <a:gd name="connsiteY53" fmla="*/ 62301 h 419010"/>
                  <a:gd name="connsiteX54" fmla="*/ 295594 w 419512"/>
                  <a:gd name="connsiteY54" fmla="*/ 41155 h 419010"/>
                  <a:gd name="connsiteX55" fmla="*/ 298737 w 419512"/>
                  <a:gd name="connsiteY55" fmla="*/ 39822 h 419010"/>
                  <a:gd name="connsiteX56" fmla="*/ 301785 w 419512"/>
                  <a:gd name="connsiteY56" fmla="*/ 41155 h 419010"/>
                  <a:gd name="connsiteX57" fmla="*/ 376080 w 419512"/>
                  <a:gd name="connsiteY57" fmla="*/ 115831 h 419010"/>
                  <a:gd name="connsiteX58" fmla="*/ 377414 w 419512"/>
                  <a:gd name="connsiteY58" fmla="*/ 118879 h 419010"/>
                  <a:gd name="connsiteX59" fmla="*/ 376080 w 419512"/>
                  <a:gd name="connsiteY59" fmla="*/ 122023 h 419010"/>
                  <a:gd name="connsiteX60" fmla="*/ 354935 w 419512"/>
                  <a:gd name="connsiteY60" fmla="*/ 143168 h 419010"/>
                  <a:gd name="connsiteX61" fmla="*/ 351792 w 419512"/>
                  <a:gd name="connsiteY61" fmla="*/ 144502 h 419010"/>
                  <a:gd name="connsiteX62" fmla="*/ 348744 w 419512"/>
                  <a:gd name="connsiteY62" fmla="*/ 143168 h 419010"/>
                  <a:gd name="connsiteX63" fmla="*/ 274068 w 419512"/>
                  <a:gd name="connsiteY63" fmla="*/ 68492 h 419010"/>
                  <a:gd name="connsiteX64" fmla="*/ 274439 w 419512"/>
                  <a:gd name="connsiteY64" fmla="*/ 62310 h 419010"/>
                  <a:gd name="connsiteX65" fmla="*/ 274448 w 419512"/>
                  <a:gd name="connsiteY65" fmla="*/ 62301 h 419010"/>
                  <a:gd name="connsiteX66" fmla="*/ 24608 w 419512"/>
                  <a:gd name="connsiteY66" fmla="*/ 92305 h 419010"/>
                  <a:gd name="connsiteX67" fmla="*/ 24608 w 419512"/>
                  <a:gd name="connsiteY67" fmla="*/ 86113 h 419010"/>
                  <a:gd name="connsiteX68" fmla="*/ 85854 w 419512"/>
                  <a:gd name="connsiteY68" fmla="*/ 24772 h 419010"/>
                  <a:gd name="connsiteX69" fmla="*/ 92140 w 419512"/>
                  <a:gd name="connsiteY69" fmla="*/ 24772 h 419010"/>
                  <a:gd name="connsiteX70" fmla="*/ 113286 w 419512"/>
                  <a:gd name="connsiteY70" fmla="*/ 46013 h 419010"/>
                  <a:gd name="connsiteX71" fmla="*/ 113286 w 419512"/>
                  <a:gd name="connsiteY71" fmla="*/ 52204 h 419010"/>
                  <a:gd name="connsiteX72" fmla="*/ 96045 w 419512"/>
                  <a:gd name="connsiteY72" fmla="*/ 69445 h 419010"/>
                  <a:gd name="connsiteX73" fmla="*/ 96045 w 419512"/>
                  <a:gd name="connsiteY73" fmla="*/ 82208 h 419010"/>
                  <a:gd name="connsiteX74" fmla="*/ 102332 w 419512"/>
                  <a:gd name="connsiteY74" fmla="*/ 84780 h 419010"/>
                  <a:gd name="connsiteX75" fmla="*/ 108713 w 419512"/>
                  <a:gd name="connsiteY75" fmla="*/ 82208 h 419010"/>
                  <a:gd name="connsiteX76" fmla="*/ 125954 w 419512"/>
                  <a:gd name="connsiteY76" fmla="*/ 64873 h 419010"/>
                  <a:gd name="connsiteX77" fmla="*/ 132240 w 419512"/>
                  <a:gd name="connsiteY77" fmla="*/ 64873 h 419010"/>
                  <a:gd name="connsiteX78" fmla="*/ 146718 w 419512"/>
                  <a:gd name="connsiteY78" fmla="*/ 79446 h 419010"/>
                  <a:gd name="connsiteX79" fmla="*/ 148052 w 419512"/>
                  <a:gd name="connsiteY79" fmla="*/ 82494 h 419010"/>
                  <a:gd name="connsiteX80" fmla="*/ 146718 w 419512"/>
                  <a:gd name="connsiteY80" fmla="*/ 85637 h 419010"/>
                  <a:gd name="connsiteX81" fmla="*/ 129478 w 419512"/>
                  <a:gd name="connsiteY81" fmla="*/ 102877 h 419010"/>
                  <a:gd name="connsiteX82" fmla="*/ 129478 w 419512"/>
                  <a:gd name="connsiteY82" fmla="*/ 115641 h 419010"/>
                  <a:gd name="connsiteX83" fmla="*/ 135764 w 419512"/>
                  <a:gd name="connsiteY83" fmla="*/ 118213 h 419010"/>
                  <a:gd name="connsiteX84" fmla="*/ 142146 w 419512"/>
                  <a:gd name="connsiteY84" fmla="*/ 115641 h 419010"/>
                  <a:gd name="connsiteX85" fmla="*/ 159387 w 419512"/>
                  <a:gd name="connsiteY85" fmla="*/ 98305 h 419010"/>
                  <a:gd name="connsiteX86" fmla="*/ 165673 w 419512"/>
                  <a:gd name="connsiteY86" fmla="*/ 98305 h 419010"/>
                  <a:gd name="connsiteX87" fmla="*/ 184247 w 419512"/>
                  <a:gd name="connsiteY87" fmla="*/ 117355 h 419010"/>
                  <a:gd name="connsiteX88" fmla="*/ 185580 w 419512"/>
                  <a:gd name="connsiteY88" fmla="*/ 120499 h 419010"/>
                  <a:gd name="connsiteX89" fmla="*/ 184152 w 419512"/>
                  <a:gd name="connsiteY89" fmla="*/ 123642 h 419010"/>
                  <a:gd name="connsiteX90" fmla="*/ 121001 w 419512"/>
                  <a:gd name="connsiteY90" fmla="*/ 183078 h 419010"/>
                  <a:gd name="connsiteX91" fmla="*/ 118048 w 419512"/>
                  <a:gd name="connsiteY91" fmla="*/ 184316 h 419010"/>
                  <a:gd name="connsiteX92" fmla="*/ 114905 w 419512"/>
                  <a:gd name="connsiteY92" fmla="*/ 182983 h 419010"/>
                  <a:gd name="connsiteX93" fmla="*/ 65089 w 419512"/>
                  <a:gd name="connsiteY93" fmla="*/ 260611 h 419010"/>
                  <a:gd name="connsiteX94" fmla="*/ 255589 w 419512"/>
                  <a:gd name="connsiteY94" fmla="*/ 81351 h 419010"/>
                  <a:gd name="connsiteX95" fmla="*/ 258637 w 419512"/>
                  <a:gd name="connsiteY95" fmla="*/ 80113 h 419010"/>
                  <a:gd name="connsiteX96" fmla="*/ 261685 w 419512"/>
                  <a:gd name="connsiteY96" fmla="*/ 81446 h 419010"/>
                  <a:gd name="connsiteX97" fmla="*/ 290260 w 419512"/>
                  <a:gd name="connsiteY97" fmla="*/ 109450 h 419010"/>
                  <a:gd name="connsiteX98" fmla="*/ 291594 w 419512"/>
                  <a:gd name="connsiteY98" fmla="*/ 112688 h 419010"/>
                  <a:gd name="connsiteX99" fmla="*/ 290165 w 419512"/>
                  <a:gd name="connsiteY99" fmla="*/ 115831 h 419010"/>
                  <a:gd name="connsiteX100" fmla="*/ 99665 w 419512"/>
                  <a:gd name="connsiteY100" fmla="*/ 294711 h 419010"/>
                  <a:gd name="connsiteX101" fmla="*/ 96712 w 419512"/>
                  <a:gd name="connsiteY101" fmla="*/ 295854 h 419010"/>
                  <a:gd name="connsiteX102" fmla="*/ 93569 w 419512"/>
                  <a:gd name="connsiteY102" fmla="*/ 294616 h 419010"/>
                  <a:gd name="connsiteX103" fmla="*/ 65946 w 419512"/>
                  <a:gd name="connsiteY103" fmla="*/ 266898 h 419010"/>
                  <a:gd name="connsiteX104" fmla="*/ 64613 w 419512"/>
                  <a:gd name="connsiteY104" fmla="*/ 263755 h 419010"/>
                  <a:gd name="connsiteX105" fmla="*/ 65089 w 419512"/>
                  <a:gd name="connsiteY105" fmla="*/ 260611 h 419010"/>
                  <a:gd name="connsiteX106" fmla="*/ 62994 w 419512"/>
                  <a:gd name="connsiteY106" fmla="*/ 379102 h 419010"/>
                  <a:gd name="connsiteX107" fmla="*/ 30418 w 419512"/>
                  <a:gd name="connsiteY107" fmla="*/ 392152 h 419010"/>
                  <a:gd name="connsiteX108" fmla="*/ 28799 w 419512"/>
                  <a:gd name="connsiteY108" fmla="*/ 392152 h 419010"/>
                  <a:gd name="connsiteX109" fmla="*/ 25846 w 419512"/>
                  <a:gd name="connsiteY109" fmla="*/ 391009 h 419010"/>
                  <a:gd name="connsiteX110" fmla="*/ 24513 w 419512"/>
                  <a:gd name="connsiteY110" fmla="*/ 386627 h 419010"/>
                  <a:gd name="connsiteX111" fmla="*/ 34038 w 419512"/>
                  <a:gd name="connsiteY111" fmla="*/ 350718 h 419010"/>
                  <a:gd name="connsiteX112" fmla="*/ 37181 w 419512"/>
                  <a:gd name="connsiteY112" fmla="*/ 347575 h 419010"/>
                  <a:gd name="connsiteX113" fmla="*/ 38229 w 419512"/>
                  <a:gd name="connsiteY113" fmla="*/ 347575 h 419010"/>
                  <a:gd name="connsiteX114" fmla="*/ 41372 w 419512"/>
                  <a:gd name="connsiteY114" fmla="*/ 348813 h 419010"/>
                  <a:gd name="connsiteX115" fmla="*/ 64232 w 419512"/>
                  <a:gd name="connsiteY115" fmla="*/ 371673 h 419010"/>
                  <a:gd name="connsiteX116" fmla="*/ 65375 w 419512"/>
                  <a:gd name="connsiteY116" fmla="*/ 375673 h 419010"/>
                  <a:gd name="connsiteX117" fmla="*/ 62994 w 419512"/>
                  <a:gd name="connsiteY117" fmla="*/ 378626 h 419010"/>
                  <a:gd name="connsiteX118" fmla="*/ 120144 w 419512"/>
                  <a:gd name="connsiteY118" fmla="*/ 356338 h 419010"/>
                  <a:gd name="connsiteX119" fmla="*/ 88997 w 419512"/>
                  <a:gd name="connsiteY119" fmla="*/ 368815 h 419010"/>
                  <a:gd name="connsiteX120" fmla="*/ 87282 w 419512"/>
                  <a:gd name="connsiteY120" fmla="*/ 368815 h 419010"/>
                  <a:gd name="connsiteX121" fmla="*/ 86520 w 419512"/>
                  <a:gd name="connsiteY121" fmla="*/ 368815 h 419010"/>
                  <a:gd name="connsiteX122" fmla="*/ 43372 w 419512"/>
                  <a:gd name="connsiteY122" fmla="*/ 325667 h 419010"/>
                  <a:gd name="connsiteX123" fmla="*/ 42229 w 419512"/>
                  <a:gd name="connsiteY123" fmla="*/ 321476 h 419010"/>
                  <a:gd name="connsiteX124" fmla="*/ 51278 w 419512"/>
                  <a:gd name="connsiteY124" fmla="*/ 288139 h 419010"/>
                  <a:gd name="connsiteX125" fmla="*/ 54421 w 419512"/>
                  <a:gd name="connsiteY125" fmla="*/ 284995 h 419010"/>
                  <a:gd name="connsiteX126" fmla="*/ 55564 w 419512"/>
                  <a:gd name="connsiteY126" fmla="*/ 284995 h 419010"/>
                  <a:gd name="connsiteX127" fmla="*/ 58612 w 419512"/>
                  <a:gd name="connsiteY127" fmla="*/ 286234 h 419010"/>
                  <a:gd name="connsiteX128" fmla="*/ 121572 w 419512"/>
                  <a:gd name="connsiteY128" fmla="*/ 349194 h 419010"/>
                  <a:gd name="connsiteX129" fmla="*/ 122811 w 419512"/>
                  <a:gd name="connsiteY129" fmla="*/ 353194 h 419010"/>
                  <a:gd name="connsiteX130" fmla="*/ 120334 w 419512"/>
                  <a:gd name="connsiteY130" fmla="*/ 355861 h 419010"/>
                  <a:gd name="connsiteX131" fmla="*/ 145575 w 419512"/>
                  <a:gd name="connsiteY131" fmla="*/ 341669 h 419010"/>
                  <a:gd name="connsiteX132" fmla="*/ 142527 w 419512"/>
                  <a:gd name="connsiteY132" fmla="*/ 342908 h 419010"/>
                  <a:gd name="connsiteX133" fmla="*/ 139479 w 419512"/>
                  <a:gd name="connsiteY133" fmla="*/ 341574 h 419010"/>
                  <a:gd name="connsiteX134" fmla="*/ 111380 w 419512"/>
                  <a:gd name="connsiteY134" fmla="*/ 313475 h 419010"/>
                  <a:gd name="connsiteX135" fmla="*/ 110142 w 419512"/>
                  <a:gd name="connsiteY135" fmla="*/ 310332 h 419010"/>
                  <a:gd name="connsiteX136" fmla="*/ 111476 w 419512"/>
                  <a:gd name="connsiteY136" fmla="*/ 307189 h 419010"/>
                  <a:gd name="connsiteX137" fmla="*/ 301976 w 419512"/>
                  <a:gd name="connsiteY137" fmla="*/ 128309 h 419010"/>
                  <a:gd name="connsiteX138" fmla="*/ 304929 w 419512"/>
                  <a:gd name="connsiteY138" fmla="*/ 127166 h 419010"/>
                  <a:gd name="connsiteX139" fmla="*/ 308072 w 419512"/>
                  <a:gd name="connsiteY139" fmla="*/ 128404 h 419010"/>
                  <a:gd name="connsiteX140" fmla="*/ 335694 w 419512"/>
                  <a:gd name="connsiteY140" fmla="*/ 156122 h 419010"/>
                  <a:gd name="connsiteX141" fmla="*/ 337028 w 419512"/>
                  <a:gd name="connsiteY141" fmla="*/ 159265 h 419010"/>
                  <a:gd name="connsiteX142" fmla="*/ 335599 w 419512"/>
                  <a:gd name="connsiteY142" fmla="*/ 162409 h 419010"/>
                  <a:gd name="connsiteX143" fmla="*/ 393892 w 419512"/>
                  <a:gd name="connsiteY143" fmla="*/ 333478 h 419010"/>
                  <a:gd name="connsiteX144" fmla="*/ 332742 w 419512"/>
                  <a:gd name="connsiteY144" fmla="*/ 393961 h 419010"/>
                  <a:gd name="connsiteX145" fmla="*/ 329598 w 419512"/>
                  <a:gd name="connsiteY145" fmla="*/ 395200 h 419010"/>
                  <a:gd name="connsiteX146" fmla="*/ 326550 w 419512"/>
                  <a:gd name="connsiteY146" fmla="*/ 393961 h 419010"/>
                  <a:gd name="connsiteX147" fmla="*/ 226157 w 419512"/>
                  <a:gd name="connsiteY147" fmla="*/ 293949 h 419010"/>
                  <a:gd name="connsiteX148" fmla="*/ 226157 w 419512"/>
                  <a:gd name="connsiteY148" fmla="*/ 292711 h 419010"/>
                  <a:gd name="connsiteX149" fmla="*/ 227490 w 419512"/>
                  <a:gd name="connsiteY149" fmla="*/ 289186 h 419010"/>
                  <a:gd name="connsiteX150" fmla="*/ 291022 w 419512"/>
                  <a:gd name="connsiteY150" fmla="*/ 229369 h 419010"/>
                  <a:gd name="connsiteX151" fmla="*/ 293975 w 419512"/>
                  <a:gd name="connsiteY151" fmla="*/ 228131 h 419010"/>
                  <a:gd name="connsiteX152" fmla="*/ 297118 w 419512"/>
                  <a:gd name="connsiteY152" fmla="*/ 229465 h 419010"/>
                  <a:gd name="connsiteX153" fmla="*/ 320930 w 419512"/>
                  <a:gd name="connsiteY153" fmla="*/ 253277 h 419010"/>
                  <a:gd name="connsiteX154" fmla="*/ 320930 w 419512"/>
                  <a:gd name="connsiteY154" fmla="*/ 259468 h 419010"/>
                  <a:gd name="connsiteX155" fmla="*/ 303595 w 419512"/>
                  <a:gd name="connsiteY155" fmla="*/ 276709 h 419010"/>
                  <a:gd name="connsiteX156" fmla="*/ 303595 w 419512"/>
                  <a:gd name="connsiteY156" fmla="*/ 289472 h 419010"/>
                  <a:gd name="connsiteX157" fmla="*/ 316359 w 419512"/>
                  <a:gd name="connsiteY157" fmla="*/ 289472 h 419010"/>
                  <a:gd name="connsiteX158" fmla="*/ 333599 w 419512"/>
                  <a:gd name="connsiteY158" fmla="*/ 272137 h 419010"/>
                  <a:gd name="connsiteX159" fmla="*/ 336742 w 419512"/>
                  <a:gd name="connsiteY159" fmla="*/ 270898 h 419010"/>
                  <a:gd name="connsiteX160" fmla="*/ 339790 w 419512"/>
                  <a:gd name="connsiteY160" fmla="*/ 272137 h 419010"/>
                  <a:gd name="connsiteX161" fmla="*/ 354363 w 419512"/>
                  <a:gd name="connsiteY161" fmla="*/ 286710 h 419010"/>
                  <a:gd name="connsiteX162" fmla="*/ 354363 w 419512"/>
                  <a:gd name="connsiteY162" fmla="*/ 292901 h 419010"/>
                  <a:gd name="connsiteX163" fmla="*/ 337028 w 419512"/>
                  <a:gd name="connsiteY163" fmla="*/ 310142 h 419010"/>
                  <a:gd name="connsiteX164" fmla="*/ 337028 w 419512"/>
                  <a:gd name="connsiteY164" fmla="*/ 322905 h 419010"/>
                  <a:gd name="connsiteX165" fmla="*/ 343410 w 419512"/>
                  <a:gd name="connsiteY165" fmla="*/ 325477 h 419010"/>
                  <a:gd name="connsiteX166" fmla="*/ 349696 w 419512"/>
                  <a:gd name="connsiteY166" fmla="*/ 322905 h 419010"/>
                  <a:gd name="connsiteX167" fmla="*/ 367031 w 419512"/>
                  <a:gd name="connsiteY167" fmla="*/ 305569 h 419010"/>
                  <a:gd name="connsiteX168" fmla="*/ 370080 w 419512"/>
                  <a:gd name="connsiteY168" fmla="*/ 304331 h 419010"/>
                  <a:gd name="connsiteX169" fmla="*/ 373223 w 419512"/>
                  <a:gd name="connsiteY169" fmla="*/ 305569 h 419010"/>
                  <a:gd name="connsiteX170" fmla="*/ 394464 w 419512"/>
                  <a:gd name="connsiteY170" fmla="*/ 326810 h 419010"/>
                  <a:gd name="connsiteX171" fmla="*/ 395702 w 419512"/>
                  <a:gd name="connsiteY171" fmla="*/ 329858 h 419010"/>
                  <a:gd name="connsiteX172" fmla="*/ 394083 w 419512"/>
                  <a:gd name="connsiteY172" fmla="*/ 333002 h 419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Lst>
                <a:rect l="l" t="t" r="r" b="b"/>
                <a:pathLst>
                  <a:path w="419512" h="419010">
                    <a:moveTo>
                      <a:pt x="309977" y="217368"/>
                    </a:moveTo>
                    <a:cubicBezTo>
                      <a:pt x="308243" y="215596"/>
                      <a:pt x="308243" y="212758"/>
                      <a:pt x="309977" y="210986"/>
                    </a:cubicBezTo>
                    <a:lnTo>
                      <a:pt x="357602" y="165838"/>
                    </a:lnTo>
                    <a:lnTo>
                      <a:pt x="357602" y="165838"/>
                    </a:lnTo>
                    <a:lnTo>
                      <a:pt x="358173" y="165838"/>
                    </a:lnTo>
                    <a:lnTo>
                      <a:pt x="397988" y="126023"/>
                    </a:lnTo>
                    <a:cubicBezTo>
                      <a:pt x="425991" y="98020"/>
                      <a:pt x="424848" y="54681"/>
                      <a:pt x="395321" y="25153"/>
                    </a:cubicBezTo>
                    <a:cubicBezTo>
                      <a:pt x="380224" y="9837"/>
                      <a:pt x="359678" y="1131"/>
                      <a:pt x="338171" y="960"/>
                    </a:cubicBezTo>
                    <a:cubicBezTo>
                      <a:pt x="320635" y="788"/>
                      <a:pt x="303757" y="7656"/>
                      <a:pt x="291308" y="20010"/>
                    </a:cubicBezTo>
                    <a:lnTo>
                      <a:pt x="252255" y="59062"/>
                    </a:lnTo>
                    <a:lnTo>
                      <a:pt x="203583" y="104878"/>
                    </a:lnTo>
                    <a:cubicBezTo>
                      <a:pt x="202811" y="105687"/>
                      <a:pt x="201744" y="106135"/>
                      <a:pt x="200630" y="106116"/>
                    </a:cubicBezTo>
                    <a:cubicBezTo>
                      <a:pt x="199449" y="106106"/>
                      <a:pt x="198315" y="105621"/>
                      <a:pt x="197487" y="104783"/>
                    </a:cubicBezTo>
                    <a:lnTo>
                      <a:pt x="95379" y="2675"/>
                    </a:lnTo>
                    <a:cubicBezTo>
                      <a:pt x="91911" y="-850"/>
                      <a:pt x="86244" y="-897"/>
                      <a:pt x="82720" y="2570"/>
                    </a:cubicBezTo>
                    <a:cubicBezTo>
                      <a:pt x="82682" y="2608"/>
                      <a:pt x="82653" y="2636"/>
                      <a:pt x="82615" y="2675"/>
                    </a:cubicBezTo>
                    <a:lnTo>
                      <a:pt x="2414" y="82875"/>
                    </a:lnTo>
                    <a:cubicBezTo>
                      <a:pt x="-805" y="86485"/>
                      <a:pt x="-805" y="91933"/>
                      <a:pt x="2414" y="95543"/>
                    </a:cubicBezTo>
                    <a:lnTo>
                      <a:pt x="101665" y="194794"/>
                    </a:lnTo>
                    <a:cubicBezTo>
                      <a:pt x="102484" y="195632"/>
                      <a:pt x="102932" y="196765"/>
                      <a:pt x="102903" y="197937"/>
                    </a:cubicBezTo>
                    <a:cubicBezTo>
                      <a:pt x="102922" y="199128"/>
                      <a:pt x="102437" y="200271"/>
                      <a:pt x="101570" y="201080"/>
                    </a:cubicBezTo>
                    <a:lnTo>
                      <a:pt x="42991" y="256325"/>
                    </a:lnTo>
                    <a:lnTo>
                      <a:pt x="42991" y="256325"/>
                    </a:lnTo>
                    <a:cubicBezTo>
                      <a:pt x="42229" y="257059"/>
                      <a:pt x="41610" y="257925"/>
                      <a:pt x="41181" y="258897"/>
                    </a:cubicBezTo>
                    <a:lnTo>
                      <a:pt x="41181" y="259564"/>
                    </a:lnTo>
                    <a:cubicBezTo>
                      <a:pt x="41219" y="259850"/>
                      <a:pt x="41219" y="260135"/>
                      <a:pt x="41181" y="260421"/>
                    </a:cubicBezTo>
                    <a:lnTo>
                      <a:pt x="1081" y="407487"/>
                    </a:lnTo>
                    <a:cubicBezTo>
                      <a:pt x="-233" y="412250"/>
                      <a:pt x="2567" y="417183"/>
                      <a:pt x="7330" y="418498"/>
                    </a:cubicBezTo>
                    <a:cubicBezTo>
                      <a:pt x="8120" y="418717"/>
                      <a:pt x="8930" y="418822"/>
                      <a:pt x="9749" y="418822"/>
                    </a:cubicBezTo>
                    <a:cubicBezTo>
                      <a:pt x="10892" y="418841"/>
                      <a:pt x="12035" y="418612"/>
                      <a:pt x="13083" y="418155"/>
                    </a:cubicBezTo>
                    <a:lnTo>
                      <a:pt x="146433" y="364720"/>
                    </a:lnTo>
                    <a:cubicBezTo>
                      <a:pt x="147376" y="364291"/>
                      <a:pt x="148242" y="363710"/>
                      <a:pt x="149004" y="363005"/>
                    </a:cubicBezTo>
                    <a:lnTo>
                      <a:pt x="149671" y="363005"/>
                    </a:lnTo>
                    <a:lnTo>
                      <a:pt x="209107" y="306998"/>
                    </a:lnTo>
                    <a:cubicBezTo>
                      <a:pt x="209936" y="306217"/>
                      <a:pt x="211022" y="305779"/>
                      <a:pt x="212155" y="305760"/>
                    </a:cubicBezTo>
                    <a:lnTo>
                      <a:pt x="212727" y="305760"/>
                    </a:lnTo>
                    <a:lnTo>
                      <a:pt x="213393" y="305760"/>
                    </a:lnTo>
                    <a:lnTo>
                      <a:pt x="323979" y="416345"/>
                    </a:lnTo>
                    <a:cubicBezTo>
                      <a:pt x="327398" y="419841"/>
                      <a:pt x="333008" y="419908"/>
                      <a:pt x="336504" y="416488"/>
                    </a:cubicBezTo>
                    <a:cubicBezTo>
                      <a:pt x="336552" y="416440"/>
                      <a:pt x="336599" y="416393"/>
                      <a:pt x="336647" y="416345"/>
                    </a:cubicBezTo>
                    <a:lnTo>
                      <a:pt x="416847" y="336145"/>
                    </a:lnTo>
                    <a:cubicBezTo>
                      <a:pt x="420343" y="332725"/>
                      <a:pt x="420410" y="327115"/>
                      <a:pt x="416990" y="323619"/>
                    </a:cubicBezTo>
                    <a:cubicBezTo>
                      <a:pt x="416943" y="323572"/>
                      <a:pt x="416895" y="323524"/>
                      <a:pt x="416847" y="323477"/>
                    </a:cubicBezTo>
                    <a:close/>
                    <a:moveTo>
                      <a:pt x="317406" y="23058"/>
                    </a:moveTo>
                    <a:cubicBezTo>
                      <a:pt x="324140" y="19791"/>
                      <a:pt x="331541" y="18124"/>
                      <a:pt x="339028" y="18200"/>
                    </a:cubicBezTo>
                    <a:cubicBezTo>
                      <a:pt x="355716" y="18524"/>
                      <a:pt x="371613" y="25363"/>
                      <a:pt x="383319" y="37250"/>
                    </a:cubicBezTo>
                    <a:cubicBezTo>
                      <a:pt x="401083" y="53395"/>
                      <a:pt x="405741" y="79484"/>
                      <a:pt x="394654" y="100782"/>
                    </a:cubicBezTo>
                    <a:cubicBezTo>
                      <a:pt x="393978" y="101982"/>
                      <a:pt x="392778" y="102792"/>
                      <a:pt x="391415" y="102973"/>
                    </a:cubicBezTo>
                    <a:lnTo>
                      <a:pt x="390844" y="102973"/>
                    </a:lnTo>
                    <a:cubicBezTo>
                      <a:pt x="389673" y="103001"/>
                      <a:pt x="388539" y="102554"/>
                      <a:pt x="387701" y="101735"/>
                    </a:cubicBezTo>
                    <a:lnTo>
                      <a:pt x="316263" y="30202"/>
                    </a:lnTo>
                    <a:cubicBezTo>
                      <a:pt x="315244" y="29211"/>
                      <a:pt x="314787" y="27792"/>
                      <a:pt x="315025" y="26392"/>
                    </a:cubicBezTo>
                    <a:cubicBezTo>
                      <a:pt x="315244" y="24963"/>
                      <a:pt x="316130" y="23734"/>
                      <a:pt x="317406" y="23058"/>
                    </a:cubicBezTo>
                    <a:close/>
                    <a:moveTo>
                      <a:pt x="274448" y="62301"/>
                    </a:moveTo>
                    <a:lnTo>
                      <a:pt x="295594" y="41155"/>
                    </a:lnTo>
                    <a:cubicBezTo>
                      <a:pt x="296423" y="40317"/>
                      <a:pt x="297556" y="39832"/>
                      <a:pt x="298737" y="39822"/>
                    </a:cubicBezTo>
                    <a:cubicBezTo>
                      <a:pt x="299890" y="39841"/>
                      <a:pt x="300995" y="40317"/>
                      <a:pt x="301785" y="41155"/>
                    </a:cubicBezTo>
                    <a:lnTo>
                      <a:pt x="376080" y="115831"/>
                    </a:lnTo>
                    <a:cubicBezTo>
                      <a:pt x="376938" y="116612"/>
                      <a:pt x="377423" y="117717"/>
                      <a:pt x="377414" y="118879"/>
                    </a:cubicBezTo>
                    <a:cubicBezTo>
                      <a:pt x="377423" y="120070"/>
                      <a:pt x="376938" y="121204"/>
                      <a:pt x="376080" y="122023"/>
                    </a:cubicBezTo>
                    <a:lnTo>
                      <a:pt x="354935" y="143168"/>
                    </a:lnTo>
                    <a:cubicBezTo>
                      <a:pt x="354106" y="144006"/>
                      <a:pt x="352973" y="144492"/>
                      <a:pt x="351792" y="144502"/>
                    </a:cubicBezTo>
                    <a:cubicBezTo>
                      <a:pt x="350630" y="144511"/>
                      <a:pt x="349525" y="144026"/>
                      <a:pt x="348744" y="143168"/>
                    </a:cubicBezTo>
                    <a:lnTo>
                      <a:pt x="274068" y="68492"/>
                    </a:lnTo>
                    <a:cubicBezTo>
                      <a:pt x="272467" y="66683"/>
                      <a:pt x="272629" y="63911"/>
                      <a:pt x="274439" y="62310"/>
                    </a:cubicBezTo>
                    <a:cubicBezTo>
                      <a:pt x="274448" y="62301"/>
                      <a:pt x="274448" y="62301"/>
                      <a:pt x="274448" y="62301"/>
                    </a:cubicBezTo>
                    <a:close/>
                    <a:moveTo>
                      <a:pt x="24608" y="92305"/>
                    </a:moveTo>
                    <a:cubicBezTo>
                      <a:pt x="22903" y="90590"/>
                      <a:pt x="22903" y="87828"/>
                      <a:pt x="24608" y="86113"/>
                    </a:cubicBezTo>
                    <a:lnTo>
                      <a:pt x="85854" y="24772"/>
                    </a:lnTo>
                    <a:cubicBezTo>
                      <a:pt x="87616" y="23106"/>
                      <a:pt x="90378" y="23106"/>
                      <a:pt x="92140" y="24772"/>
                    </a:cubicBezTo>
                    <a:lnTo>
                      <a:pt x="113286" y="46013"/>
                    </a:lnTo>
                    <a:cubicBezTo>
                      <a:pt x="114990" y="47728"/>
                      <a:pt x="114990" y="50490"/>
                      <a:pt x="113286" y="52204"/>
                    </a:cubicBezTo>
                    <a:lnTo>
                      <a:pt x="96045" y="69445"/>
                    </a:lnTo>
                    <a:cubicBezTo>
                      <a:pt x="92778" y="73074"/>
                      <a:pt x="92778" y="78579"/>
                      <a:pt x="96045" y="82208"/>
                    </a:cubicBezTo>
                    <a:cubicBezTo>
                      <a:pt x="97693" y="83894"/>
                      <a:pt x="99970" y="84828"/>
                      <a:pt x="102332" y="84780"/>
                    </a:cubicBezTo>
                    <a:cubicBezTo>
                      <a:pt x="104713" y="84809"/>
                      <a:pt x="107018" y="83885"/>
                      <a:pt x="108713" y="82208"/>
                    </a:cubicBezTo>
                    <a:lnTo>
                      <a:pt x="125954" y="64873"/>
                    </a:lnTo>
                    <a:cubicBezTo>
                      <a:pt x="127716" y="63206"/>
                      <a:pt x="130478" y="63206"/>
                      <a:pt x="132240" y="64873"/>
                    </a:cubicBezTo>
                    <a:lnTo>
                      <a:pt x="146718" y="79446"/>
                    </a:lnTo>
                    <a:cubicBezTo>
                      <a:pt x="147576" y="80227"/>
                      <a:pt x="148061" y="81332"/>
                      <a:pt x="148052" y="82494"/>
                    </a:cubicBezTo>
                    <a:cubicBezTo>
                      <a:pt x="148061" y="83684"/>
                      <a:pt x="147576" y="84818"/>
                      <a:pt x="146718" y="85637"/>
                    </a:cubicBezTo>
                    <a:lnTo>
                      <a:pt x="129478" y="102877"/>
                    </a:lnTo>
                    <a:cubicBezTo>
                      <a:pt x="126201" y="106507"/>
                      <a:pt x="126201" y="112012"/>
                      <a:pt x="129478" y="115641"/>
                    </a:cubicBezTo>
                    <a:cubicBezTo>
                      <a:pt x="131126" y="117327"/>
                      <a:pt x="133402" y="118260"/>
                      <a:pt x="135764" y="118213"/>
                    </a:cubicBezTo>
                    <a:cubicBezTo>
                      <a:pt x="138146" y="118241"/>
                      <a:pt x="140451" y="117317"/>
                      <a:pt x="142146" y="115641"/>
                    </a:cubicBezTo>
                    <a:lnTo>
                      <a:pt x="159387" y="98305"/>
                    </a:lnTo>
                    <a:cubicBezTo>
                      <a:pt x="161149" y="96639"/>
                      <a:pt x="163911" y="96639"/>
                      <a:pt x="165673" y="98305"/>
                    </a:cubicBezTo>
                    <a:lnTo>
                      <a:pt x="184247" y="117355"/>
                    </a:lnTo>
                    <a:cubicBezTo>
                      <a:pt x="185113" y="118165"/>
                      <a:pt x="185600" y="119308"/>
                      <a:pt x="185580" y="120499"/>
                    </a:cubicBezTo>
                    <a:cubicBezTo>
                      <a:pt x="185485" y="121680"/>
                      <a:pt x="184980" y="122794"/>
                      <a:pt x="184152" y="123642"/>
                    </a:cubicBezTo>
                    <a:lnTo>
                      <a:pt x="121001" y="183078"/>
                    </a:lnTo>
                    <a:cubicBezTo>
                      <a:pt x="120229" y="183878"/>
                      <a:pt x="119163" y="184326"/>
                      <a:pt x="118048" y="184316"/>
                    </a:cubicBezTo>
                    <a:cubicBezTo>
                      <a:pt x="116867" y="184307"/>
                      <a:pt x="115733" y="183821"/>
                      <a:pt x="114905" y="182983"/>
                    </a:cubicBezTo>
                    <a:close/>
                    <a:moveTo>
                      <a:pt x="65089" y="260611"/>
                    </a:moveTo>
                    <a:lnTo>
                      <a:pt x="255589" y="81351"/>
                    </a:lnTo>
                    <a:cubicBezTo>
                      <a:pt x="256399" y="80551"/>
                      <a:pt x="257494" y="80103"/>
                      <a:pt x="258637" y="80113"/>
                    </a:cubicBezTo>
                    <a:cubicBezTo>
                      <a:pt x="259799" y="80103"/>
                      <a:pt x="260904" y="80589"/>
                      <a:pt x="261685" y="81446"/>
                    </a:cubicBezTo>
                    <a:lnTo>
                      <a:pt x="290260" y="109450"/>
                    </a:lnTo>
                    <a:cubicBezTo>
                      <a:pt x="291117" y="110307"/>
                      <a:pt x="291594" y="111478"/>
                      <a:pt x="291594" y="112688"/>
                    </a:cubicBezTo>
                    <a:cubicBezTo>
                      <a:pt x="291498" y="113869"/>
                      <a:pt x="290993" y="114984"/>
                      <a:pt x="290165" y="115831"/>
                    </a:cubicBezTo>
                    <a:lnTo>
                      <a:pt x="99665" y="294711"/>
                    </a:lnTo>
                    <a:cubicBezTo>
                      <a:pt x="98865" y="295454"/>
                      <a:pt x="97807" y="295863"/>
                      <a:pt x="96712" y="295854"/>
                    </a:cubicBezTo>
                    <a:cubicBezTo>
                      <a:pt x="95540" y="295883"/>
                      <a:pt x="94407" y="295435"/>
                      <a:pt x="93569" y="294616"/>
                    </a:cubicBezTo>
                    <a:lnTo>
                      <a:pt x="65946" y="266898"/>
                    </a:lnTo>
                    <a:cubicBezTo>
                      <a:pt x="65108" y="266069"/>
                      <a:pt x="64622" y="264936"/>
                      <a:pt x="64613" y="263755"/>
                    </a:cubicBezTo>
                    <a:cubicBezTo>
                      <a:pt x="64365" y="262688"/>
                      <a:pt x="64537" y="261564"/>
                      <a:pt x="65089" y="260611"/>
                    </a:cubicBezTo>
                    <a:close/>
                    <a:moveTo>
                      <a:pt x="62994" y="379102"/>
                    </a:moveTo>
                    <a:lnTo>
                      <a:pt x="30418" y="392152"/>
                    </a:lnTo>
                    <a:cubicBezTo>
                      <a:pt x="29885" y="392276"/>
                      <a:pt x="29332" y="392276"/>
                      <a:pt x="28799" y="392152"/>
                    </a:cubicBezTo>
                    <a:cubicBezTo>
                      <a:pt x="27703" y="392180"/>
                      <a:pt x="26637" y="391771"/>
                      <a:pt x="25846" y="391009"/>
                    </a:cubicBezTo>
                    <a:cubicBezTo>
                      <a:pt x="24589" y="389932"/>
                      <a:pt x="24074" y="388218"/>
                      <a:pt x="24513" y="386627"/>
                    </a:cubicBezTo>
                    <a:lnTo>
                      <a:pt x="34038" y="350718"/>
                    </a:lnTo>
                    <a:cubicBezTo>
                      <a:pt x="34438" y="349175"/>
                      <a:pt x="35638" y="347975"/>
                      <a:pt x="37181" y="347575"/>
                    </a:cubicBezTo>
                    <a:lnTo>
                      <a:pt x="38229" y="347575"/>
                    </a:lnTo>
                    <a:cubicBezTo>
                      <a:pt x="39400" y="347546"/>
                      <a:pt x="40534" y="347994"/>
                      <a:pt x="41372" y="348813"/>
                    </a:cubicBezTo>
                    <a:lnTo>
                      <a:pt x="64232" y="371673"/>
                    </a:lnTo>
                    <a:cubicBezTo>
                      <a:pt x="65299" y="372711"/>
                      <a:pt x="65727" y="374235"/>
                      <a:pt x="65375" y="375673"/>
                    </a:cubicBezTo>
                    <a:cubicBezTo>
                      <a:pt x="65108" y="376988"/>
                      <a:pt x="64222" y="378093"/>
                      <a:pt x="62994" y="378626"/>
                    </a:cubicBezTo>
                    <a:close/>
                    <a:moveTo>
                      <a:pt x="120144" y="356338"/>
                    </a:moveTo>
                    <a:lnTo>
                      <a:pt x="88997" y="368815"/>
                    </a:lnTo>
                    <a:lnTo>
                      <a:pt x="87282" y="368815"/>
                    </a:lnTo>
                    <a:cubicBezTo>
                      <a:pt x="87282" y="368815"/>
                      <a:pt x="86806" y="368815"/>
                      <a:pt x="86520" y="368815"/>
                    </a:cubicBezTo>
                    <a:lnTo>
                      <a:pt x="43372" y="325667"/>
                    </a:lnTo>
                    <a:cubicBezTo>
                      <a:pt x="42258" y="324581"/>
                      <a:pt x="41820" y="322981"/>
                      <a:pt x="42229" y="321476"/>
                    </a:cubicBezTo>
                    <a:lnTo>
                      <a:pt x="51278" y="288139"/>
                    </a:lnTo>
                    <a:cubicBezTo>
                      <a:pt x="51716" y="286615"/>
                      <a:pt x="52897" y="285433"/>
                      <a:pt x="54421" y="284995"/>
                    </a:cubicBezTo>
                    <a:lnTo>
                      <a:pt x="55564" y="284995"/>
                    </a:lnTo>
                    <a:cubicBezTo>
                      <a:pt x="56707" y="284948"/>
                      <a:pt x="57822" y="285405"/>
                      <a:pt x="58612" y="286234"/>
                    </a:cubicBezTo>
                    <a:lnTo>
                      <a:pt x="121572" y="349194"/>
                    </a:lnTo>
                    <a:cubicBezTo>
                      <a:pt x="122620" y="350242"/>
                      <a:pt x="123087" y="351737"/>
                      <a:pt x="122811" y="353194"/>
                    </a:cubicBezTo>
                    <a:cubicBezTo>
                      <a:pt x="122391" y="354385"/>
                      <a:pt x="121496" y="355357"/>
                      <a:pt x="120334" y="355861"/>
                    </a:cubicBezTo>
                    <a:close/>
                    <a:moveTo>
                      <a:pt x="145575" y="341669"/>
                    </a:moveTo>
                    <a:cubicBezTo>
                      <a:pt x="144747" y="342450"/>
                      <a:pt x="143661" y="342888"/>
                      <a:pt x="142527" y="342908"/>
                    </a:cubicBezTo>
                    <a:cubicBezTo>
                      <a:pt x="141375" y="342888"/>
                      <a:pt x="140270" y="342412"/>
                      <a:pt x="139479" y="341574"/>
                    </a:cubicBezTo>
                    <a:lnTo>
                      <a:pt x="111380" y="313475"/>
                    </a:lnTo>
                    <a:cubicBezTo>
                      <a:pt x="110504" y="312675"/>
                      <a:pt x="110047" y="311513"/>
                      <a:pt x="110142" y="310332"/>
                    </a:cubicBezTo>
                    <a:cubicBezTo>
                      <a:pt x="110152" y="309151"/>
                      <a:pt x="110638" y="308017"/>
                      <a:pt x="111476" y="307189"/>
                    </a:cubicBezTo>
                    <a:lnTo>
                      <a:pt x="301976" y="128309"/>
                    </a:lnTo>
                    <a:cubicBezTo>
                      <a:pt x="302785" y="127585"/>
                      <a:pt x="303833" y="127176"/>
                      <a:pt x="304929" y="127166"/>
                    </a:cubicBezTo>
                    <a:cubicBezTo>
                      <a:pt x="306100" y="127138"/>
                      <a:pt x="307234" y="127585"/>
                      <a:pt x="308072" y="128404"/>
                    </a:cubicBezTo>
                    <a:lnTo>
                      <a:pt x="335694" y="156122"/>
                    </a:lnTo>
                    <a:cubicBezTo>
                      <a:pt x="336532" y="156951"/>
                      <a:pt x="337018" y="158084"/>
                      <a:pt x="337028" y="159265"/>
                    </a:cubicBezTo>
                    <a:cubicBezTo>
                      <a:pt x="336999" y="160466"/>
                      <a:pt x="336485" y="161599"/>
                      <a:pt x="335599" y="162409"/>
                    </a:cubicBezTo>
                    <a:close/>
                    <a:moveTo>
                      <a:pt x="393892" y="333478"/>
                    </a:moveTo>
                    <a:lnTo>
                      <a:pt x="332742" y="393961"/>
                    </a:lnTo>
                    <a:cubicBezTo>
                      <a:pt x="331903" y="394781"/>
                      <a:pt x="330770" y="395228"/>
                      <a:pt x="329598" y="395200"/>
                    </a:cubicBezTo>
                    <a:cubicBezTo>
                      <a:pt x="328455" y="395209"/>
                      <a:pt x="327360" y="394762"/>
                      <a:pt x="326550" y="393961"/>
                    </a:cubicBezTo>
                    <a:lnTo>
                      <a:pt x="226157" y="293949"/>
                    </a:lnTo>
                    <a:cubicBezTo>
                      <a:pt x="226090" y="293539"/>
                      <a:pt x="226090" y="293120"/>
                      <a:pt x="226157" y="292711"/>
                    </a:cubicBezTo>
                    <a:cubicBezTo>
                      <a:pt x="226052" y="291396"/>
                      <a:pt x="226538" y="290101"/>
                      <a:pt x="227490" y="289186"/>
                    </a:cubicBezTo>
                    <a:lnTo>
                      <a:pt x="291022" y="229369"/>
                    </a:lnTo>
                    <a:cubicBezTo>
                      <a:pt x="291822" y="228617"/>
                      <a:pt x="292870" y="228179"/>
                      <a:pt x="293975" y="228131"/>
                    </a:cubicBezTo>
                    <a:cubicBezTo>
                      <a:pt x="295156" y="228141"/>
                      <a:pt x="296289" y="228626"/>
                      <a:pt x="297118" y="229465"/>
                    </a:cubicBezTo>
                    <a:lnTo>
                      <a:pt x="320930" y="253277"/>
                    </a:lnTo>
                    <a:cubicBezTo>
                      <a:pt x="322636" y="254992"/>
                      <a:pt x="322636" y="257754"/>
                      <a:pt x="320930" y="259468"/>
                    </a:cubicBezTo>
                    <a:lnTo>
                      <a:pt x="303595" y="276709"/>
                    </a:lnTo>
                    <a:cubicBezTo>
                      <a:pt x="300328" y="280338"/>
                      <a:pt x="300328" y="285843"/>
                      <a:pt x="303595" y="289472"/>
                    </a:cubicBezTo>
                    <a:cubicBezTo>
                      <a:pt x="307224" y="292749"/>
                      <a:pt x="312730" y="292749"/>
                      <a:pt x="316359" y="289472"/>
                    </a:cubicBezTo>
                    <a:lnTo>
                      <a:pt x="333599" y="272137"/>
                    </a:lnTo>
                    <a:cubicBezTo>
                      <a:pt x="334437" y="271317"/>
                      <a:pt x="335571" y="270870"/>
                      <a:pt x="336742" y="270898"/>
                    </a:cubicBezTo>
                    <a:cubicBezTo>
                      <a:pt x="337885" y="270889"/>
                      <a:pt x="338981" y="271337"/>
                      <a:pt x="339790" y="272137"/>
                    </a:cubicBezTo>
                    <a:lnTo>
                      <a:pt x="354363" y="286710"/>
                    </a:lnTo>
                    <a:cubicBezTo>
                      <a:pt x="356068" y="288425"/>
                      <a:pt x="356068" y="291187"/>
                      <a:pt x="354363" y="292901"/>
                    </a:cubicBezTo>
                    <a:lnTo>
                      <a:pt x="337028" y="310142"/>
                    </a:lnTo>
                    <a:cubicBezTo>
                      <a:pt x="333751" y="313770"/>
                      <a:pt x="333751" y="319276"/>
                      <a:pt x="337028" y="322905"/>
                    </a:cubicBezTo>
                    <a:cubicBezTo>
                      <a:pt x="338761" y="324524"/>
                      <a:pt x="341038" y="325448"/>
                      <a:pt x="343410" y="325477"/>
                    </a:cubicBezTo>
                    <a:cubicBezTo>
                      <a:pt x="345762" y="325477"/>
                      <a:pt x="348020" y="324553"/>
                      <a:pt x="349696" y="322905"/>
                    </a:cubicBezTo>
                    <a:lnTo>
                      <a:pt x="367031" y="305569"/>
                    </a:lnTo>
                    <a:cubicBezTo>
                      <a:pt x="367841" y="304769"/>
                      <a:pt x="368937" y="304322"/>
                      <a:pt x="370080" y="304331"/>
                    </a:cubicBezTo>
                    <a:cubicBezTo>
                      <a:pt x="371251" y="304303"/>
                      <a:pt x="372385" y="304750"/>
                      <a:pt x="373223" y="305569"/>
                    </a:cubicBezTo>
                    <a:lnTo>
                      <a:pt x="394464" y="326810"/>
                    </a:lnTo>
                    <a:cubicBezTo>
                      <a:pt x="395254" y="327629"/>
                      <a:pt x="395702" y="328725"/>
                      <a:pt x="395702" y="329858"/>
                    </a:cubicBezTo>
                    <a:cubicBezTo>
                      <a:pt x="395597" y="331078"/>
                      <a:pt x="395016" y="332211"/>
                      <a:pt x="394083" y="333002"/>
                    </a:cubicBezTo>
                    <a:close/>
                  </a:path>
                </a:pathLst>
              </a:custGeom>
              <a:solidFill>
                <a:srgbClr val="265998"/>
              </a:solidFill>
              <a:ln w="9525" cap="flat">
                <a:noFill/>
                <a:prstDash val="solid"/>
                <a:miter/>
              </a:ln>
            </p:spPr>
            <p:txBody>
              <a:bodyPr rtlCol="0" anchor="ctr"/>
              <a:lstStyle/>
              <a:p>
                <a:endParaRPr lang="en-AU" sz="153"/>
              </a:p>
            </p:txBody>
          </p:sp>
        </p:grpSp>
      </p:grpSp>
    </p:spTree>
    <p:custDataLst>
      <p:custData r:id="rId1"/>
      <p:custData r:id="rId2"/>
    </p:custDataLst>
    <p:extLst>
      <p:ext uri="{BB962C8B-B14F-4D97-AF65-F5344CB8AC3E}">
        <p14:creationId xmlns:p14="http://schemas.microsoft.com/office/powerpoint/2010/main" val="119226735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BAC7995-B60D-F5E3-BBE2-4DEF8A14A2BC}"/>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198CB1EF-8BFA-4976-5566-0C04A135919F}"/>
              </a:ext>
            </a:extLst>
          </p:cNvPr>
          <p:cNvSpPr>
            <a:spLocks noGrp="1"/>
          </p:cNvSpPr>
          <p:nvPr>
            <p:ph type="ctrTitle"/>
          </p:nvPr>
        </p:nvSpPr>
        <p:spPr>
          <a:xfrm>
            <a:off x="569994" y="507634"/>
            <a:ext cx="11529857" cy="515848"/>
          </a:xfrm>
        </p:spPr>
        <p:txBody>
          <a:bodyPr/>
          <a:lstStyle/>
          <a:p>
            <a:r>
              <a:rPr lang="en-US">
                <a:solidFill>
                  <a:schemeClr val="tx2"/>
                </a:solidFill>
              </a:rPr>
              <a:t>Governance arrangements were ineffective</a:t>
            </a:r>
          </a:p>
        </p:txBody>
      </p:sp>
      <p:grpSp>
        <p:nvGrpSpPr>
          <p:cNvPr id="2" name="Group 1">
            <a:extLst>
              <a:ext uri="{FF2B5EF4-FFF2-40B4-BE49-F238E27FC236}">
                <a16:creationId xmlns:a16="http://schemas.microsoft.com/office/drawing/2014/main" id="{25FC7A33-2372-DCFC-4507-FCFEF4230089}"/>
              </a:ext>
            </a:extLst>
          </p:cNvPr>
          <p:cNvGrpSpPr/>
          <p:nvPr/>
        </p:nvGrpSpPr>
        <p:grpSpPr>
          <a:xfrm>
            <a:off x="741944" y="1981860"/>
            <a:ext cx="10371529" cy="3020273"/>
            <a:chOff x="756459" y="2475346"/>
            <a:chExt cx="10371529" cy="3020273"/>
          </a:xfrm>
        </p:grpSpPr>
        <p:sp>
          <p:nvSpPr>
            <p:cNvPr id="36" name="Rectangle 35">
              <a:extLst>
                <a:ext uri="{FF2B5EF4-FFF2-40B4-BE49-F238E27FC236}">
                  <a16:creationId xmlns:a16="http://schemas.microsoft.com/office/drawing/2014/main" id="{4F661E8A-06CF-3DE9-D3C5-A52CB3B7D979}"/>
                </a:ext>
              </a:extLst>
            </p:cNvPr>
            <p:cNvSpPr/>
            <p:nvPr/>
          </p:nvSpPr>
          <p:spPr>
            <a:xfrm>
              <a:off x="756459" y="2475346"/>
              <a:ext cx="8608019" cy="1422000"/>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There were delays setting up governance structures and they lacked a whole-of-government focus</a:t>
              </a:r>
            </a:p>
            <a:p>
              <a:pPr marL="285750" indent="-285750">
                <a:lnSpc>
                  <a:spcPts val="1920"/>
                </a:lnSpc>
                <a:spcAft>
                  <a:spcPts val="600"/>
                </a:spcAft>
                <a:buFont typeface="Arial" panose="020B0604020202020204" pitchFamily="34" charset="0"/>
                <a:buChar char="•"/>
              </a:pPr>
              <a:r>
                <a:rPr lang="en-US" sz="1600">
                  <a:solidFill>
                    <a:schemeClr val="tx1"/>
                  </a:solidFill>
                </a:rPr>
                <a:t>Working groups and relationship took time to establish, limiting their influence</a:t>
              </a:r>
            </a:p>
            <a:p>
              <a:pPr marL="285750" indent="-285750">
                <a:lnSpc>
                  <a:spcPts val="1920"/>
                </a:lnSpc>
                <a:spcAft>
                  <a:spcPts val="600"/>
                </a:spcAft>
                <a:buFont typeface="Arial" panose="020B0604020202020204" pitchFamily="34" charset="0"/>
                <a:buChar char="•"/>
              </a:pPr>
              <a:r>
                <a:rPr lang="en-US" sz="1600">
                  <a:solidFill>
                    <a:schemeClr val="tx1"/>
                  </a:solidFill>
                </a:rPr>
                <a:t>Most structures rely on departments of health</a:t>
              </a:r>
            </a:p>
            <a:p>
              <a:pPr>
                <a:spcAft>
                  <a:spcPts val="600"/>
                </a:spcAft>
              </a:pPr>
              <a:endParaRPr lang="en-US" sz="1600">
                <a:solidFill>
                  <a:schemeClr val="tx1"/>
                </a:solidFill>
              </a:endParaRPr>
            </a:p>
          </p:txBody>
        </p:sp>
        <p:sp>
          <p:nvSpPr>
            <p:cNvPr id="37" name="Rectangle 36">
              <a:extLst>
                <a:ext uri="{FF2B5EF4-FFF2-40B4-BE49-F238E27FC236}">
                  <a16:creationId xmlns:a16="http://schemas.microsoft.com/office/drawing/2014/main" id="{A3720AFE-E11A-4DF8-6ED5-1FBB4236CF53}"/>
                </a:ext>
              </a:extLst>
            </p:cNvPr>
            <p:cNvSpPr/>
            <p:nvPr/>
          </p:nvSpPr>
          <p:spPr>
            <a:xfrm>
              <a:off x="9515950" y="2489180"/>
              <a:ext cx="1612038" cy="1422000"/>
            </a:xfrm>
            <a:prstGeom prst="rect">
              <a:avLst/>
            </a:prstGeom>
            <a:solidFill>
              <a:schemeClr val="accent1">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0" name="Rectangle 39">
              <a:extLst>
                <a:ext uri="{FF2B5EF4-FFF2-40B4-BE49-F238E27FC236}">
                  <a16:creationId xmlns:a16="http://schemas.microsoft.com/office/drawing/2014/main" id="{D22C83F9-EFD7-8983-BA27-E331A419211B}"/>
                </a:ext>
              </a:extLst>
            </p:cNvPr>
            <p:cNvSpPr/>
            <p:nvPr/>
          </p:nvSpPr>
          <p:spPr>
            <a:xfrm>
              <a:off x="756459" y="4059263"/>
              <a:ext cx="8608019" cy="1422000"/>
            </a:xfrm>
            <a:prstGeom prst="rect">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b="1">
                  <a:solidFill>
                    <a:schemeClr val="tx1"/>
                  </a:solidFill>
                </a:rPr>
                <a:t>Limited accountability structures and transparency</a:t>
              </a:r>
            </a:p>
            <a:p>
              <a:pPr marL="285750" indent="-285750">
                <a:spcAft>
                  <a:spcPts val="600"/>
                </a:spcAft>
                <a:buFont typeface="Arial" panose="020B0604020202020204" pitchFamily="34" charset="0"/>
                <a:buChar char="•"/>
              </a:pPr>
              <a:r>
                <a:rPr lang="en-AU" sz="1600">
                  <a:solidFill>
                    <a:schemeClr val="tx1"/>
                  </a:solidFill>
                  <a:effectLst/>
                  <a:latin typeface="+mj-lt"/>
                  <a:ea typeface="Arial" panose="020B0604020202020204" pitchFamily="34" charset="0"/>
                  <a:cs typeface="Times New Roman" panose="02020603050405020304" pitchFamily="18" charset="0"/>
                </a:rPr>
                <a:t>Accountability mechanisms are weak and the role of the NMHC was not formalised</a:t>
              </a:r>
            </a:p>
            <a:p>
              <a:pPr marL="285750" indent="-285750">
                <a:spcAft>
                  <a:spcPts val="600"/>
                </a:spcAft>
                <a:buFont typeface="Arial" panose="020B0604020202020204" pitchFamily="34" charset="0"/>
                <a:buChar char="•"/>
              </a:pPr>
              <a:r>
                <a:rPr lang="en-US" sz="1600">
                  <a:solidFill>
                    <a:schemeClr val="tx1"/>
                  </a:solidFill>
                </a:rPr>
                <a:t>Limited information on </a:t>
              </a:r>
              <a:r>
                <a:rPr lang="en-AU" sz="1600">
                  <a:solidFill>
                    <a:schemeClr val="tx1"/>
                  </a:solidFill>
                  <a:ea typeface="Arial" panose="020B0604020202020204" pitchFamily="34" charset="0"/>
                  <a:cs typeface="Times New Roman" panose="02020603050405020304" pitchFamily="18" charset="0"/>
                </a:rPr>
                <a:t>membership, decision making, work plans and outcomes of governance forums and bilateral schedules</a:t>
              </a:r>
              <a:endParaRPr lang="en-US" sz="1600">
                <a:solidFill>
                  <a:schemeClr val="tx1"/>
                </a:solidFill>
              </a:endParaRPr>
            </a:p>
          </p:txBody>
        </p:sp>
        <p:sp>
          <p:nvSpPr>
            <p:cNvPr id="41" name="Rectangle 40">
              <a:extLst>
                <a:ext uri="{FF2B5EF4-FFF2-40B4-BE49-F238E27FC236}">
                  <a16:creationId xmlns:a16="http://schemas.microsoft.com/office/drawing/2014/main" id="{3427F7A1-6FCC-619F-0D0E-0852FFC85DD6}"/>
                </a:ext>
              </a:extLst>
            </p:cNvPr>
            <p:cNvSpPr/>
            <p:nvPr/>
          </p:nvSpPr>
          <p:spPr>
            <a:xfrm>
              <a:off x="9515949" y="4073619"/>
              <a:ext cx="1612038" cy="1422000"/>
            </a:xfrm>
            <a:prstGeom prst="rect">
              <a:avLst/>
            </a:prstGeom>
            <a:solidFill>
              <a:schemeClr val="accent1">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4" name="Group 3">
              <a:extLst>
                <a:ext uri="{FF2B5EF4-FFF2-40B4-BE49-F238E27FC236}">
                  <a16:creationId xmlns:a16="http://schemas.microsoft.com/office/drawing/2014/main" id="{BC8B0D06-52B5-2F0B-6E3A-37FD60539763}"/>
                </a:ext>
              </a:extLst>
            </p:cNvPr>
            <p:cNvGrpSpPr/>
            <p:nvPr/>
          </p:nvGrpSpPr>
          <p:grpSpPr>
            <a:xfrm>
              <a:off x="9950048" y="2744723"/>
              <a:ext cx="779575" cy="816454"/>
              <a:chOff x="3880961" y="2530919"/>
              <a:chExt cx="419385" cy="419672"/>
            </a:xfrm>
          </p:grpSpPr>
          <p:sp>
            <p:nvSpPr>
              <p:cNvPr id="5" name="Freeform: Shape 4">
                <a:extLst>
                  <a:ext uri="{FF2B5EF4-FFF2-40B4-BE49-F238E27FC236}">
                    <a16:creationId xmlns:a16="http://schemas.microsoft.com/office/drawing/2014/main" id="{0675834D-FD3C-593A-8388-CE5F7297EDDF}"/>
                  </a:ext>
                </a:extLst>
              </p:cNvPr>
              <p:cNvSpPr/>
              <p:nvPr/>
            </p:nvSpPr>
            <p:spPr>
              <a:xfrm>
                <a:off x="3888866" y="2566638"/>
                <a:ext cx="295560" cy="294608"/>
              </a:xfrm>
              <a:custGeom>
                <a:avLst/>
                <a:gdLst>
                  <a:gd name="connsiteX0" fmla="*/ 0 w 295560"/>
                  <a:gd name="connsiteY0" fmla="*/ 0 h 294608"/>
                  <a:gd name="connsiteX1" fmla="*/ 295561 w 295560"/>
                  <a:gd name="connsiteY1" fmla="*/ 0 h 294608"/>
                  <a:gd name="connsiteX2" fmla="*/ 295561 w 295560"/>
                  <a:gd name="connsiteY2" fmla="*/ 294608 h 294608"/>
                  <a:gd name="connsiteX3" fmla="*/ 0 w 295560"/>
                  <a:gd name="connsiteY3" fmla="*/ 294608 h 294608"/>
                </a:gdLst>
                <a:ahLst/>
                <a:cxnLst>
                  <a:cxn ang="0">
                    <a:pos x="connsiteX0" y="connsiteY0"/>
                  </a:cxn>
                  <a:cxn ang="0">
                    <a:pos x="connsiteX1" y="connsiteY1"/>
                  </a:cxn>
                  <a:cxn ang="0">
                    <a:pos x="connsiteX2" y="connsiteY2"/>
                  </a:cxn>
                  <a:cxn ang="0">
                    <a:pos x="connsiteX3" y="connsiteY3"/>
                  </a:cxn>
                </a:cxnLst>
                <a:rect l="l" t="t" r="r" b="b"/>
                <a:pathLst>
                  <a:path w="295560" h="294608">
                    <a:moveTo>
                      <a:pt x="0" y="0"/>
                    </a:moveTo>
                    <a:lnTo>
                      <a:pt x="295561" y="0"/>
                    </a:lnTo>
                    <a:lnTo>
                      <a:pt x="295561" y="294608"/>
                    </a:lnTo>
                    <a:lnTo>
                      <a:pt x="0" y="294608"/>
                    </a:lnTo>
                    <a:close/>
                  </a:path>
                </a:pathLst>
              </a:custGeom>
              <a:solidFill>
                <a:srgbClr val="66B9DA"/>
              </a:solidFill>
              <a:ln w="9525" cap="flat">
                <a:noFill/>
                <a:prstDash val="solid"/>
                <a:miter/>
              </a:ln>
            </p:spPr>
            <p:txBody>
              <a:bodyPr rtlCol="0" anchor="ctr"/>
              <a:lstStyle/>
              <a:p>
                <a:endParaRPr lang="en-AU" sz="153"/>
              </a:p>
            </p:txBody>
          </p:sp>
          <p:sp>
            <p:nvSpPr>
              <p:cNvPr id="6" name="Freeform: Shape 5">
                <a:extLst>
                  <a:ext uri="{FF2B5EF4-FFF2-40B4-BE49-F238E27FC236}">
                    <a16:creationId xmlns:a16="http://schemas.microsoft.com/office/drawing/2014/main" id="{8972CD7F-EA47-493B-E838-046F712E95DB}"/>
                  </a:ext>
                </a:extLst>
              </p:cNvPr>
              <p:cNvSpPr/>
              <p:nvPr/>
            </p:nvSpPr>
            <p:spPr>
              <a:xfrm>
                <a:off x="4081938" y="2732087"/>
                <a:ext cx="204787" cy="204787"/>
              </a:xfrm>
              <a:custGeom>
                <a:avLst/>
                <a:gdLst>
                  <a:gd name="connsiteX0" fmla="*/ 204787 w 204787"/>
                  <a:gd name="connsiteY0" fmla="*/ 102394 h 204787"/>
                  <a:gd name="connsiteX1" fmla="*/ 102394 w 204787"/>
                  <a:gd name="connsiteY1" fmla="*/ 204788 h 204787"/>
                  <a:gd name="connsiteX2" fmla="*/ 0 w 204787"/>
                  <a:gd name="connsiteY2" fmla="*/ 102394 h 204787"/>
                  <a:gd name="connsiteX3" fmla="*/ 102394 w 204787"/>
                  <a:gd name="connsiteY3" fmla="*/ 0 h 204787"/>
                  <a:gd name="connsiteX4" fmla="*/ 204787 w 204787"/>
                  <a:gd name="connsiteY4" fmla="*/ 102394 h 2047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787" h="204787">
                    <a:moveTo>
                      <a:pt x="204787" y="102394"/>
                    </a:moveTo>
                    <a:cubicBezTo>
                      <a:pt x="204787" y="158944"/>
                      <a:pt x="158944" y="204788"/>
                      <a:pt x="102394" y="204788"/>
                    </a:cubicBezTo>
                    <a:cubicBezTo>
                      <a:pt x="45843" y="204788"/>
                      <a:pt x="0" y="158944"/>
                      <a:pt x="0" y="102394"/>
                    </a:cubicBezTo>
                    <a:cubicBezTo>
                      <a:pt x="0" y="45843"/>
                      <a:pt x="45843" y="0"/>
                      <a:pt x="102394" y="0"/>
                    </a:cubicBezTo>
                    <a:cubicBezTo>
                      <a:pt x="158944" y="0"/>
                      <a:pt x="204787" y="45843"/>
                      <a:pt x="204787" y="102394"/>
                    </a:cubicBezTo>
                    <a:close/>
                  </a:path>
                </a:pathLst>
              </a:custGeom>
              <a:solidFill>
                <a:schemeClr val="accent2">
                  <a:lumMod val="40000"/>
                  <a:lumOff val="60000"/>
                </a:schemeClr>
              </a:solidFill>
              <a:ln w="9525" cap="flat">
                <a:noFill/>
                <a:prstDash val="solid"/>
                <a:miter/>
              </a:ln>
            </p:spPr>
            <p:txBody>
              <a:bodyPr rtlCol="0" anchor="ctr"/>
              <a:lstStyle/>
              <a:p>
                <a:endParaRPr lang="en-AU" sz="153"/>
              </a:p>
            </p:txBody>
          </p:sp>
          <p:sp>
            <p:nvSpPr>
              <p:cNvPr id="7" name="Freeform: Shape 6">
                <a:extLst>
                  <a:ext uri="{FF2B5EF4-FFF2-40B4-BE49-F238E27FC236}">
                    <a16:creationId xmlns:a16="http://schemas.microsoft.com/office/drawing/2014/main" id="{1CF7956C-566E-DD74-F048-39122BF5B808}"/>
                  </a:ext>
                </a:extLst>
              </p:cNvPr>
              <p:cNvSpPr/>
              <p:nvPr/>
            </p:nvSpPr>
            <p:spPr>
              <a:xfrm>
                <a:off x="3948112" y="2638361"/>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8" name="Freeform: Shape 7">
                <a:extLst>
                  <a:ext uri="{FF2B5EF4-FFF2-40B4-BE49-F238E27FC236}">
                    <a16:creationId xmlns:a16="http://schemas.microsoft.com/office/drawing/2014/main" id="{3C7EA786-475A-94DD-5766-39B2E221FABD}"/>
                  </a:ext>
                </a:extLst>
              </p:cNvPr>
              <p:cNvSpPr/>
              <p:nvPr/>
            </p:nvSpPr>
            <p:spPr>
              <a:xfrm>
                <a:off x="4001547" y="2638361"/>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9" name="Freeform: Shape 8">
                <a:extLst>
                  <a:ext uri="{FF2B5EF4-FFF2-40B4-BE49-F238E27FC236}">
                    <a16:creationId xmlns:a16="http://schemas.microsoft.com/office/drawing/2014/main" id="{FEF640BC-6206-D519-DC84-CD8BE58C058B}"/>
                  </a:ext>
                </a:extLst>
              </p:cNvPr>
              <p:cNvSpPr/>
              <p:nvPr/>
            </p:nvSpPr>
            <p:spPr>
              <a:xfrm>
                <a:off x="4055078" y="2638361"/>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0" name="Freeform: Shape 9">
                <a:extLst>
                  <a:ext uri="{FF2B5EF4-FFF2-40B4-BE49-F238E27FC236}">
                    <a16:creationId xmlns:a16="http://schemas.microsoft.com/office/drawing/2014/main" id="{36A92F8B-AD5F-1BE9-5156-89A1FF0FD084}"/>
                  </a:ext>
                </a:extLst>
              </p:cNvPr>
              <p:cNvSpPr/>
              <p:nvPr/>
            </p:nvSpPr>
            <p:spPr>
              <a:xfrm>
                <a:off x="4108513" y="2638361"/>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1" name="Freeform: Shape 10">
                <a:extLst>
                  <a:ext uri="{FF2B5EF4-FFF2-40B4-BE49-F238E27FC236}">
                    <a16:creationId xmlns:a16="http://schemas.microsoft.com/office/drawing/2014/main" id="{1BE04D0D-882D-9B50-48EA-0828C2FBB619}"/>
                  </a:ext>
                </a:extLst>
              </p:cNvPr>
              <p:cNvSpPr/>
              <p:nvPr/>
            </p:nvSpPr>
            <p:spPr>
              <a:xfrm>
                <a:off x="3948112" y="2691796"/>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2" name="Freeform: Shape 11">
                <a:extLst>
                  <a:ext uri="{FF2B5EF4-FFF2-40B4-BE49-F238E27FC236}">
                    <a16:creationId xmlns:a16="http://schemas.microsoft.com/office/drawing/2014/main" id="{86C590ED-061F-DDF4-D10C-843B2635DD5A}"/>
                  </a:ext>
                </a:extLst>
              </p:cNvPr>
              <p:cNvSpPr/>
              <p:nvPr/>
            </p:nvSpPr>
            <p:spPr>
              <a:xfrm>
                <a:off x="4001547" y="2691796"/>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3" name="Freeform: Shape 12">
                <a:extLst>
                  <a:ext uri="{FF2B5EF4-FFF2-40B4-BE49-F238E27FC236}">
                    <a16:creationId xmlns:a16="http://schemas.microsoft.com/office/drawing/2014/main" id="{D9043624-04E3-1C88-5EBF-A418C4A30465}"/>
                  </a:ext>
                </a:extLst>
              </p:cNvPr>
              <p:cNvSpPr/>
              <p:nvPr/>
            </p:nvSpPr>
            <p:spPr>
              <a:xfrm>
                <a:off x="4055078" y="2691796"/>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4" name="Freeform: Shape 13">
                <a:extLst>
                  <a:ext uri="{FF2B5EF4-FFF2-40B4-BE49-F238E27FC236}">
                    <a16:creationId xmlns:a16="http://schemas.microsoft.com/office/drawing/2014/main" id="{C74208D8-1D41-24EA-F67E-D201D0DE0EA7}"/>
                  </a:ext>
                </a:extLst>
              </p:cNvPr>
              <p:cNvSpPr/>
              <p:nvPr/>
            </p:nvSpPr>
            <p:spPr>
              <a:xfrm>
                <a:off x="4108513" y="2691796"/>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5" name="Freeform: Shape 14">
                <a:extLst>
                  <a:ext uri="{FF2B5EF4-FFF2-40B4-BE49-F238E27FC236}">
                    <a16:creationId xmlns:a16="http://schemas.microsoft.com/office/drawing/2014/main" id="{2B1268EE-C01A-2939-CD03-DA85E13CC1C3}"/>
                  </a:ext>
                </a:extLst>
              </p:cNvPr>
              <p:cNvSpPr/>
              <p:nvPr/>
            </p:nvSpPr>
            <p:spPr>
              <a:xfrm>
                <a:off x="3948112" y="2745327"/>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6" name="Freeform: Shape 15">
                <a:extLst>
                  <a:ext uri="{FF2B5EF4-FFF2-40B4-BE49-F238E27FC236}">
                    <a16:creationId xmlns:a16="http://schemas.microsoft.com/office/drawing/2014/main" id="{96A234BA-0C95-8A8A-9D9C-4550371BDB5F}"/>
                  </a:ext>
                </a:extLst>
              </p:cNvPr>
              <p:cNvSpPr/>
              <p:nvPr/>
            </p:nvSpPr>
            <p:spPr>
              <a:xfrm>
                <a:off x="4001547" y="2745327"/>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7" name="Freeform: Shape 16">
                <a:extLst>
                  <a:ext uri="{FF2B5EF4-FFF2-40B4-BE49-F238E27FC236}">
                    <a16:creationId xmlns:a16="http://schemas.microsoft.com/office/drawing/2014/main" id="{FB8E3B76-8F1E-255D-98FF-1E71EF2487C8}"/>
                  </a:ext>
                </a:extLst>
              </p:cNvPr>
              <p:cNvSpPr/>
              <p:nvPr/>
            </p:nvSpPr>
            <p:spPr>
              <a:xfrm>
                <a:off x="3948112" y="2798762"/>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8" name="Freeform: Shape 17">
                <a:extLst>
                  <a:ext uri="{FF2B5EF4-FFF2-40B4-BE49-F238E27FC236}">
                    <a16:creationId xmlns:a16="http://schemas.microsoft.com/office/drawing/2014/main" id="{3F9A855A-3052-CB2A-EA6F-09B89F6947BE}"/>
                  </a:ext>
                </a:extLst>
              </p:cNvPr>
              <p:cNvSpPr/>
              <p:nvPr/>
            </p:nvSpPr>
            <p:spPr>
              <a:xfrm>
                <a:off x="4001547" y="2798762"/>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19" name="Freeform: Shape 18">
                <a:extLst>
                  <a:ext uri="{FF2B5EF4-FFF2-40B4-BE49-F238E27FC236}">
                    <a16:creationId xmlns:a16="http://schemas.microsoft.com/office/drawing/2014/main" id="{0FDEB2F9-F2CC-7C97-DD93-71252A82BB18}"/>
                  </a:ext>
                </a:extLst>
              </p:cNvPr>
              <p:cNvSpPr/>
              <p:nvPr/>
            </p:nvSpPr>
            <p:spPr>
              <a:xfrm>
                <a:off x="4055078" y="2745327"/>
                <a:ext cx="18002" cy="18002"/>
              </a:xfrm>
              <a:custGeom>
                <a:avLst/>
                <a:gdLst>
                  <a:gd name="connsiteX0" fmla="*/ 17240 w 18002"/>
                  <a:gd name="connsiteY0" fmla="*/ 0 h 18002"/>
                  <a:gd name="connsiteX1" fmla="*/ 18002 w 18002"/>
                  <a:gd name="connsiteY1" fmla="*/ 0 h 18002"/>
                  <a:gd name="connsiteX2" fmla="*/ 18002 w 18002"/>
                  <a:gd name="connsiteY2" fmla="*/ 18002 h 18002"/>
                  <a:gd name="connsiteX3" fmla="*/ 17240 w 18002"/>
                  <a:gd name="connsiteY3" fmla="*/ 18002 h 18002"/>
                  <a:gd name="connsiteX4" fmla="*/ 762 w 18002"/>
                  <a:gd name="connsiteY4" fmla="*/ 18002 h 18002"/>
                  <a:gd name="connsiteX5" fmla="*/ 0 w 18002"/>
                  <a:gd name="connsiteY5" fmla="*/ 18002 h 18002"/>
                  <a:gd name="connsiteX6" fmla="*/ 0 w 18002"/>
                  <a:gd name="connsiteY6" fmla="*/ 0 h 18002"/>
                  <a:gd name="connsiteX7" fmla="*/ 762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240" y="0"/>
                    </a:moveTo>
                    <a:cubicBezTo>
                      <a:pt x="17661" y="0"/>
                      <a:pt x="18002" y="0"/>
                      <a:pt x="18002" y="0"/>
                    </a:cubicBezTo>
                    <a:lnTo>
                      <a:pt x="18002" y="18002"/>
                    </a:lnTo>
                    <a:cubicBezTo>
                      <a:pt x="18002" y="18002"/>
                      <a:pt x="17661" y="18002"/>
                      <a:pt x="17240" y="18002"/>
                    </a:cubicBezTo>
                    <a:lnTo>
                      <a:pt x="762" y="18002"/>
                    </a:lnTo>
                    <a:cubicBezTo>
                      <a:pt x="341" y="18002"/>
                      <a:pt x="0" y="18002"/>
                      <a:pt x="0" y="18002"/>
                    </a:cubicBezTo>
                    <a:lnTo>
                      <a:pt x="0" y="0"/>
                    </a:lnTo>
                    <a:cubicBezTo>
                      <a:pt x="0" y="0"/>
                      <a:pt x="341" y="0"/>
                      <a:pt x="762" y="0"/>
                    </a:cubicBezTo>
                    <a:close/>
                  </a:path>
                </a:pathLst>
              </a:custGeom>
              <a:solidFill>
                <a:srgbClr val="265998"/>
              </a:solidFill>
              <a:ln w="9525" cap="flat">
                <a:noFill/>
                <a:prstDash val="solid"/>
                <a:miter/>
              </a:ln>
            </p:spPr>
            <p:txBody>
              <a:bodyPr rtlCol="0" anchor="ctr"/>
              <a:lstStyle/>
              <a:p>
                <a:endParaRPr lang="en-AU" sz="153"/>
              </a:p>
            </p:txBody>
          </p:sp>
          <p:sp>
            <p:nvSpPr>
              <p:cNvPr id="20" name="Freeform: Shape 19">
                <a:extLst>
                  <a:ext uri="{FF2B5EF4-FFF2-40B4-BE49-F238E27FC236}">
                    <a16:creationId xmlns:a16="http://schemas.microsoft.com/office/drawing/2014/main" id="{49A9451B-0BAD-7A34-8366-2BE21164B495}"/>
                  </a:ext>
                </a:extLst>
              </p:cNvPr>
              <p:cNvSpPr/>
              <p:nvPr/>
            </p:nvSpPr>
            <p:spPr>
              <a:xfrm>
                <a:off x="3880961" y="2530919"/>
                <a:ext cx="312419" cy="339280"/>
              </a:xfrm>
              <a:custGeom>
                <a:avLst/>
                <a:gdLst>
                  <a:gd name="connsiteX0" fmla="*/ 200787 w 312419"/>
                  <a:gd name="connsiteY0" fmla="*/ 49530 h 339280"/>
                  <a:gd name="connsiteX1" fmla="*/ 200787 w 312419"/>
                  <a:gd name="connsiteY1" fmla="*/ 63055 h 339280"/>
                  <a:gd name="connsiteX2" fmla="*/ 208864 w 312419"/>
                  <a:gd name="connsiteY2" fmla="*/ 72981 h 339280"/>
                  <a:gd name="connsiteX3" fmla="*/ 218789 w 312419"/>
                  <a:gd name="connsiteY3" fmla="*/ 64913 h 339280"/>
                  <a:gd name="connsiteX4" fmla="*/ 218789 w 312419"/>
                  <a:gd name="connsiteY4" fmla="*/ 63055 h 339280"/>
                  <a:gd name="connsiteX5" fmla="*/ 218789 w 312419"/>
                  <a:gd name="connsiteY5" fmla="*/ 49721 h 339280"/>
                  <a:gd name="connsiteX6" fmla="*/ 223171 w 312419"/>
                  <a:gd name="connsiteY6" fmla="*/ 45339 h 339280"/>
                  <a:gd name="connsiteX7" fmla="*/ 249936 w 312419"/>
                  <a:gd name="connsiteY7" fmla="*/ 45339 h 339280"/>
                  <a:gd name="connsiteX8" fmla="*/ 254317 w 312419"/>
                  <a:gd name="connsiteY8" fmla="*/ 49721 h 339280"/>
                  <a:gd name="connsiteX9" fmla="*/ 254317 w 312419"/>
                  <a:gd name="connsiteY9" fmla="*/ 63055 h 339280"/>
                  <a:gd name="connsiteX10" fmla="*/ 263271 w 312419"/>
                  <a:gd name="connsiteY10" fmla="*/ 72009 h 339280"/>
                  <a:gd name="connsiteX11" fmla="*/ 272224 w 312419"/>
                  <a:gd name="connsiteY11" fmla="*/ 63055 h 339280"/>
                  <a:gd name="connsiteX12" fmla="*/ 272224 w 312419"/>
                  <a:gd name="connsiteY12" fmla="*/ 49721 h 339280"/>
                  <a:gd name="connsiteX13" fmla="*/ 276701 w 312419"/>
                  <a:gd name="connsiteY13" fmla="*/ 45339 h 339280"/>
                  <a:gd name="connsiteX14" fmla="*/ 290036 w 312419"/>
                  <a:gd name="connsiteY14" fmla="*/ 45339 h 339280"/>
                  <a:gd name="connsiteX15" fmla="*/ 294418 w 312419"/>
                  <a:gd name="connsiteY15" fmla="*/ 49721 h 339280"/>
                  <a:gd name="connsiteX16" fmla="*/ 294418 w 312419"/>
                  <a:gd name="connsiteY16" fmla="*/ 156686 h 339280"/>
                  <a:gd name="connsiteX17" fmla="*/ 304343 w 312419"/>
                  <a:gd name="connsiteY17" fmla="*/ 164763 h 339280"/>
                  <a:gd name="connsiteX18" fmla="*/ 312420 w 312419"/>
                  <a:gd name="connsiteY18" fmla="*/ 156686 h 339280"/>
                  <a:gd name="connsiteX19" fmla="*/ 312420 w 312419"/>
                  <a:gd name="connsiteY19" fmla="*/ 36195 h 339280"/>
                  <a:gd name="connsiteX20" fmla="*/ 303371 w 312419"/>
                  <a:gd name="connsiteY20" fmla="*/ 26670 h 339280"/>
                  <a:gd name="connsiteX21" fmla="*/ 276701 w 312419"/>
                  <a:gd name="connsiteY21" fmla="*/ 26670 h 339280"/>
                  <a:gd name="connsiteX22" fmla="*/ 272224 w 312419"/>
                  <a:gd name="connsiteY22" fmla="*/ 22384 h 339280"/>
                  <a:gd name="connsiteX23" fmla="*/ 272224 w 312419"/>
                  <a:gd name="connsiteY23" fmla="*/ 22288 h 339280"/>
                  <a:gd name="connsiteX24" fmla="*/ 272224 w 312419"/>
                  <a:gd name="connsiteY24" fmla="*/ 8954 h 339280"/>
                  <a:gd name="connsiteX25" fmla="*/ 263271 w 312419"/>
                  <a:gd name="connsiteY25" fmla="*/ 0 h 339280"/>
                  <a:gd name="connsiteX26" fmla="*/ 254317 w 312419"/>
                  <a:gd name="connsiteY26" fmla="*/ 8954 h 339280"/>
                  <a:gd name="connsiteX27" fmla="*/ 254317 w 312419"/>
                  <a:gd name="connsiteY27" fmla="*/ 22288 h 339280"/>
                  <a:gd name="connsiteX28" fmla="*/ 249936 w 312419"/>
                  <a:gd name="connsiteY28" fmla="*/ 26670 h 339280"/>
                  <a:gd name="connsiteX29" fmla="*/ 223171 w 312419"/>
                  <a:gd name="connsiteY29" fmla="*/ 26670 h 339280"/>
                  <a:gd name="connsiteX30" fmla="*/ 218789 w 312419"/>
                  <a:gd name="connsiteY30" fmla="*/ 22288 h 339280"/>
                  <a:gd name="connsiteX31" fmla="*/ 218789 w 312419"/>
                  <a:gd name="connsiteY31" fmla="*/ 8954 h 339280"/>
                  <a:gd name="connsiteX32" fmla="*/ 208864 w 312419"/>
                  <a:gd name="connsiteY32" fmla="*/ 876 h 339280"/>
                  <a:gd name="connsiteX33" fmla="*/ 200787 w 312419"/>
                  <a:gd name="connsiteY33" fmla="*/ 8954 h 339280"/>
                  <a:gd name="connsiteX34" fmla="*/ 200787 w 312419"/>
                  <a:gd name="connsiteY34" fmla="*/ 22288 h 339280"/>
                  <a:gd name="connsiteX35" fmla="*/ 196596 w 312419"/>
                  <a:gd name="connsiteY35" fmla="*/ 26670 h 339280"/>
                  <a:gd name="connsiteX36" fmla="*/ 196405 w 312419"/>
                  <a:gd name="connsiteY36" fmla="*/ 26670 h 339280"/>
                  <a:gd name="connsiteX37" fmla="*/ 169640 w 312419"/>
                  <a:gd name="connsiteY37" fmla="*/ 26670 h 339280"/>
                  <a:gd name="connsiteX38" fmla="*/ 165259 w 312419"/>
                  <a:gd name="connsiteY38" fmla="*/ 22288 h 339280"/>
                  <a:gd name="connsiteX39" fmla="*/ 165259 w 312419"/>
                  <a:gd name="connsiteY39" fmla="*/ 8954 h 339280"/>
                  <a:gd name="connsiteX40" fmla="*/ 156305 w 312419"/>
                  <a:gd name="connsiteY40" fmla="*/ 0 h 339280"/>
                  <a:gd name="connsiteX41" fmla="*/ 147352 w 312419"/>
                  <a:gd name="connsiteY41" fmla="*/ 8954 h 339280"/>
                  <a:gd name="connsiteX42" fmla="*/ 147352 w 312419"/>
                  <a:gd name="connsiteY42" fmla="*/ 22288 h 339280"/>
                  <a:gd name="connsiteX43" fmla="*/ 142970 w 312419"/>
                  <a:gd name="connsiteY43" fmla="*/ 26670 h 339280"/>
                  <a:gd name="connsiteX44" fmla="*/ 116205 w 312419"/>
                  <a:gd name="connsiteY44" fmla="*/ 26670 h 339280"/>
                  <a:gd name="connsiteX45" fmla="*/ 111823 w 312419"/>
                  <a:gd name="connsiteY45" fmla="*/ 22288 h 339280"/>
                  <a:gd name="connsiteX46" fmla="*/ 111823 w 312419"/>
                  <a:gd name="connsiteY46" fmla="*/ 8954 h 339280"/>
                  <a:gd name="connsiteX47" fmla="*/ 101898 w 312419"/>
                  <a:gd name="connsiteY47" fmla="*/ 876 h 339280"/>
                  <a:gd name="connsiteX48" fmla="*/ 93821 w 312419"/>
                  <a:gd name="connsiteY48" fmla="*/ 8954 h 339280"/>
                  <a:gd name="connsiteX49" fmla="*/ 93821 w 312419"/>
                  <a:gd name="connsiteY49" fmla="*/ 22288 h 339280"/>
                  <a:gd name="connsiteX50" fmla="*/ 89630 w 312419"/>
                  <a:gd name="connsiteY50" fmla="*/ 26670 h 339280"/>
                  <a:gd name="connsiteX51" fmla="*/ 89440 w 312419"/>
                  <a:gd name="connsiteY51" fmla="*/ 26670 h 339280"/>
                  <a:gd name="connsiteX52" fmla="*/ 62389 w 312419"/>
                  <a:gd name="connsiteY52" fmla="*/ 26670 h 339280"/>
                  <a:gd name="connsiteX53" fmla="*/ 58007 w 312419"/>
                  <a:gd name="connsiteY53" fmla="*/ 22288 h 339280"/>
                  <a:gd name="connsiteX54" fmla="*/ 58007 w 312419"/>
                  <a:gd name="connsiteY54" fmla="*/ 8954 h 339280"/>
                  <a:gd name="connsiteX55" fmla="*/ 49054 w 312419"/>
                  <a:gd name="connsiteY55" fmla="*/ 0 h 339280"/>
                  <a:gd name="connsiteX56" fmla="*/ 40100 w 312419"/>
                  <a:gd name="connsiteY56" fmla="*/ 8954 h 339280"/>
                  <a:gd name="connsiteX57" fmla="*/ 40100 w 312419"/>
                  <a:gd name="connsiteY57" fmla="*/ 22288 h 339280"/>
                  <a:gd name="connsiteX58" fmla="*/ 35719 w 312419"/>
                  <a:gd name="connsiteY58" fmla="*/ 26670 h 339280"/>
                  <a:gd name="connsiteX59" fmla="*/ 8954 w 312419"/>
                  <a:gd name="connsiteY59" fmla="*/ 26670 h 339280"/>
                  <a:gd name="connsiteX60" fmla="*/ 0 w 312419"/>
                  <a:gd name="connsiteY60" fmla="*/ 36195 h 339280"/>
                  <a:gd name="connsiteX61" fmla="*/ 0 w 312419"/>
                  <a:gd name="connsiteY61" fmla="*/ 330327 h 339280"/>
                  <a:gd name="connsiteX62" fmla="*/ 8954 w 312419"/>
                  <a:gd name="connsiteY62" fmla="*/ 339280 h 339280"/>
                  <a:gd name="connsiteX63" fmla="*/ 156019 w 312419"/>
                  <a:gd name="connsiteY63" fmla="*/ 339280 h 339280"/>
                  <a:gd name="connsiteX64" fmla="*/ 164973 w 312419"/>
                  <a:gd name="connsiteY64" fmla="*/ 330327 h 339280"/>
                  <a:gd name="connsiteX65" fmla="*/ 156019 w 312419"/>
                  <a:gd name="connsiteY65" fmla="*/ 321373 h 339280"/>
                  <a:gd name="connsiteX66" fmla="*/ 22669 w 312419"/>
                  <a:gd name="connsiteY66" fmla="*/ 321373 h 339280"/>
                  <a:gd name="connsiteX67" fmla="*/ 18288 w 312419"/>
                  <a:gd name="connsiteY67" fmla="*/ 316992 h 339280"/>
                  <a:gd name="connsiteX68" fmla="*/ 18288 w 312419"/>
                  <a:gd name="connsiteY68" fmla="*/ 49530 h 339280"/>
                  <a:gd name="connsiteX69" fmla="*/ 22669 w 312419"/>
                  <a:gd name="connsiteY69" fmla="*/ 45148 h 339280"/>
                  <a:gd name="connsiteX70" fmla="*/ 36100 w 312419"/>
                  <a:gd name="connsiteY70" fmla="*/ 45148 h 339280"/>
                  <a:gd name="connsiteX71" fmla="*/ 40481 w 312419"/>
                  <a:gd name="connsiteY71" fmla="*/ 49530 h 339280"/>
                  <a:gd name="connsiteX72" fmla="*/ 40481 w 312419"/>
                  <a:gd name="connsiteY72" fmla="*/ 63055 h 339280"/>
                  <a:gd name="connsiteX73" fmla="*/ 49435 w 312419"/>
                  <a:gd name="connsiteY73" fmla="*/ 72009 h 339280"/>
                  <a:gd name="connsiteX74" fmla="*/ 58388 w 312419"/>
                  <a:gd name="connsiteY74" fmla="*/ 63055 h 339280"/>
                  <a:gd name="connsiteX75" fmla="*/ 58388 w 312419"/>
                  <a:gd name="connsiteY75" fmla="*/ 49721 h 339280"/>
                  <a:gd name="connsiteX76" fmla="*/ 62770 w 312419"/>
                  <a:gd name="connsiteY76" fmla="*/ 45339 h 339280"/>
                  <a:gd name="connsiteX77" fmla="*/ 89535 w 312419"/>
                  <a:gd name="connsiteY77" fmla="*/ 45339 h 339280"/>
                  <a:gd name="connsiteX78" fmla="*/ 93916 w 312419"/>
                  <a:gd name="connsiteY78" fmla="*/ 49721 h 339280"/>
                  <a:gd name="connsiteX79" fmla="*/ 93916 w 312419"/>
                  <a:gd name="connsiteY79" fmla="*/ 63055 h 339280"/>
                  <a:gd name="connsiteX80" fmla="*/ 101994 w 312419"/>
                  <a:gd name="connsiteY80" fmla="*/ 72981 h 339280"/>
                  <a:gd name="connsiteX81" fmla="*/ 111919 w 312419"/>
                  <a:gd name="connsiteY81" fmla="*/ 64913 h 339280"/>
                  <a:gd name="connsiteX82" fmla="*/ 111919 w 312419"/>
                  <a:gd name="connsiteY82" fmla="*/ 63055 h 339280"/>
                  <a:gd name="connsiteX83" fmla="*/ 111919 w 312419"/>
                  <a:gd name="connsiteY83" fmla="*/ 49721 h 339280"/>
                  <a:gd name="connsiteX84" fmla="*/ 116300 w 312419"/>
                  <a:gd name="connsiteY84" fmla="*/ 45339 h 339280"/>
                  <a:gd name="connsiteX85" fmla="*/ 143065 w 312419"/>
                  <a:gd name="connsiteY85" fmla="*/ 45339 h 339280"/>
                  <a:gd name="connsiteX86" fmla="*/ 147447 w 312419"/>
                  <a:gd name="connsiteY86" fmla="*/ 49721 h 339280"/>
                  <a:gd name="connsiteX87" fmla="*/ 147447 w 312419"/>
                  <a:gd name="connsiteY87" fmla="*/ 63055 h 339280"/>
                  <a:gd name="connsiteX88" fmla="*/ 156400 w 312419"/>
                  <a:gd name="connsiteY88" fmla="*/ 72009 h 339280"/>
                  <a:gd name="connsiteX89" fmla="*/ 165354 w 312419"/>
                  <a:gd name="connsiteY89" fmla="*/ 63055 h 339280"/>
                  <a:gd name="connsiteX90" fmla="*/ 165354 w 312419"/>
                  <a:gd name="connsiteY90" fmla="*/ 49721 h 339280"/>
                  <a:gd name="connsiteX91" fmla="*/ 169735 w 312419"/>
                  <a:gd name="connsiteY91" fmla="*/ 45339 h 339280"/>
                  <a:gd name="connsiteX92" fmla="*/ 196501 w 312419"/>
                  <a:gd name="connsiteY92" fmla="*/ 45339 h 339280"/>
                  <a:gd name="connsiteX93" fmla="*/ 200787 w 312419"/>
                  <a:gd name="connsiteY93" fmla="*/ 49530 h 3392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312419" h="339280">
                    <a:moveTo>
                      <a:pt x="200787" y="49530"/>
                    </a:moveTo>
                    <a:lnTo>
                      <a:pt x="200787" y="63055"/>
                    </a:lnTo>
                    <a:cubicBezTo>
                      <a:pt x="200273" y="68028"/>
                      <a:pt x="203892" y="72476"/>
                      <a:pt x="208864" y="72981"/>
                    </a:cubicBezTo>
                    <a:cubicBezTo>
                      <a:pt x="213836" y="73495"/>
                      <a:pt x="218275" y="69885"/>
                      <a:pt x="218789" y="64913"/>
                    </a:cubicBezTo>
                    <a:cubicBezTo>
                      <a:pt x="218856" y="64294"/>
                      <a:pt x="218856" y="63675"/>
                      <a:pt x="218789" y="63055"/>
                    </a:cubicBezTo>
                    <a:lnTo>
                      <a:pt x="218789" y="49721"/>
                    </a:lnTo>
                    <a:cubicBezTo>
                      <a:pt x="218837" y="47320"/>
                      <a:pt x="220770" y="45387"/>
                      <a:pt x="223171" y="45339"/>
                    </a:cubicBezTo>
                    <a:lnTo>
                      <a:pt x="249936" y="45339"/>
                    </a:lnTo>
                    <a:cubicBezTo>
                      <a:pt x="252336" y="45387"/>
                      <a:pt x="254270" y="47320"/>
                      <a:pt x="254317" y="49721"/>
                    </a:cubicBezTo>
                    <a:lnTo>
                      <a:pt x="254317" y="63055"/>
                    </a:lnTo>
                    <a:cubicBezTo>
                      <a:pt x="254317" y="67999"/>
                      <a:pt x="258328" y="72009"/>
                      <a:pt x="263271" y="72009"/>
                    </a:cubicBezTo>
                    <a:cubicBezTo>
                      <a:pt x="268214" y="72009"/>
                      <a:pt x="272224" y="67999"/>
                      <a:pt x="272224" y="63055"/>
                    </a:cubicBezTo>
                    <a:lnTo>
                      <a:pt x="272224" y="49721"/>
                    </a:lnTo>
                    <a:cubicBezTo>
                      <a:pt x="272272" y="47282"/>
                      <a:pt x="274263" y="45339"/>
                      <a:pt x="276701" y="45339"/>
                    </a:cubicBezTo>
                    <a:lnTo>
                      <a:pt x="290036" y="45339"/>
                    </a:lnTo>
                    <a:cubicBezTo>
                      <a:pt x="292437" y="45387"/>
                      <a:pt x="294370" y="47320"/>
                      <a:pt x="294418" y="49721"/>
                    </a:cubicBezTo>
                    <a:lnTo>
                      <a:pt x="294418" y="156686"/>
                    </a:lnTo>
                    <a:cubicBezTo>
                      <a:pt x="294932" y="161658"/>
                      <a:pt x="299371" y="165268"/>
                      <a:pt x="304343" y="164763"/>
                    </a:cubicBezTo>
                    <a:cubicBezTo>
                      <a:pt x="308610" y="164325"/>
                      <a:pt x="311982" y="160953"/>
                      <a:pt x="312420" y="156686"/>
                    </a:cubicBezTo>
                    <a:lnTo>
                      <a:pt x="312420" y="36195"/>
                    </a:lnTo>
                    <a:cubicBezTo>
                      <a:pt x="312430" y="31118"/>
                      <a:pt x="308448" y="26927"/>
                      <a:pt x="303371" y="26670"/>
                    </a:cubicBezTo>
                    <a:lnTo>
                      <a:pt x="276701" y="26670"/>
                    </a:lnTo>
                    <a:cubicBezTo>
                      <a:pt x="274282" y="26727"/>
                      <a:pt x="272282" y="24803"/>
                      <a:pt x="272224" y="22384"/>
                    </a:cubicBezTo>
                    <a:cubicBezTo>
                      <a:pt x="272224" y="22355"/>
                      <a:pt x="272224" y="22317"/>
                      <a:pt x="272224" y="22288"/>
                    </a:cubicBezTo>
                    <a:lnTo>
                      <a:pt x="272224" y="8954"/>
                    </a:lnTo>
                    <a:cubicBezTo>
                      <a:pt x="272224" y="4010"/>
                      <a:pt x="268214" y="0"/>
                      <a:pt x="263271" y="0"/>
                    </a:cubicBezTo>
                    <a:cubicBezTo>
                      <a:pt x="258328" y="0"/>
                      <a:pt x="254317" y="4010"/>
                      <a:pt x="254317" y="8954"/>
                    </a:cubicBezTo>
                    <a:lnTo>
                      <a:pt x="254317" y="22288"/>
                    </a:lnTo>
                    <a:cubicBezTo>
                      <a:pt x="254317" y="24708"/>
                      <a:pt x="252355" y="26670"/>
                      <a:pt x="249936" y="26670"/>
                    </a:cubicBezTo>
                    <a:lnTo>
                      <a:pt x="223171" y="26670"/>
                    </a:lnTo>
                    <a:cubicBezTo>
                      <a:pt x="220751" y="26670"/>
                      <a:pt x="218789" y="24708"/>
                      <a:pt x="218789" y="22288"/>
                    </a:cubicBezTo>
                    <a:lnTo>
                      <a:pt x="218789" y="8954"/>
                    </a:lnTo>
                    <a:cubicBezTo>
                      <a:pt x="218275" y="3981"/>
                      <a:pt x="213836" y="371"/>
                      <a:pt x="208864" y="876"/>
                    </a:cubicBezTo>
                    <a:cubicBezTo>
                      <a:pt x="204597" y="1314"/>
                      <a:pt x="201225" y="4686"/>
                      <a:pt x="200787" y="8954"/>
                    </a:cubicBezTo>
                    <a:lnTo>
                      <a:pt x="200787" y="22288"/>
                    </a:lnTo>
                    <a:cubicBezTo>
                      <a:pt x="200844" y="24651"/>
                      <a:pt x="198968" y="26613"/>
                      <a:pt x="196596" y="26670"/>
                    </a:cubicBezTo>
                    <a:cubicBezTo>
                      <a:pt x="196529" y="26670"/>
                      <a:pt x="196472" y="26670"/>
                      <a:pt x="196405" y="26670"/>
                    </a:cubicBezTo>
                    <a:lnTo>
                      <a:pt x="169640" y="26670"/>
                    </a:lnTo>
                    <a:cubicBezTo>
                      <a:pt x="167221" y="26670"/>
                      <a:pt x="165259" y="24708"/>
                      <a:pt x="165259" y="22288"/>
                    </a:cubicBezTo>
                    <a:lnTo>
                      <a:pt x="165259" y="8954"/>
                    </a:lnTo>
                    <a:cubicBezTo>
                      <a:pt x="165259" y="4010"/>
                      <a:pt x="161249" y="0"/>
                      <a:pt x="156305" y="0"/>
                    </a:cubicBezTo>
                    <a:cubicBezTo>
                      <a:pt x="151362" y="0"/>
                      <a:pt x="147352" y="4010"/>
                      <a:pt x="147352" y="8954"/>
                    </a:cubicBezTo>
                    <a:lnTo>
                      <a:pt x="147352" y="22288"/>
                    </a:lnTo>
                    <a:cubicBezTo>
                      <a:pt x="147352" y="24708"/>
                      <a:pt x="145389" y="26670"/>
                      <a:pt x="142970" y="26670"/>
                    </a:cubicBezTo>
                    <a:lnTo>
                      <a:pt x="116205" y="26670"/>
                    </a:lnTo>
                    <a:cubicBezTo>
                      <a:pt x="113786" y="26670"/>
                      <a:pt x="111823" y="24708"/>
                      <a:pt x="111823" y="22288"/>
                    </a:cubicBezTo>
                    <a:lnTo>
                      <a:pt x="111823" y="8954"/>
                    </a:lnTo>
                    <a:cubicBezTo>
                      <a:pt x="111309" y="3981"/>
                      <a:pt x="106871" y="371"/>
                      <a:pt x="101898" y="876"/>
                    </a:cubicBezTo>
                    <a:cubicBezTo>
                      <a:pt x="97631" y="1314"/>
                      <a:pt x="94259" y="4686"/>
                      <a:pt x="93821" y="8954"/>
                    </a:cubicBezTo>
                    <a:lnTo>
                      <a:pt x="93821" y="22288"/>
                    </a:lnTo>
                    <a:cubicBezTo>
                      <a:pt x="93878" y="24651"/>
                      <a:pt x="92002" y="26613"/>
                      <a:pt x="89630" y="26670"/>
                    </a:cubicBezTo>
                    <a:cubicBezTo>
                      <a:pt x="89563" y="26670"/>
                      <a:pt x="89506" y="26670"/>
                      <a:pt x="89440" y="26670"/>
                    </a:cubicBezTo>
                    <a:lnTo>
                      <a:pt x="62389" y="26670"/>
                    </a:lnTo>
                    <a:cubicBezTo>
                      <a:pt x="59969" y="26670"/>
                      <a:pt x="58007" y="24708"/>
                      <a:pt x="58007" y="22288"/>
                    </a:cubicBezTo>
                    <a:lnTo>
                      <a:pt x="58007" y="8954"/>
                    </a:lnTo>
                    <a:cubicBezTo>
                      <a:pt x="58007" y="4010"/>
                      <a:pt x="53997" y="0"/>
                      <a:pt x="49054" y="0"/>
                    </a:cubicBezTo>
                    <a:cubicBezTo>
                      <a:pt x="44110" y="0"/>
                      <a:pt x="40100" y="4010"/>
                      <a:pt x="40100" y="8954"/>
                    </a:cubicBezTo>
                    <a:lnTo>
                      <a:pt x="40100" y="22288"/>
                    </a:lnTo>
                    <a:cubicBezTo>
                      <a:pt x="40100" y="24708"/>
                      <a:pt x="38138" y="26670"/>
                      <a:pt x="35719" y="26670"/>
                    </a:cubicBezTo>
                    <a:lnTo>
                      <a:pt x="8954" y="26670"/>
                    </a:lnTo>
                    <a:cubicBezTo>
                      <a:pt x="3915" y="26975"/>
                      <a:pt x="-10" y="31147"/>
                      <a:pt x="0" y="36195"/>
                    </a:cubicBezTo>
                    <a:lnTo>
                      <a:pt x="0" y="330327"/>
                    </a:lnTo>
                    <a:cubicBezTo>
                      <a:pt x="0" y="335270"/>
                      <a:pt x="4010" y="339280"/>
                      <a:pt x="8954" y="339280"/>
                    </a:cubicBezTo>
                    <a:lnTo>
                      <a:pt x="156019" y="339280"/>
                    </a:lnTo>
                    <a:cubicBezTo>
                      <a:pt x="160963" y="339280"/>
                      <a:pt x="164973" y="335270"/>
                      <a:pt x="164973" y="330327"/>
                    </a:cubicBezTo>
                    <a:cubicBezTo>
                      <a:pt x="164973" y="325383"/>
                      <a:pt x="160963" y="321373"/>
                      <a:pt x="156019" y="321373"/>
                    </a:cubicBezTo>
                    <a:lnTo>
                      <a:pt x="22669" y="321373"/>
                    </a:lnTo>
                    <a:cubicBezTo>
                      <a:pt x="20269" y="321326"/>
                      <a:pt x="18336" y="319392"/>
                      <a:pt x="18288" y="316992"/>
                    </a:cubicBezTo>
                    <a:lnTo>
                      <a:pt x="18288" y="49530"/>
                    </a:lnTo>
                    <a:cubicBezTo>
                      <a:pt x="18336" y="47130"/>
                      <a:pt x="20269" y="45196"/>
                      <a:pt x="22669" y="45148"/>
                    </a:cubicBezTo>
                    <a:lnTo>
                      <a:pt x="36100" y="45148"/>
                    </a:lnTo>
                    <a:cubicBezTo>
                      <a:pt x="38500" y="45196"/>
                      <a:pt x="40434" y="47130"/>
                      <a:pt x="40481" y="49530"/>
                    </a:cubicBezTo>
                    <a:lnTo>
                      <a:pt x="40481" y="63055"/>
                    </a:lnTo>
                    <a:cubicBezTo>
                      <a:pt x="40481" y="67999"/>
                      <a:pt x="44491" y="72009"/>
                      <a:pt x="49435" y="72009"/>
                    </a:cubicBezTo>
                    <a:cubicBezTo>
                      <a:pt x="54378" y="72009"/>
                      <a:pt x="58388" y="67999"/>
                      <a:pt x="58388" y="63055"/>
                    </a:cubicBezTo>
                    <a:lnTo>
                      <a:pt x="58388" y="49721"/>
                    </a:lnTo>
                    <a:cubicBezTo>
                      <a:pt x="58436" y="47320"/>
                      <a:pt x="60369" y="45387"/>
                      <a:pt x="62770" y="45339"/>
                    </a:cubicBezTo>
                    <a:lnTo>
                      <a:pt x="89535" y="45339"/>
                    </a:lnTo>
                    <a:cubicBezTo>
                      <a:pt x="91954" y="45339"/>
                      <a:pt x="93916" y="47301"/>
                      <a:pt x="93916" y="49721"/>
                    </a:cubicBezTo>
                    <a:lnTo>
                      <a:pt x="93916" y="63055"/>
                    </a:lnTo>
                    <a:cubicBezTo>
                      <a:pt x="93402" y="68028"/>
                      <a:pt x="97021" y="72476"/>
                      <a:pt x="101994" y="72981"/>
                    </a:cubicBezTo>
                    <a:cubicBezTo>
                      <a:pt x="106966" y="73495"/>
                      <a:pt x="111404" y="69885"/>
                      <a:pt x="111919" y="64913"/>
                    </a:cubicBezTo>
                    <a:cubicBezTo>
                      <a:pt x="111985" y="64294"/>
                      <a:pt x="111985" y="63675"/>
                      <a:pt x="111919" y="63055"/>
                    </a:cubicBezTo>
                    <a:lnTo>
                      <a:pt x="111919" y="49721"/>
                    </a:lnTo>
                    <a:cubicBezTo>
                      <a:pt x="111966" y="47320"/>
                      <a:pt x="113900" y="45387"/>
                      <a:pt x="116300" y="45339"/>
                    </a:cubicBezTo>
                    <a:lnTo>
                      <a:pt x="143065" y="45339"/>
                    </a:lnTo>
                    <a:cubicBezTo>
                      <a:pt x="145466" y="45387"/>
                      <a:pt x="147399" y="47320"/>
                      <a:pt x="147447" y="49721"/>
                    </a:cubicBezTo>
                    <a:lnTo>
                      <a:pt x="147447" y="63055"/>
                    </a:lnTo>
                    <a:cubicBezTo>
                      <a:pt x="147447" y="67999"/>
                      <a:pt x="151457" y="72009"/>
                      <a:pt x="156400" y="72009"/>
                    </a:cubicBezTo>
                    <a:cubicBezTo>
                      <a:pt x="161344" y="72009"/>
                      <a:pt x="165354" y="67999"/>
                      <a:pt x="165354" y="63055"/>
                    </a:cubicBezTo>
                    <a:lnTo>
                      <a:pt x="165354" y="49721"/>
                    </a:lnTo>
                    <a:cubicBezTo>
                      <a:pt x="165402" y="47320"/>
                      <a:pt x="167335" y="45387"/>
                      <a:pt x="169735" y="45339"/>
                    </a:cubicBezTo>
                    <a:lnTo>
                      <a:pt x="196501" y="45339"/>
                    </a:lnTo>
                    <a:cubicBezTo>
                      <a:pt x="198815" y="45387"/>
                      <a:pt x="200692" y="47225"/>
                      <a:pt x="200787" y="49530"/>
                    </a:cubicBezTo>
                    <a:close/>
                  </a:path>
                </a:pathLst>
              </a:custGeom>
              <a:solidFill>
                <a:srgbClr val="265998"/>
              </a:solidFill>
              <a:ln w="9525" cap="flat">
                <a:noFill/>
                <a:prstDash val="solid"/>
                <a:miter/>
              </a:ln>
            </p:spPr>
            <p:txBody>
              <a:bodyPr rtlCol="0" anchor="ctr"/>
              <a:lstStyle/>
              <a:p>
                <a:endParaRPr lang="en-AU" sz="153"/>
              </a:p>
            </p:txBody>
          </p:sp>
          <p:sp>
            <p:nvSpPr>
              <p:cNvPr id="21" name="Freeform: Shape 20">
                <a:extLst>
                  <a:ext uri="{FF2B5EF4-FFF2-40B4-BE49-F238E27FC236}">
                    <a16:creationId xmlns:a16="http://schemas.microsoft.com/office/drawing/2014/main" id="{5F81FF1D-0680-D55D-8B1C-F0266B92CCF5}"/>
                  </a:ext>
                </a:extLst>
              </p:cNvPr>
              <p:cNvSpPr/>
              <p:nvPr/>
            </p:nvSpPr>
            <p:spPr>
              <a:xfrm>
                <a:off x="4068317" y="2718562"/>
                <a:ext cx="232029" cy="232029"/>
              </a:xfrm>
              <a:custGeom>
                <a:avLst/>
                <a:gdLst>
                  <a:gd name="connsiteX0" fmla="*/ 116014 w 232029"/>
                  <a:gd name="connsiteY0" fmla="*/ 0 h 232029"/>
                  <a:gd name="connsiteX1" fmla="*/ 0 w 232029"/>
                  <a:gd name="connsiteY1" fmla="*/ 116014 h 232029"/>
                  <a:gd name="connsiteX2" fmla="*/ 116014 w 232029"/>
                  <a:gd name="connsiteY2" fmla="*/ 232029 h 232029"/>
                  <a:gd name="connsiteX3" fmla="*/ 232029 w 232029"/>
                  <a:gd name="connsiteY3" fmla="*/ 116014 h 232029"/>
                  <a:gd name="connsiteX4" fmla="*/ 232029 w 232029"/>
                  <a:gd name="connsiteY4" fmla="*/ 115919 h 232029"/>
                  <a:gd name="connsiteX5" fmla="*/ 116014 w 232029"/>
                  <a:gd name="connsiteY5" fmla="*/ 0 h 232029"/>
                  <a:gd name="connsiteX6" fmla="*/ 116014 w 232029"/>
                  <a:gd name="connsiteY6" fmla="*/ 213931 h 232029"/>
                  <a:gd name="connsiteX7" fmla="*/ 18002 w 232029"/>
                  <a:gd name="connsiteY7" fmla="*/ 115919 h 232029"/>
                  <a:gd name="connsiteX8" fmla="*/ 116014 w 232029"/>
                  <a:gd name="connsiteY8" fmla="*/ 17907 h 232029"/>
                  <a:gd name="connsiteX9" fmla="*/ 214027 w 232029"/>
                  <a:gd name="connsiteY9" fmla="*/ 115919 h 232029"/>
                  <a:gd name="connsiteX10" fmla="*/ 116014 w 232029"/>
                  <a:gd name="connsiteY10" fmla="*/ 213931 h 2320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32029" h="232029">
                    <a:moveTo>
                      <a:pt x="116014" y="0"/>
                    </a:moveTo>
                    <a:cubicBezTo>
                      <a:pt x="51940" y="0"/>
                      <a:pt x="0" y="51940"/>
                      <a:pt x="0" y="116014"/>
                    </a:cubicBezTo>
                    <a:cubicBezTo>
                      <a:pt x="0" y="180089"/>
                      <a:pt x="51940" y="232029"/>
                      <a:pt x="116014" y="232029"/>
                    </a:cubicBezTo>
                    <a:cubicBezTo>
                      <a:pt x="180089" y="232029"/>
                      <a:pt x="232029" y="180089"/>
                      <a:pt x="232029" y="116014"/>
                    </a:cubicBezTo>
                    <a:cubicBezTo>
                      <a:pt x="232029" y="115986"/>
                      <a:pt x="232029" y="115948"/>
                      <a:pt x="232029" y="115919"/>
                    </a:cubicBezTo>
                    <a:cubicBezTo>
                      <a:pt x="231972" y="51883"/>
                      <a:pt x="180051" y="0"/>
                      <a:pt x="116014" y="0"/>
                    </a:cubicBezTo>
                    <a:close/>
                    <a:moveTo>
                      <a:pt x="116014" y="213931"/>
                    </a:moveTo>
                    <a:cubicBezTo>
                      <a:pt x="61884" y="213931"/>
                      <a:pt x="18002" y="170050"/>
                      <a:pt x="18002" y="115919"/>
                    </a:cubicBezTo>
                    <a:cubicBezTo>
                      <a:pt x="18002" y="61789"/>
                      <a:pt x="61884" y="17907"/>
                      <a:pt x="116014" y="17907"/>
                    </a:cubicBezTo>
                    <a:cubicBezTo>
                      <a:pt x="170145" y="17907"/>
                      <a:pt x="214027" y="61789"/>
                      <a:pt x="214027" y="115919"/>
                    </a:cubicBezTo>
                    <a:cubicBezTo>
                      <a:pt x="214027" y="170050"/>
                      <a:pt x="170145" y="213931"/>
                      <a:pt x="116014" y="213931"/>
                    </a:cubicBezTo>
                    <a:close/>
                  </a:path>
                </a:pathLst>
              </a:custGeom>
              <a:solidFill>
                <a:srgbClr val="265998"/>
              </a:solidFill>
              <a:ln w="9525" cap="flat">
                <a:noFill/>
                <a:prstDash val="solid"/>
                <a:miter/>
              </a:ln>
            </p:spPr>
            <p:txBody>
              <a:bodyPr rtlCol="0" anchor="ctr"/>
              <a:lstStyle/>
              <a:p>
                <a:endParaRPr lang="en-AU" sz="153"/>
              </a:p>
            </p:txBody>
          </p:sp>
          <p:sp>
            <p:nvSpPr>
              <p:cNvPr id="22" name="Freeform: Shape 21">
                <a:extLst>
                  <a:ext uri="{FF2B5EF4-FFF2-40B4-BE49-F238E27FC236}">
                    <a16:creationId xmlns:a16="http://schemas.microsoft.com/office/drawing/2014/main" id="{786B7A1E-9B82-92CE-4F3E-9A368AAA10A8}"/>
                  </a:ext>
                </a:extLst>
              </p:cNvPr>
              <p:cNvSpPr/>
              <p:nvPr/>
            </p:nvSpPr>
            <p:spPr>
              <a:xfrm>
                <a:off x="4175328" y="2771072"/>
                <a:ext cx="83802" cy="72457"/>
              </a:xfrm>
              <a:custGeom>
                <a:avLst/>
                <a:gdLst>
                  <a:gd name="connsiteX0" fmla="*/ 75869 w 83802"/>
                  <a:gd name="connsiteY0" fmla="*/ 54456 h 72457"/>
                  <a:gd name="connsiteX1" fmla="*/ 22434 w 83802"/>
                  <a:gd name="connsiteY1" fmla="*/ 54456 h 72457"/>
                  <a:gd name="connsiteX2" fmla="*/ 18052 w 83802"/>
                  <a:gd name="connsiteY2" fmla="*/ 50074 h 72457"/>
                  <a:gd name="connsiteX3" fmla="*/ 18052 w 83802"/>
                  <a:gd name="connsiteY3" fmla="*/ 9974 h 72457"/>
                  <a:gd name="connsiteX4" fmla="*/ 9975 w 83802"/>
                  <a:gd name="connsiteY4" fmla="*/ 49 h 72457"/>
                  <a:gd name="connsiteX5" fmla="*/ 50 w 83802"/>
                  <a:gd name="connsiteY5" fmla="*/ 8116 h 72457"/>
                  <a:gd name="connsiteX6" fmla="*/ 50 w 83802"/>
                  <a:gd name="connsiteY6" fmla="*/ 9974 h 72457"/>
                  <a:gd name="connsiteX7" fmla="*/ 50 w 83802"/>
                  <a:gd name="connsiteY7" fmla="*/ 63409 h 72457"/>
                  <a:gd name="connsiteX8" fmla="*/ 9003 w 83802"/>
                  <a:gd name="connsiteY8" fmla="*/ 72458 h 72457"/>
                  <a:gd name="connsiteX9" fmla="*/ 75678 w 83802"/>
                  <a:gd name="connsiteY9" fmla="*/ 72458 h 72457"/>
                  <a:gd name="connsiteX10" fmla="*/ 83756 w 83802"/>
                  <a:gd name="connsiteY10" fmla="*/ 62533 h 72457"/>
                  <a:gd name="connsiteX11" fmla="*/ 75678 w 83802"/>
                  <a:gd name="connsiteY11" fmla="*/ 54456 h 72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3802" h="72457">
                    <a:moveTo>
                      <a:pt x="75869" y="54456"/>
                    </a:moveTo>
                    <a:lnTo>
                      <a:pt x="22434" y="54456"/>
                    </a:lnTo>
                    <a:cubicBezTo>
                      <a:pt x="20014" y="54456"/>
                      <a:pt x="18052" y="52493"/>
                      <a:pt x="18052" y="50074"/>
                    </a:cubicBezTo>
                    <a:lnTo>
                      <a:pt x="18052" y="9974"/>
                    </a:lnTo>
                    <a:cubicBezTo>
                      <a:pt x="18567" y="5002"/>
                      <a:pt x="14947" y="554"/>
                      <a:pt x="9975" y="49"/>
                    </a:cubicBezTo>
                    <a:cubicBezTo>
                      <a:pt x="5003" y="-466"/>
                      <a:pt x="564" y="3144"/>
                      <a:pt x="50" y="8116"/>
                    </a:cubicBezTo>
                    <a:cubicBezTo>
                      <a:pt x="-17" y="8735"/>
                      <a:pt x="-17" y="9355"/>
                      <a:pt x="50" y="9974"/>
                    </a:cubicBezTo>
                    <a:lnTo>
                      <a:pt x="50" y="63409"/>
                    </a:lnTo>
                    <a:cubicBezTo>
                      <a:pt x="288" y="68267"/>
                      <a:pt x="4146" y="72172"/>
                      <a:pt x="9003" y="72458"/>
                    </a:cubicBezTo>
                    <a:lnTo>
                      <a:pt x="75678" y="72458"/>
                    </a:lnTo>
                    <a:cubicBezTo>
                      <a:pt x="80651" y="71943"/>
                      <a:pt x="84260" y="67505"/>
                      <a:pt x="83756" y="62533"/>
                    </a:cubicBezTo>
                    <a:cubicBezTo>
                      <a:pt x="83318" y="58266"/>
                      <a:pt x="79946" y="54894"/>
                      <a:pt x="75678" y="54456"/>
                    </a:cubicBezTo>
                    <a:close/>
                  </a:path>
                </a:pathLst>
              </a:custGeom>
              <a:solidFill>
                <a:srgbClr val="265998"/>
              </a:solidFill>
              <a:ln w="9525" cap="flat">
                <a:noFill/>
                <a:prstDash val="solid"/>
                <a:miter/>
              </a:ln>
            </p:spPr>
            <p:txBody>
              <a:bodyPr rtlCol="0" anchor="ctr"/>
              <a:lstStyle/>
              <a:p>
                <a:endParaRPr lang="en-AU" sz="153"/>
              </a:p>
            </p:txBody>
          </p:sp>
        </p:grpSp>
        <p:grpSp>
          <p:nvGrpSpPr>
            <p:cNvPr id="130" name="Group 129">
              <a:extLst>
                <a:ext uri="{FF2B5EF4-FFF2-40B4-BE49-F238E27FC236}">
                  <a16:creationId xmlns:a16="http://schemas.microsoft.com/office/drawing/2014/main" id="{C256BD5E-FCEF-1D88-AE22-FCB0C4828043}"/>
                </a:ext>
              </a:extLst>
            </p:cNvPr>
            <p:cNvGrpSpPr/>
            <p:nvPr/>
          </p:nvGrpSpPr>
          <p:grpSpPr>
            <a:xfrm>
              <a:off x="9905227" y="4416563"/>
              <a:ext cx="736957" cy="707400"/>
              <a:chOff x="2839021" y="3571240"/>
              <a:chExt cx="419148" cy="419626"/>
            </a:xfrm>
          </p:grpSpPr>
          <p:sp>
            <p:nvSpPr>
              <p:cNvPr id="131" name="Graphic 2">
                <a:extLst>
                  <a:ext uri="{FF2B5EF4-FFF2-40B4-BE49-F238E27FC236}">
                    <a16:creationId xmlns:a16="http://schemas.microsoft.com/office/drawing/2014/main" id="{39BC3138-6D90-D2F2-1063-BE32005DA307}"/>
                  </a:ext>
                </a:extLst>
              </p:cNvPr>
              <p:cNvSpPr/>
              <p:nvPr/>
            </p:nvSpPr>
            <p:spPr>
              <a:xfrm>
                <a:off x="2848927" y="3581431"/>
                <a:ext cx="53149" cy="392906"/>
              </a:xfrm>
              <a:custGeom>
                <a:avLst/>
                <a:gdLst>
                  <a:gd name="connsiteX0" fmla="*/ 0 w 53149"/>
                  <a:gd name="connsiteY0" fmla="*/ 0 h 392906"/>
                  <a:gd name="connsiteX1" fmla="*/ 53150 w 53149"/>
                  <a:gd name="connsiteY1" fmla="*/ 0 h 392906"/>
                  <a:gd name="connsiteX2" fmla="*/ 53150 w 53149"/>
                  <a:gd name="connsiteY2" fmla="*/ 392906 h 392906"/>
                  <a:gd name="connsiteX3" fmla="*/ 0 w 53149"/>
                  <a:gd name="connsiteY3" fmla="*/ 392906 h 392906"/>
                </a:gdLst>
                <a:ahLst/>
                <a:cxnLst>
                  <a:cxn ang="0">
                    <a:pos x="connsiteX0" y="connsiteY0"/>
                  </a:cxn>
                  <a:cxn ang="0">
                    <a:pos x="connsiteX1" y="connsiteY1"/>
                  </a:cxn>
                  <a:cxn ang="0">
                    <a:pos x="connsiteX2" y="connsiteY2"/>
                  </a:cxn>
                  <a:cxn ang="0">
                    <a:pos x="connsiteX3" y="connsiteY3"/>
                  </a:cxn>
                </a:cxnLst>
                <a:rect l="l" t="t" r="r" b="b"/>
                <a:pathLst>
                  <a:path w="53149" h="392906">
                    <a:moveTo>
                      <a:pt x="0" y="0"/>
                    </a:moveTo>
                    <a:lnTo>
                      <a:pt x="53150" y="0"/>
                    </a:lnTo>
                    <a:lnTo>
                      <a:pt x="53150" y="392906"/>
                    </a:lnTo>
                    <a:lnTo>
                      <a:pt x="0" y="392906"/>
                    </a:lnTo>
                    <a:close/>
                  </a:path>
                </a:pathLst>
              </a:custGeom>
              <a:solidFill>
                <a:srgbClr val="C7E4F1"/>
              </a:solidFill>
              <a:ln w="9525" cap="flat">
                <a:noFill/>
                <a:prstDash val="solid"/>
                <a:miter/>
              </a:ln>
            </p:spPr>
            <p:txBody>
              <a:bodyPr rtlCol="0" anchor="ctr"/>
              <a:lstStyle/>
              <a:p>
                <a:endParaRPr lang="en-AU" sz="153"/>
              </a:p>
            </p:txBody>
          </p:sp>
          <p:sp>
            <p:nvSpPr>
              <p:cNvPr id="132" name="Graphic 2">
                <a:extLst>
                  <a:ext uri="{FF2B5EF4-FFF2-40B4-BE49-F238E27FC236}">
                    <a16:creationId xmlns:a16="http://schemas.microsoft.com/office/drawing/2014/main" id="{F92A5C96-00AC-5D17-C559-8ACB506087A7}"/>
                  </a:ext>
                </a:extLst>
              </p:cNvPr>
              <p:cNvSpPr/>
              <p:nvPr/>
            </p:nvSpPr>
            <p:spPr>
              <a:xfrm>
                <a:off x="2957703" y="3581241"/>
                <a:ext cx="292227" cy="397478"/>
              </a:xfrm>
              <a:custGeom>
                <a:avLst/>
                <a:gdLst>
                  <a:gd name="connsiteX0" fmla="*/ 291560 w 292227"/>
                  <a:gd name="connsiteY0" fmla="*/ 292513 h 397478"/>
                  <a:gd name="connsiteX1" fmla="*/ 287845 w 292227"/>
                  <a:gd name="connsiteY1" fmla="*/ 85725 h 397478"/>
                  <a:gd name="connsiteX2" fmla="*/ 198501 w 292227"/>
                  <a:gd name="connsiteY2" fmla="*/ 85725 h 397478"/>
                  <a:gd name="connsiteX3" fmla="*/ 198501 w 292227"/>
                  <a:gd name="connsiteY3" fmla="*/ 0 h 397478"/>
                  <a:gd name="connsiteX4" fmla="*/ 0 w 292227"/>
                  <a:gd name="connsiteY4" fmla="*/ 0 h 397478"/>
                  <a:gd name="connsiteX5" fmla="*/ 0 w 292227"/>
                  <a:gd name="connsiteY5" fmla="*/ 392906 h 397478"/>
                  <a:gd name="connsiteX6" fmla="*/ 199263 w 292227"/>
                  <a:gd name="connsiteY6" fmla="*/ 392906 h 397478"/>
                  <a:gd name="connsiteX7" fmla="*/ 201073 w 292227"/>
                  <a:gd name="connsiteY7" fmla="*/ 391668 h 397478"/>
                  <a:gd name="connsiteX8" fmla="*/ 217075 w 292227"/>
                  <a:gd name="connsiteY8" fmla="*/ 397478 h 397478"/>
                  <a:gd name="connsiteX9" fmla="*/ 281750 w 292227"/>
                  <a:gd name="connsiteY9" fmla="*/ 397478 h 397478"/>
                  <a:gd name="connsiteX10" fmla="*/ 292227 w 292227"/>
                  <a:gd name="connsiteY10" fmla="*/ 387001 h 397478"/>
                  <a:gd name="connsiteX11" fmla="*/ 292227 w 292227"/>
                  <a:gd name="connsiteY11" fmla="*/ 290322 h 397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92227" h="397478">
                    <a:moveTo>
                      <a:pt x="291560" y="292513"/>
                    </a:moveTo>
                    <a:lnTo>
                      <a:pt x="287845" y="85725"/>
                    </a:lnTo>
                    <a:lnTo>
                      <a:pt x="198501" y="85725"/>
                    </a:lnTo>
                    <a:lnTo>
                      <a:pt x="198501" y="0"/>
                    </a:lnTo>
                    <a:lnTo>
                      <a:pt x="0" y="0"/>
                    </a:lnTo>
                    <a:lnTo>
                      <a:pt x="0" y="392906"/>
                    </a:lnTo>
                    <a:lnTo>
                      <a:pt x="199263" y="392906"/>
                    </a:lnTo>
                    <a:lnTo>
                      <a:pt x="201073" y="391668"/>
                    </a:lnTo>
                    <a:lnTo>
                      <a:pt x="217075" y="397478"/>
                    </a:lnTo>
                    <a:lnTo>
                      <a:pt x="281750" y="397478"/>
                    </a:lnTo>
                    <a:cubicBezTo>
                      <a:pt x="287541" y="397478"/>
                      <a:pt x="292227" y="392792"/>
                      <a:pt x="292227" y="387001"/>
                    </a:cubicBezTo>
                    <a:lnTo>
                      <a:pt x="292227" y="290322"/>
                    </a:lnTo>
                    <a:close/>
                  </a:path>
                </a:pathLst>
              </a:custGeom>
              <a:solidFill>
                <a:srgbClr val="C7E4F1"/>
              </a:solidFill>
              <a:ln w="9525" cap="flat">
                <a:noFill/>
                <a:prstDash val="solid"/>
                <a:miter/>
              </a:ln>
            </p:spPr>
            <p:txBody>
              <a:bodyPr rtlCol="0" anchor="ctr"/>
              <a:lstStyle/>
              <a:p>
                <a:endParaRPr lang="en-AU" sz="153"/>
              </a:p>
            </p:txBody>
          </p:sp>
          <p:sp>
            <p:nvSpPr>
              <p:cNvPr id="133" name="Graphic 2">
                <a:extLst>
                  <a:ext uri="{FF2B5EF4-FFF2-40B4-BE49-F238E27FC236}">
                    <a16:creationId xmlns:a16="http://schemas.microsoft.com/office/drawing/2014/main" id="{C95FDD8A-19C7-A3CB-E1D1-45A7171F115D}"/>
                  </a:ext>
                </a:extLst>
              </p:cNvPr>
              <p:cNvSpPr/>
              <p:nvPr/>
            </p:nvSpPr>
            <p:spPr>
              <a:xfrm>
                <a:off x="3017424" y="3735927"/>
                <a:ext cx="169925" cy="169926"/>
              </a:xfrm>
              <a:custGeom>
                <a:avLst/>
                <a:gdLst>
                  <a:gd name="connsiteX0" fmla="*/ 169926 w 169925"/>
                  <a:gd name="connsiteY0" fmla="*/ 84963 h 169926"/>
                  <a:gd name="connsiteX1" fmla="*/ 84963 w 169925"/>
                  <a:gd name="connsiteY1" fmla="*/ 169926 h 169926"/>
                  <a:gd name="connsiteX2" fmla="*/ 0 w 169925"/>
                  <a:gd name="connsiteY2" fmla="*/ 84963 h 169926"/>
                  <a:gd name="connsiteX3" fmla="*/ 84963 w 169925"/>
                  <a:gd name="connsiteY3" fmla="*/ 0 h 169926"/>
                  <a:gd name="connsiteX4" fmla="*/ 169926 w 169925"/>
                  <a:gd name="connsiteY4" fmla="*/ 84963 h 1699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25" h="169926">
                    <a:moveTo>
                      <a:pt x="169926" y="84963"/>
                    </a:moveTo>
                    <a:cubicBezTo>
                      <a:pt x="169926" y="131887"/>
                      <a:pt x="131887" y="169926"/>
                      <a:pt x="84963" y="169926"/>
                    </a:cubicBezTo>
                    <a:cubicBezTo>
                      <a:pt x="38039" y="169926"/>
                      <a:pt x="0" y="131887"/>
                      <a:pt x="0" y="84963"/>
                    </a:cubicBezTo>
                    <a:cubicBezTo>
                      <a:pt x="0" y="38039"/>
                      <a:pt x="38039" y="0"/>
                      <a:pt x="84963" y="0"/>
                    </a:cubicBezTo>
                    <a:cubicBezTo>
                      <a:pt x="131887" y="0"/>
                      <a:pt x="169926" y="38039"/>
                      <a:pt x="169926" y="84963"/>
                    </a:cubicBezTo>
                    <a:close/>
                  </a:path>
                </a:pathLst>
              </a:custGeom>
              <a:solidFill>
                <a:schemeClr val="accent2">
                  <a:lumMod val="40000"/>
                  <a:lumOff val="60000"/>
                </a:schemeClr>
              </a:solidFill>
              <a:ln w="9525" cap="flat">
                <a:noFill/>
                <a:prstDash val="solid"/>
                <a:miter/>
              </a:ln>
            </p:spPr>
            <p:txBody>
              <a:bodyPr rtlCol="0" anchor="ctr"/>
              <a:lstStyle/>
              <a:p>
                <a:endParaRPr lang="en-AU" sz="153"/>
              </a:p>
            </p:txBody>
          </p:sp>
          <p:sp>
            <p:nvSpPr>
              <p:cNvPr id="134" name="Graphic 2">
                <a:extLst>
                  <a:ext uri="{FF2B5EF4-FFF2-40B4-BE49-F238E27FC236}">
                    <a16:creationId xmlns:a16="http://schemas.microsoft.com/office/drawing/2014/main" id="{1D4C5643-21B3-8FC9-5DCB-751FD7BD0BB5}"/>
                  </a:ext>
                </a:extLst>
              </p:cNvPr>
              <p:cNvSpPr/>
              <p:nvPr/>
            </p:nvSpPr>
            <p:spPr>
              <a:xfrm>
                <a:off x="3053326" y="3785597"/>
                <a:ext cx="98355" cy="71011"/>
              </a:xfrm>
              <a:custGeom>
                <a:avLst/>
                <a:gdLst>
                  <a:gd name="connsiteX0" fmla="*/ 35726 w 98355"/>
                  <a:gd name="connsiteY0" fmla="*/ 71011 h 71011"/>
                  <a:gd name="connsiteX1" fmla="*/ 29344 w 98355"/>
                  <a:gd name="connsiteY1" fmla="*/ 68440 h 71011"/>
                  <a:gd name="connsiteX2" fmla="*/ 2674 w 98355"/>
                  <a:gd name="connsiteY2" fmla="*/ 41674 h 71011"/>
                  <a:gd name="connsiteX3" fmla="*/ 2570 w 98355"/>
                  <a:gd name="connsiteY3" fmla="*/ 29016 h 71011"/>
                  <a:gd name="connsiteX4" fmla="*/ 8961 w 98355"/>
                  <a:gd name="connsiteY4" fmla="*/ 26339 h 71011"/>
                  <a:gd name="connsiteX5" fmla="*/ 15343 w 98355"/>
                  <a:gd name="connsiteY5" fmla="*/ 28911 h 71011"/>
                  <a:gd name="connsiteX6" fmla="*/ 32773 w 98355"/>
                  <a:gd name="connsiteY6" fmla="*/ 46627 h 71011"/>
                  <a:gd name="connsiteX7" fmla="*/ 39060 w 98355"/>
                  <a:gd name="connsiteY7" fmla="*/ 46627 h 71011"/>
                  <a:gd name="connsiteX8" fmla="*/ 83065 w 98355"/>
                  <a:gd name="connsiteY8" fmla="*/ 2622 h 71011"/>
                  <a:gd name="connsiteX9" fmla="*/ 95734 w 98355"/>
                  <a:gd name="connsiteY9" fmla="*/ 2622 h 71011"/>
                  <a:gd name="connsiteX10" fmla="*/ 95734 w 98355"/>
                  <a:gd name="connsiteY10" fmla="*/ 15290 h 71011"/>
                  <a:gd name="connsiteX11" fmla="*/ 42298 w 98355"/>
                  <a:gd name="connsiteY11" fmla="*/ 68440 h 71011"/>
                  <a:gd name="connsiteX12" fmla="*/ 35726 w 98355"/>
                  <a:gd name="connsiteY12" fmla="*/ 71011 h 71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8355" h="71011">
                    <a:moveTo>
                      <a:pt x="35726" y="71011"/>
                    </a:moveTo>
                    <a:cubicBezTo>
                      <a:pt x="33355" y="70983"/>
                      <a:pt x="31078" y="70059"/>
                      <a:pt x="29344" y="68440"/>
                    </a:cubicBezTo>
                    <a:lnTo>
                      <a:pt x="2674" y="41674"/>
                    </a:lnTo>
                    <a:cubicBezTo>
                      <a:pt x="-850" y="38207"/>
                      <a:pt x="-897" y="32540"/>
                      <a:pt x="2570" y="29016"/>
                    </a:cubicBezTo>
                    <a:cubicBezTo>
                      <a:pt x="4256" y="27301"/>
                      <a:pt x="6561" y="26339"/>
                      <a:pt x="8961" y="26339"/>
                    </a:cubicBezTo>
                    <a:cubicBezTo>
                      <a:pt x="11333" y="26367"/>
                      <a:pt x="13609" y="27292"/>
                      <a:pt x="15343" y="28911"/>
                    </a:cubicBezTo>
                    <a:lnTo>
                      <a:pt x="32773" y="46627"/>
                    </a:lnTo>
                    <a:cubicBezTo>
                      <a:pt x="34536" y="48294"/>
                      <a:pt x="37298" y="48294"/>
                      <a:pt x="39060" y="46627"/>
                    </a:cubicBezTo>
                    <a:lnTo>
                      <a:pt x="83065" y="2622"/>
                    </a:lnTo>
                    <a:cubicBezTo>
                      <a:pt x="86561" y="-874"/>
                      <a:pt x="92238" y="-874"/>
                      <a:pt x="95734" y="2622"/>
                    </a:cubicBezTo>
                    <a:cubicBezTo>
                      <a:pt x="99229" y="6118"/>
                      <a:pt x="99229" y="11794"/>
                      <a:pt x="95734" y="15290"/>
                    </a:cubicBezTo>
                    <a:lnTo>
                      <a:pt x="42298" y="68440"/>
                    </a:lnTo>
                    <a:cubicBezTo>
                      <a:pt x="40517" y="70106"/>
                      <a:pt x="38165" y="71030"/>
                      <a:pt x="35726" y="71011"/>
                    </a:cubicBezTo>
                    <a:close/>
                  </a:path>
                </a:pathLst>
              </a:custGeom>
              <a:solidFill>
                <a:srgbClr val="265998"/>
              </a:solidFill>
              <a:ln w="9525" cap="flat">
                <a:noFill/>
                <a:prstDash val="solid"/>
                <a:miter/>
              </a:ln>
            </p:spPr>
            <p:txBody>
              <a:bodyPr rtlCol="0" anchor="ctr"/>
              <a:lstStyle/>
              <a:p>
                <a:endParaRPr lang="en-AU" sz="153"/>
              </a:p>
            </p:txBody>
          </p:sp>
          <p:sp>
            <p:nvSpPr>
              <p:cNvPr id="135" name="Graphic 2">
                <a:extLst>
                  <a:ext uri="{FF2B5EF4-FFF2-40B4-BE49-F238E27FC236}">
                    <a16:creationId xmlns:a16="http://schemas.microsoft.com/office/drawing/2014/main" id="{BE417CAB-5302-3B09-AC37-D370FE4FB4BD}"/>
                  </a:ext>
                </a:extLst>
              </p:cNvPr>
              <p:cNvSpPr/>
              <p:nvPr/>
            </p:nvSpPr>
            <p:spPr>
              <a:xfrm>
                <a:off x="2839021" y="3571240"/>
                <a:ext cx="419148" cy="419626"/>
              </a:xfrm>
              <a:custGeom>
                <a:avLst/>
                <a:gdLst>
                  <a:gd name="connsiteX0" fmla="*/ 8954 w 419148"/>
                  <a:gd name="connsiteY0" fmla="*/ 419100 h 419626"/>
                  <a:gd name="connsiteX1" fmla="*/ 0 w 419148"/>
                  <a:gd name="connsiteY1" fmla="*/ 410146 h 419626"/>
                  <a:gd name="connsiteX2" fmla="*/ 0 w 419148"/>
                  <a:gd name="connsiteY2" fmla="*/ 8954 h 419626"/>
                  <a:gd name="connsiteX3" fmla="*/ 8954 w 419148"/>
                  <a:gd name="connsiteY3" fmla="*/ 0 h 419626"/>
                  <a:gd name="connsiteX4" fmla="*/ 316516 w 419148"/>
                  <a:gd name="connsiteY4" fmla="*/ 0 h 419626"/>
                  <a:gd name="connsiteX5" fmla="*/ 322897 w 419148"/>
                  <a:gd name="connsiteY5" fmla="*/ 2667 h 419626"/>
                  <a:gd name="connsiteX6" fmla="*/ 416433 w 419148"/>
                  <a:gd name="connsiteY6" fmla="*/ 96203 h 419626"/>
                  <a:gd name="connsiteX7" fmla="*/ 419100 w 419148"/>
                  <a:gd name="connsiteY7" fmla="*/ 102489 h 419626"/>
                  <a:gd name="connsiteX8" fmla="*/ 419100 w 419148"/>
                  <a:gd name="connsiteY8" fmla="*/ 329851 h 419626"/>
                  <a:gd name="connsiteX9" fmla="*/ 411023 w 419148"/>
                  <a:gd name="connsiteY9" fmla="*/ 339776 h 419626"/>
                  <a:gd name="connsiteX10" fmla="*/ 401098 w 419148"/>
                  <a:gd name="connsiteY10" fmla="*/ 331708 h 419626"/>
                  <a:gd name="connsiteX11" fmla="*/ 401098 w 419148"/>
                  <a:gd name="connsiteY11" fmla="*/ 329851 h 419626"/>
                  <a:gd name="connsiteX12" fmla="*/ 401098 w 419148"/>
                  <a:gd name="connsiteY12" fmla="*/ 115919 h 419626"/>
                  <a:gd name="connsiteX13" fmla="*/ 396716 w 419148"/>
                  <a:gd name="connsiteY13" fmla="*/ 111538 h 419626"/>
                  <a:gd name="connsiteX14" fmla="*/ 316516 w 419148"/>
                  <a:gd name="connsiteY14" fmla="*/ 111538 h 419626"/>
                  <a:gd name="connsiteX15" fmla="*/ 307562 w 419148"/>
                  <a:gd name="connsiteY15" fmla="*/ 102584 h 419626"/>
                  <a:gd name="connsiteX16" fmla="*/ 307562 w 419148"/>
                  <a:gd name="connsiteY16" fmla="*/ 22860 h 419626"/>
                  <a:gd name="connsiteX17" fmla="*/ 303181 w 419148"/>
                  <a:gd name="connsiteY17" fmla="*/ 18479 h 419626"/>
                  <a:gd name="connsiteX18" fmla="*/ 129730 w 419148"/>
                  <a:gd name="connsiteY18" fmla="*/ 18479 h 419626"/>
                  <a:gd name="connsiteX19" fmla="*/ 125254 w 419148"/>
                  <a:gd name="connsiteY19" fmla="*/ 22765 h 419626"/>
                  <a:gd name="connsiteX20" fmla="*/ 125254 w 419148"/>
                  <a:gd name="connsiteY20" fmla="*/ 22860 h 419626"/>
                  <a:gd name="connsiteX21" fmla="*/ 125254 w 419148"/>
                  <a:gd name="connsiteY21" fmla="*/ 397192 h 419626"/>
                  <a:gd name="connsiteX22" fmla="*/ 129635 w 419148"/>
                  <a:gd name="connsiteY22" fmla="*/ 401574 h 419626"/>
                  <a:gd name="connsiteX23" fmla="*/ 129730 w 419148"/>
                  <a:gd name="connsiteY23" fmla="*/ 401574 h 419626"/>
                  <a:gd name="connsiteX24" fmla="*/ 356902 w 419148"/>
                  <a:gd name="connsiteY24" fmla="*/ 401574 h 419626"/>
                  <a:gd name="connsiteX25" fmla="*/ 366827 w 419148"/>
                  <a:gd name="connsiteY25" fmla="*/ 409651 h 419626"/>
                  <a:gd name="connsiteX26" fmla="*/ 358759 w 419148"/>
                  <a:gd name="connsiteY26" fmla="*/ 419576 h 419626"/>
                  <a:gd name="connsiteX27" fmla="*/ 356902 w 419148"/>
                  <a:gd name="connsiteY27" fmla="*/ 419576 h 419626"/>
                  <a:gd name="connsiteX28" fmla="*/ 75629 w 419148"/>
                  <a:gd name="connsiteY28" fmla="*/ 18002 h 419626"/>
                  <a:gd name="connsiteX29" fmla="*/ 71247 w 419148"/>
                  <a:gd name="connsiteY29" fmla="*/ 22384 h 419626"/>
                  <a:gd name="connsiteX30" fmla="*/ 71247 w 419148"/>
                  <a:gd name="connsiteY30" fmla="*/ 396716 h 419626"/>
                  <a:gd name="connsiteX31" fmla="*/ 75629 w 419148"/>
                  <a:gd name="connsiteY31" fmla="*/ 401098 h 419626"/>
                  <a:gd name="connsiteX32" fmla="*/ 102394 w 419148"/>
                  <a:gd name="connsiteY32" fmla="*/ 401098 h 419626"/>
                  <a:gd name="connsiteX33" fmla="*/ 106775 w 419148"/>
                  <a:gd name="connsiteY33" fmla="*/ 396716 h 419626"/>
                  <a:gd name="connsiteX34" fmla="*/ 106775 w 419148"/>
                  <a:gd name="connsiteY34" fmla="*/ 22860 h 419626"/>
                  <a:gd name="connsiteX35" fmla="*/ 102394 w 419148"/>
                  <a:gd name="connsiteY35" fmla="*/ 18479 h 419626"/>
                  <a:gd name="connsiteX36" fmla="*/ 22193 w 419148"/>
                  <a:gd name="connsiteY36" fmla="*/ 18002 h 419626"/>
                  <a:gd name="connsiteX37" fmla="*/ 17717 w 419148"/>
                  <a:gd name="connsiteY37" fmla="*/ 22288 h 419626"/>
                  <a:gd name="connsiteX38" fmla="*/ 17717 w 419148"/>
                  <a:gd name="connsiteY38" fmla="*/ 22384 h 419626"/>
                  <a:gd name="connsiteX39" fmla="*/ 17717 w 419148"/>
                  <a:gd name="connsiteY39" fmla="*/ 396716 h 419626"/>
                  <a:gd name="connsiteX40" fmla="*/ 22098 w 419148"/>
                  <a:gd name="connsiteY40" fmla="*/ 401098 h 419626"/>
                  <a:gd name="connsiteX41" fmla="*/ 22193 w 419148"/>
                  <a:gd name="connsiteY41" fmla="*/ 401098 h 419626"/>
                  <a:gd name="connsiteX42" fmla="*/ 48863 w 419148"/>
                  <a:gd name="connsiteY42" fmla="*/ 401098 h 419626"/>
                  <a:gd name="connsiteX43" fmla="*/ 53245 w 419148"/>
                  <a:gd name="connsiteY43" fmla="*/ 396907 h 419626"/>
                  <a:gd name="connsiteX44" fmla="*/ 53245 w 419148"/>
                  <a:gd name="connsiteY44" fmla="*/ 396716 h 419626"/>
                  <a:gd name="connsiteX45" fmla="*/ 53245 w 419148"/>
                  <a:gd name="connsiteY45" fmla="*/ 22860 h 419626"/>
                  <a:gd name="connsiteX46" fmla="*/ 49054 w 419148"/>
                  <a:gd name="connsiteY46" fmla="*/ 18479 h 419626"/>
                  <a:gd name="connsiteX47" fmla="*/ 48863 w 419148"/>
                  <a:gd name="connsiteY47" fmla="*/ 18479 h 419626"/>
                  <a:gd name="connsiteX48" fmla="*/ 329660 w 419148"/>
                  <a:gd name="connsiteY48" fmla="*/ 37052 h 419626"/>
                  <a:gd name="connsiteX49" fmla="*/ 325279 w 419148"/>
                  <a:gd name="connsiteY49" fmla="*/ 41243 h 419626"/>
                  <a:gd name="connsiteX50" fmla="*/ 325279 w 419148"/>
                  <a:gd name="connsiteY50" fmla="*/ 41434 h 419626"/>
                  <a:gd name="connsiteX51" fmla="*/ 325279 w 419148"/>
                  <a:gd name="connsiteY51" fmla="*/ 89059 h 419626"/>
                  <a:gd name="connsiteX52" fmla="*/ 329660 w 419148"/>
                  <a:gd name="connsiteY52" fmla="*/ 93440 h 419626"/>
                  <a:gd name="connsiteX53" fmla="*/ 377285 w 419148"/>
                  <a:gd name="connsiteY53" fmla="*/ 93440 h 419626"/>
                  <a:gd name="connsiteX54" fmla="*/ 381381 w 419148"/>
                  <a:gd name="connsiteY54" fmla="*/ 90678 h 419626"/>
                  <a:gd name="connsiteX55" fmla="*/ 380429 w 419148"/>
                  <a:gd name="connsiteY55" fmla="*/ 85915 h 419626"/>
                  <a:gd name="connsiteX56" fmla="*/ 332804 w 419148"/>
                  <a:gd name="connsiteY56" fmla="*/ 38290 h 419626"/>
                  <a:gd name="connsiteX57" fmla="*/ 330232 w 419148"/>
                  <a:gd name="connsiteY57" fmla="*/ 36862 h 419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419148" h="419626">
                    <a:moveTo>
                      <a:pt x="8954" y="419100"/>
                    </a:moveTo>
                    <a:cubicBezTo>
                      <a:pt x="4010" y="419100"/>
                      <a:pt x="0" y="415090"/>
                      <a:pt x="0" y="410146"/>
                    </a:cubicBezTo>
                    <a:lnTo>
                      <a:pt x="0" y="8954"/>
                    </a:lnTo>
                    <a:cubicBezTo>
                      <a:pt x="0" y="4010"/>
                      <a:pt x="4010" y="0"/>
                      <a:pt x="8954" y="0"/>
                    </a:cubicBezTo>
                    <a:lnTo>
                      <a:pt x="316516" y="0"/>
                    </a:lnTo>
                    <a:cubicBezTo>
                      <a:pt x="318906" y="57"/>
                      <a:pt x="321183" y="1010"/>
                      <a:pt x="322897" y="2667"/>
                    </a:cubicBezTo>
                    <a:lnTo>
                      <a:pt x="416433" y="96203"/>
                    </a:lnTo>
                    <a:cubicBezTo>
                      <a:pt x="418138" y="97850"/>
                      <a:pt x="419100" y="100117"/>
                      <a:pt x="419100" y="102489"/>
                    </a:cubicBezTo>
                    <a:lnTo>
                      <a:pt x="419100" y="329851"/>
                    </a:lnTo>
                    <a:cubicBezTo>
                      <a:pt x="419615" y="334823"/>
                      <a:pt x="415995" y="339271"/>
                      <a:pt x="411023" y="339776"/>
                    </a:cubicBezTo>
                    <a:cubicBezTo>
                      <a:pt x="406051" y="340290"/>
                      <a:pt x="401612" y="336680"/>
                      <a:pt x="401098" y="331708"/>
                    </a:cubicBezTo>
                    <a:cubicBezTo>
                      <a:pt x="401031" y="331089"/>
                      <a:pt x="401031" y="330470"/>
                      <a:pt x="401098" y="329851"/>
                    </a:cubicBezTo>
                    <a:lnTo>
                      <a:pt x="401098" y="115919"/>
                    </a:lnTo>
                    <a:cubicBezTo>
                      <a:pt x="401098" y="113500"/>
                      <a:pt x="399136" y="111538"/>
                      <a:pt x="396716" y="111538"/>
                    </a:cubicBezTo>
                    <a:lnTo>
                      <a:pt x="316516" y="111538"/>
                    </a:lnTo>
                    <a:cubicBezTo>
                      <a:pt x="311572" y="111538"/>
                      <a:pt x="307562" y="107528"/>
                      <a:pt x="307562" y="102584"/>
                    </a:cubicBezTo>
                    <a:lnTo>
                      <a:pt x="307562" y="22860"/>
                    </a:lnTo>
                    <a:cubicBezTo>
                      <a:pt x="307562" y="20441"/>
                      <a:pt x="305600" y="18479"/>
                      <a:pt x="303181" y="18479"/>
                    </a:cubicBezTo>
                    <a:lnTo>
                      <a:pt x="129730" y="18479"/>
                    </a:lnTo>
                    <a:cubicBezTo>
                      <a:pt x="127311" y="18421"/>
                      <a:pt x="125311" y="20345"/>
                      <a:pt x="125254" y="22765"/>
                    </a:cubicBezTo>
                    <a:cubicBezTo>
                      <a:pt x="125254" y="22793"/>
                      <a:pt x="125254" y="22831"/>
                      <a:pt x="125254" y="22860"/>
                    </a:cubicBezTo>
                    <a:lnTo>
                      <a:pt x="125254" y="397192"/>
                    </a:lnTo>
                    <a:cubicBezTo>
                      <a:pt x="125254" y="399612"/>
                      <a:pt x="127216" y="401574"/>
                      <a:pt x="129635" y="401574"/>
                    </a:cubicBezTo>
                    <a:cubicBezTo>
                      <a:pt x="129664" y="401574"/>
                      <a:pt x="129702" y="401574"/>
                      <a:pt x="129730" y="401574"/>
                    </a:cubicBezTo>
                    <a:lnTo>
                      <a:pt x="356902" y="401574"/>
                    </a:lnTo>
                    <a:cubicBezTo>
                      <a:pt x="361874" y="401060"/>
                      <a:pt x="366322" y="404679"/>
                      <a:pt x="366827" y="409651"/>
                    </a:cubicBezTo>
                    <a:cubicBezTo>
                      <a:pt x="367341" y="414623"/>
                      <a:pt x="363731" y="419062"/>
                      <a:pt x="358759" y="419576"/>
                    </a:cubicBezTo>
                    <a:cubicBezTo>
                      <a:pt x="358140" y="419643"/>
                      <a:pt x="357521" y="419643"/>
                      <a:pt x="356902" y="419576"/>
                    </a:cubicBezTo>
                    <a:close/>
                    <a:moveTo>
                      <a:pt x="75629" y="18002"/>
                    </a:moveTo>
                    <a:cubicBezTo>
                      <a:pt x="73209" y="18002"/>
                      <a:pt x="71247" y="19964"/>
                      <a:pt x="71247" y="22384"/>
                    </a:cubicBezTo>
                    <a:lnTo>
                      <a:pt x="71247" y="396716"/>
                    </a:lnTo>
                    <a:cubicBezTo>
                      <a:pt x="71247" y="399136"/>
                      <a:pt x="73209" y="401098"/>
                      <a:pt x="75629" y="401098"/>
                    </a:cubicBezTo>
                    <a:lnTo>
                      <a:pt x="102394" y="401098"/>
                    </a:lnTo>
                    <a:cubicBezTo>
                      <a:pt x="104813" y="401098"/>
                      <a:pt x="106775" y="399136"/>
                      <a:pt x="106775" y="396716"/>
                    </a:cubicBezTo>
                    <a:lnTo>
                      <a:pt x="106775" y="22860"/>
                    </a:lnTo>
                    <a:cubicBezTo>
                      <a:pt x="106775" y="20441"/>
                      <a:pt x="104813" y="18479"/>
                      <a:pt x="102394" y="18479"/>
                    </a:cubicBezTo>
                    <a:close/>
                    <a:moveTo>
                      <a:pt x="22193" y="18002"/>
                    </a:moveTo>
                    <a:cubicBezTo>
                      <a:pt x="19774" y="17945"/>
                      <a:pt x="17774" y="19869"/>
                      <a:pt x="17717" y="22288"/>
                    </a:cubicBezTo>
                    <a:cubicBezTo>
                      <a:pt x="17717" y="22317"/>
                      <a:pt x="17717" y="22355"/>
                      <a:pt x="17717" y="22384"/>
                    </a:cubicBezTo>
                    <a:lnTo>
                      <a:pt x="17717" y="396716"/>
                    </a:lnTo>
                    <a:cubicBezTo>
                      <a:pt x="17717" y="399136"/>
                      <a:pt x="19679" y="401098"/>
                      <a:pt x="22098" y="401098"/>
                    </a:cubicBezTo>
                    <a:cubicBezTo>
                      <a:pt x="22127" y="401098"/>
                      <a:pt x="22165" y="401098"/>
                      <a:pt x="22193" y="401098"/>
                    </a:cubicBezTo>
                    <a:lnTo>
                      <a:pt x="48863" y="401098"/>
                    </a:lnTo>
                    <a:cubicBezTo>
                      <a:pt x="51226" y="401155"/>
                      <a:pt x="53188" y="399279"/>
                      <a:pt x="53245" y="396907"/>
                    </a:cubicBezTo>
                    <a:cubicBezTo>
                      <a:pt x="53245" y="396840"/>
                      <a:pt x="53245" y="396783"/>
                      <a:pt x="53245" y="396716"/>
                    </a:cubicBezTo>
                    <a:lnTo>
                      <a:pt x="53245" y="22860"/>
                    </a:lnTo>
                    <a:cubicBezTo>
                      <a:pt x="53302" y="20498"/>
                      <a:pt x="51425" y="18535"/>
                      <a:pt x="49054" y="18479"/>
                    </a:cubicBezTo>
                    <a:cubicBezTo>
                      <a:pt x="48987" y="18479"/>
                      <a:pt x="48930" y="18479"/>
                      <a:pt x="48863" y="18479"/>
                    </a:cubicBezTo>
                    <a:close/>
                    <a:moveTo>
                      <a:pt x="329660" y="37052"/>
                    </a:moveTo>
                    <a:cubicBezTo>
                      <a:pt x="327298" y="36995"/>
                      <a:pt x="325336" y="38871"/>
                      <a:pt x="325279" y="41243"/>
                    </a:cubicBezTo>
                    <a:cubicBezTo>
                      <a:pt x="325279" y="41300"/>
                      <a:pt x="325279" y="41367"/>
                      <a:pt x="325279" y="41434"/>
                    </a:cubicBezTo>
                    <a:lnTo>
                      <a:pt x="325279" y="89059"/>
                    </a:lnTo>
                    <a:cubicBezTo>
                      <a:pt x="325326" y="91459"/>
                      <a:pt x="327260" y="93393"/>
                      <a:pt x="329660" y="93440"/>
                    </a:cubicBezTo>
                    <a:lnTo>
                      <a:pt x="377285" y="93440"/>
                    </a:lnTo>
                    <a:cubicBezTo>
                      <a:pt x="379086" y="93421"/>
                      <a:pt x="380695" y="92335"/>
                      <a:pt x="381381" y="90678"/>
                    </a:cubicBezTo>
                    <a:cubicBezTo>
                      <a:pt x="382057" y="89040"/>
                      <a:pt x="381676" y="87163"/>
                      <a:pt x="380429" y="85915"/>
                    </a:cubicBezTo>
                    <a:lnTo>
                      <a:pt x="332804" y="38290"/>
                    </a:lnTo>
                    <a:cubicBezTo>
                      <a:pt x="332118" y="37557"/>
                      <a:pt x="331213" y="37062"/>
                      <a:pt x="330232" y="36862"/>
                    </a:cubicBezTo>
                    <a:close/>
                  </a:path>
                </a:pathLst>
              </a:custGeom>
              <a:solidFill>
                <a:srgbClr val="265998"/>
              </a:solidFill>
              <a:ln w="9525" cap="flat">
                <a:noFill/>
                <a:prstDash val="solid"/>
                <a:miter/>
              </a:ln>
            </p:spPr>
            <p:txBody>
              <a:bodyPr rtlCol="0" anchor="ctr"/>
              <a:lstStyle/>
              <a:p>
                <a:endParaRPr lang="en-AU" sz="153"/>
              </a:p>
            </p:txBody>
          </p:sp>
          <p:sp>
            <p:nvSpPr>
              <p:cNvPr id="136" name="Graphic 2">
                <a:extLst>
                  <a:ext uri="{FF2B5EF4-FFF2-40B4-BE49-F238E27FC236}">
                    <a16:creationId xmlns:a16="http://schemas.microsoft.com/office/drawing/2014/main" id="{F0981968-EE91-9A0C-23CC-C2A26679CF97}"/>
                  </a:ext>
                </a:extLst>
              </p:cNvPr>
              <p:cNvSpPr/>
              <p:nvPr/>
            </p:nvSpPr>
            <p:spPr>
              <a:xfrm>
                <a:off x="2999803" y="3718306"/>
                <a:ext cx="244773" cy="245268"/>
              </a:xfrm>
              <a:custGeom>
                <a:avLst/>
                <a:gdLst>
                  <a:gd name="connsiteX0" fmla="*/ 236315 w 244773"/>
                  <a:gd name="connsiteY0" fmla="*/ 245269 h 245268"/>
                  <a:gd name="connsiteX1" fmla="*/ 229933 w 244773"/>
                  <a:gd name="connsiteY1" fmla="*/ 242697 h 245268"/>
                  <a:gd name="connsiteX2" fmla="*/ 171164 w 244773"/>
                  <a:gd name="connsiteY2" fmla="*/ 183928 h 245268"/>
                  <a:gd name="connsiteX3" fmla="*/ 168116 w 244773"/>
                  <a:gd name="connsiteY3" fmla="*/ 182594 h 245268"/>
                  <a:gd name="connsiteX4" fmla="*/ 165449 w 244773"/>
                  <a:gd name="connsiteY4" fmla="*/ 183547 h 245268"/>
                  <a:gd name="connsiteX5" fmla="*/ 102584 w 244773"/>
                  <a:gd name="connsiteY5" fmla="*/ 205168 h 245268"/>
                  <a:gd name="connsiteX6" fmla="*/ 0 w 244773"/>
                  <a:gd name="connsiteY6" fmla="*/ 102584 h 245268"/>
                  <a:gd name="connsiteX7" fmla="*/ 102584 w 244773"/>
                  <a:gd name="connsiteY7" fmla="*/ 0 h 245268"/>
                  <a:gd name="connsiteX8" fmla="*/ 205169 w 244773"/>
                  <a:gd name="connsiteY8" fmla="*/ 102584 h 245268"/>
                  <a:gd name="connsiteX9" fmla="*/ 183547 w 244773"/>
                  <a:gd name="connsiteY9" fmla="*/ 165354 h 245268"/>
                  <a:gd name="connsiteX10" fmla="*/ 183547 w 244773"/>
                  <a:gd name="connsiteY10" fmla="*/ 171164 h 245268"/>
                  <a:gd name="connsiteX11" fmla="*/ 242316 w 244773"/>
                  <a:gd name="connsiteY11" fmla="*/ 229933 h 245268"/>
                  <a:gd name="connsiteX12" fmla="*/ 242316 w 244773"/>
                  <a:gd name="connsiteY12" fmla="*/ 242697 h 245268"/>
                  <a:gd name="connsiteX13" fmla="*/ 236315 w 244773"/>
                  <a:gd name="connsiteY13" fmla="*/ 245269 h 245268"/>
                  <a:gd name="connsiteX14" fmla="*/ 102965 w 244773"/>
                  <a:gd name="connsiteY14" fmla="*/ 18002 h 245268"/>
                  <a:gd name="connsiteX15" fmla="*/ 18288 w 244773"/>
                  <a:gd name="connsiteY15" fmla="*/ 102679 h 245268"/>
                  <a:gd name="connsiteX16" fmla="*/ 102965 w 244773"/>
                  <a:gd name="connsiteY16" fmla="*/ 187357 h 245268"/>
                  <a:gd name="connsiteX17" fmla="*/ 187643 w 244773"/>
                  <a:gd name="connsiteY17" fmla="*/ 102679 h 245268"/>
                  <a:gd name="connsiteX18" fmla="*/ 187643 w 244773"/>
                  <a:gd name="connsiteY18" fmla="*/ 102584 h 245268"/>
                  <a:gd name="connsiteX19" fmla="*/ 102870 w 244773"/>
                  <a:gd name="connsiteY19" fmla="*/ 18002 h 245268"/>
                  <a:gd name="connsiteX20" fmla="*/ 102584 w 244773"/>
                  <a:gd name="connsiteY20" fmla="*/ 18002 h 2452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44773" h="245268">
                    <a:moveTo>
                      <a:pt x="236315" y="245269"/>
                    </a:moveTo>
                    <a:cubicBezTo>
                      <a:pt x="233944" y="245240"/>
                      <a:pt x="231667" y="244316"/>
                      <a:pt x="229933" y="242697"/>
                    </a:cubicBezTo>
                    <a:lnTo>
                      <a:pt x="171164" y="183928"/>
                    </a:lnTo>
                    <a:cubicBezTo>
                      <a:pt x="170383" y="183071"/>
                      <a:pt x="169278" y="182585"/>
                      <a:pt x="168116" y="182594"/>
                    </a:cubicBezTo>
                    <a:cubicBezTo>
                      <a:pt x="167145" y="182575"/>
                      <a:pt x="166192" y="182918"/>
                      <a:pt x="165449" y="183547"/>
                    </a:cubicBezTo>
                    <a:cubicBezTo>
                      <a:pt x="147514" y="197596"/>
                      <a:pt x="125368" y="205216"/>
                      <a:pt x="102584" y="205168"/>
                    </a:cubicBezTo>
                    <a:cubicBezTo>
                      <a:pt x="45929" y="205168"/>
                      <a:pt x="0" y="159239"/>
                      <a:pt x="0" y="102584"/>
                    </a:cubicBezTo>
                    <a:cubicBezTo>
                      <a:pt x="0" y="45929"/>
                      <a:pt x="45929" y="0"/>
                      <a:pt x="102584" y="0"/>
                    </a:cubicBezTo>
                    <a:cubicBezTo>
                      <a:pt x="159239" y="0"/>
                      <a:pt x="205169" y="45929"/>
                      <a:pt x="205169" y="102584"/>
                    </a:cubicBezTo>
                    <a:cubicBezTo>
                      <a:pt x="205226" y="125339"/>
                      <a:pt x="197606" y="147456"/>
                      <a:pt x="183547" y="165354"/>
                    </a:cubicBezTo>
                    <a:cubicBezTo>
                      <a:pt x="182080" y="167011"/>
                      <a:pt x="182080" y="169507"/>
                      <a:pt x="183547" y="171164"/>
                    </a:cubicBezTo>
                    <a:lnTo>
                      <a:pt x="242316" y="229933"/>
                    </a:lnTo>
                    <a:cubicBezTo>
                      <a:pt x="245593" y="233562"/>
                      <a:pt x="245593" y="239068"/>
                      <a:pt x="242316" y="242697"/>
                    </a:cubicBezTo>
                    <a:cubicBezTo>
                      <a:pt x="240678" y="244230"/>
                      <a:pt x="238553" y="245145"/>
                      <a:pt x="236315" y="245269"/>
                    </a:cubicBezTo>
                    <a:close/>
                    <a:moveTo>
                      <a:pt x="102965" y="18002"/>
                    </a:moveTo>
                    <a:cubicBezTo>
                      <a:pt x="56197" y="18002"/>
                      <a:pt x="18288" y="55912"/>
                      <a:pt x="18288" y="102679"/>
                    </a:cubicBezTo>
                    <a:cubicBezTo>
                      <a:pt x="18288" y="149447"/>
                      <a:pt x="56197" y="187357"/>
                      <a:pt x="102965" y="187357"/>
                    </a:cubicBezTo>
                    <a:cubicBezTo>
                      <a:pt x="149733" y="187357"/>
                      <a:pt x="187643" y="149447"/>
                      <a:pt x="187643" y="102679"/>
                    </a:cubicBezTo>
                    <a:cubicBezTo>
                      <a:pt x="187643" y="102651"/>
                      <a:pt x="187643" y="102613"/>
                      <a:pt x="187643" y="102584"/>
                    </a:cubicBezTo>
                    <a:cubicBezTo>
                      <a:pt x="187595" y="55816"/>
                      <a:pt x="149638" y="17945"/>
                      <a:pt x="102870" y="18002"/>
                    </a:cubicBezTo>
                    <a:cubicBezTo>
                      <a:pt x="102775" y="18002"/>
                      <a:pt x="102679" y="18002"/>
                      <a:pt x="102584" y="18002"/>
                    </a:cubicBezTo>
                    <a:close/>
                  </a:path>
                </a:pathLst>
              </a:custGeom>
              <a:solidFill>
                <a:srgbClr val="265998"/>
              </a:solidFill>
              <a:ln w="9525" cap="flat">
                <a:noFill/>
                <a:prstDash val="solid"/>
                <a:miter/>
              </a:ln>
            </p:spPr>
            <p:txBody>
              <a:bodyPr rtlCol="0" anchor="ctr"/>
              <a:lstStyle/>
              <a:p>
                <a:endParaRPr lang="en-AU" sz="153"/>
              </a:p>
            </p:txBody>
          </p:sp>
        </p:grpSp>
      </p:grpSp>
      <p:sp>
        <p:nvSpPr>
          <p:cNvPr id="33" name="Slide Number Placeholder 32">
            <a:extLst>
              <a:ext uri="{FF2B5EF4-FFF2-40B4-BE49-F238E27FC236}">
                <a16:creationId xmlns:a16="http://schemas.microsoft.com/office/drawing/2014/main" id="{300ED7E5-1ADB-EEDC-DC36-2B1BC6E4BE0A}"/>
              </a:ext>
            </a:extLst>
          </p:cNvPr>
          <p:cNvSpPr>
            <a:spLocks noGrp="1"/>
          </p:cNvSpPr>
          <p:nvPr>
            <p:ph type="sldNum" sz="quarter" idx="4"/>
          </p:nvPr>
        </p:nvSpPr>
        <p:spPr/>
        <p:txBody>
          <a:bodyPr/>
          <a:lstStyle/>
          <a:p>
            <a:fld id="{3FE8A0A5-0893-3B4E-9EB9-FE67329D76D6}" type="slidenum">
              <a:rPr lang="en-US" smtClean="0"/>
              <a:pPr/>
              <a:t>28</a:t>
            </a:fld>
            <a:endParaRPr lang="en-US"/>
          </a:p>
        </p:txBody>
      </p:sp>
    </p:spTree>
    <p:custDataLst>
      <p:custData r:id="rId1"/>
      <p:custData r:id="rId2"/>
    </p:custDataLst>
    <p:extLst>
      <p:ext uri="{BB962C8B-B14F-4D97-AF65-F5344CB8AC3E}">
        <p14:creationId xmlns:p14="http://schemas.microsoft.com/office/powerpoint/2010/main" val="310295764"/>
      </p:ext>
    </p:extLst>
  </p:cSld>
  <p:clrMapOvr>
    <a:masterClrMapping/>
  </p:clrMapOvr>
  <p:extLst>
    <p:ext uri="{6950BFC3-D8DA-4A85-94F7-54DA5524770B}">
      <p188:commentRel xmlns:p188="http://schemas.microsoft.com/office/powerpoint/2018/8/main" r:id="rId4"/>
    </p:ext>
  </p:extLs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AC300B-9573-B431-F14A-09662EDE45DB}"/>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04AC2122-8A47-A48F-66F5-559F0A65DDF7}"/>
              </a:ext>
            </a:extLst>
          </p:cNvPr>
          <p:cNvSpPr>
            <a:spLocks noGrp="1"/>
          </p:cNvSpPr>
          <p:nvPr>
            <p:ph type="ctrTitle"/>
          </p:nvPr>
        </p:nvSpPr>
        <p:spPr>
          <a:xfrm>
            <a:off x="569994" y="507634"/>
            <a:ext cx="11082431" cy="515848"/>
          </a:xfrm>
        </p:spPr>
        <p:txBody>
          <a:bodyPr/>
          <a:lstStyle/>
          <a:p>
            <a:r>
              <a:rPr lang="en-US">
                <a:solidFill>
                  <a:schemeClr val="accent6"/>
                </a:solidFill>
              </a:rPr>
              <a:t>The Agreement did not support key reform enablers </a:t>
            </a:r>
            <a:br>
              <a:rPr lang="en-US">
                <a:solidFill>
                  <a:schemeClr val="accent6"/>
                </a:solidFill>
              </a:rPr>
            </a:br>
            <a:endParaRPr lang="en-US">
              <a:solidFill>
                <a:schemeClr val="accent6"/>
              </a:solidFill>
            </a:endParaRPr>
          </a:p>
        </p:txBody>
      </p:sp>
      <p:sp>
        <p:nvSpPr>
          <p:cNvPr id="23" name="Rectangle 22">
            <a:extLst>
              <a:ext uri="{FF2B5EF4-FFF2-40B4-BE49-F238E27FC236}">
                <a16:creationId xmlns:a16="http://schemas.microsoft.com/office/drawing/2014/main" id="{785163A6-4FB4-1F18-71EF-F262CA2FF1EB}"/>
              </a:ext>
            </a:extLst>
          </p:cNvPr>
          <p:cNvSpPr/>
          <p:nvPr/>
        </p:nvSpPr>
        <p:spPr>
          <a:xfrm>
            <a:off x="626688" y="2428527"/>
            <a:ext cx="2479549" cy="3293498"/>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r>
              <a:rPr lang="en-US" sz="1700">
                <a:solidFill>
                  <a:schemeClr val="tx1"/>
                </a:solidFill>
              </a:rPr>
              <a:t>The Agreement contained provisions for the better use of data but roll-out has been slow </a:t>
            </a:r>
          </a:p>
          <a:p>
            <a:endParaRPr lang="en-US" sz="1700">
              <a:solidFill>
                <a:schemeClr val="tx1"/>
              </a:solidFill>
            </a:endParaRPr>
          </a:p>
          <a:p>
            <a:r>
              <a:rPr lang="en-US" sz="1700">
                <a:solidFill>
                  <a:schemeClr val="tx1"/>
                </a:solidFill>
              </a:rPr>
              <a:t>Restrictions on data sharing still exist and funding for data commitments is lacking </a:t>
            </a:r>
          </a:p>
        </p:txBody>
      </p:sp>
      <p:sp>
        <p:nvSpPr>
          <p:cNvPr id="24" name="Rectangle 23">
            <a:extLst>
              <a:ext uri="{FF2B5EF4-FFF2-40B4-BE49-F238E27FC236}">
                <a16:creationId xmlns:a16="http://schemas.microsoft.com/office/drawing/2014/main" id="{1D2297AF-AFC5-BC9F-6198-DE8CE9D7FF3D}"/>
              </a:ext>
            </a:extLst>
          </p:cNvPr>
          <p:cNvSpPr/>
          <p:nvPr/>
        </p:nvSpPr>
        <p:spPr>
          <a:xfrm>
            <a:off x="626688" y="1497032"/>
            <a:ext cx="2479549" cy="931495"/>
          </a:xfrm>
          <a:prstGeom prst="rect">
            <a:avLst/>
          </a:prstGeom>
          <a:solidFill>
            <a:schemeClr val="accent2">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a:t>Data</a:t>
            </a:r>
          </a:p>
        </p:txBody>
      </p:sp>
      <p:sp>
        <p:nvSpPr>
          <p:cNvPr id="25" name="Rectangle 24">
            <a:extLst>
              <a:ext uri="{FF2B5EF4-FFF2-40B4-BE49-F238E27FC236}">
                <a16:creationId xmlns:a16="http://schemas.microsoft.com/office/drawing/2014/main" id="{C1465B51-7865-C5D0-1BF3-4911AFE2B7DF}"/>
              </a:ext>
            </a:extLst>
          </p:cNvPr>
          <p:cNvSpPr/>
          <p:nvPr/>
        </p:nvSpPr>
        <p:spPr>
          <a:xfrm>
            <a:off x="3305016" y="1497032"/>
            <a:ext cx="2479549" cy="931495"/>
          </a:xfrm>
          <a:prstGeom prst="rect">
            <a:avLst/>
          </a:prstGeom>
          <a:solidFill>
            <a:schemeClr val="accent2">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a:t>Workforce</a:t>
            </a:r>
          </a:p>
        </p:txBody>
      </p:sp>
      <p:sp>
        <p:nvSpPr>
          <p:cNvPr id="26" name="Rectangle 25">
            <a:extLst>
              <a:ext uri="{FF2B5EF4-FFF2-40B4-BE49-F238E27FC236}">
                <a16:creationId xmlns:a16="http://schemas.microsoft.com/office/drawing/2014/main" id="{8EF1DE8F-C04E-2871-70EB-807710F813D2}"/>
              </a:ext>
            </a:extLst>
          </p:cNvPr>
          <p:cNvSpPr/>
          <p:nvPr/>
        </p:nvSpPr>
        <p:spPr>
          <a:xfrm>
            <a:off x="5983343" y="1497032"/>
            <a:ext cx="2479549" cy="931495"/>
          </a:xfrm>
          <a:prstGeom prst="rect">
            <a:avLst/>
          </a:prstGeom>
          <a:solidFill>
            <a:schemeClr val="accent2">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a:t>Flexibility</a:t>
            </a:r>
          </a:p>
        </p:txBody>
      </p:sp>
      <p:sp>
        <p:nvSpPr>
          <p:cNvPr id="27" name="Rectangle 26">
            <a:extLst>
              <a:ext uri="{FF2B5EF4-FFF2-40B4-BE49-F238E27FC236}">
                <a16:creationId xmlns:a16="http://schemas.microsoft.com/office/drawing/2014/main" id="{B57B9E85-D1BE-2973-AECE-825849BCAAE4}"/>
              </a:ext>
            </a:extLst>
          </p:cNvPr>
          <p:cNvSpPr/>
          <p:nvPr/>
        </p:nvSpPr>
        <p:spPr>
          <a:xfrm>
            <a:off x="3307095" y="2428527"/>
            <a:ext cx="2479549" cy="3293498"/>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r>
              <a:rPr lang="en-US" sz="1700">
                <a:solidFill>
                  <a:schemeClr val="tx1"/>
                </a:solidFill>
              </a:rPr>
              <a:t>No funding was committed to implement the National Mental Health Workforce Strategy and roles and responsibilities were not assigned</a:t>
            </a:r>
          </a:p>
        </p:txBody>
      </p:sp>
      <p:sp>
        <p:nvSpPr>
          <p:cNvPr id="28" name="Rectangle 27">
            <a:extLst>
              <a:ext uri="{FF2B5EF4-FFF2-40B4-BE49-F238E27FC236}">
                <a16:creationId xmlns:a16="http://schemas.microsoft.com/office/drawing/2014/main" id="{BC6EAC66-5561-A6AF-9FA7-B24F58836C10}"/>
              </a:ext>
            </a:extLst>
          </p:cNvPr>
          <p:cNvSpPr/>
          <p:nvPr/>
        </p:nvSpPr>
        <p:spPr>
          <a:xfrm>
            <a:off x="5987503" y="2428527"/>
            <a:ext cx="2479549" cy="3293498"/>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r>
              <a:rPr lang="en-US" sz="1700">
                <a:solidFill>
                  <a:schemeClr val="tx1"/>
                </a:solidFill>
              </a:rPr>
              <a:t>Nationally consistent models of care were </a:t>
            </a:r>
            <a:r>
              <a:rPr lang="en-US" sz="1700" err="1">
                <a:solidFill>
                  <a:schemeClr val="tx1"/>
                </a:solidFill>
              </a:rPr>
              <a:t>prioritised</a:t>
            </a:r>
            <a:r>
              <a:rPr lang="en-US" sz="1700">
                <a:solidFill>
                  <a:schemeClr val="tx1"/>
                </a:solidFill>
              </a:rPr>
              <a:t> under the Agreement, to the detriment of place-based solutions and flexibility</a:t>
            </a:r>
          </a:p>
          <a:p>
            <a:endParaRPr lang="en-US" sz="1700">
              <a:solidFill>
                <a:schemeClr val="tx1"/>
              </a:solidFill>
            </a:endParaRPr>
          </a:p>
        </p:txBody>
      </p:sp>
      <p:sp>
        <p:nvSpPr>
          <p:cNvPr id="29" name="Rectangle 28">
            <a:extLst>
              <a:ext uri="{FF2B5EF4-FFF2-40B4-BE49-F238E27FC236}">
                <a16:creationId xmlns:a16="http://schemas.microsoft.com/office/drawing/2014/main" id="{2301C5EF-5120-3984-01D4-F47CB0293D4A}"/>
              </a:ext>
            </a:extLst>
          </p:cNvPr>
          <p:cNvSpPr/>
          <p:nvPr/>
        </p:nvSpPr>
        <p:spPr>
          <a:xfrm>
            <a:off x="8669465" y="1497032"/>
            <a:ext cx="2479549" cy="931495"/>
          </a:xfrm>
          <a:prstGeom prst="rect">
            <a:avLst/>
          </a:prstGeom>
          <a:solidFill>
            <a:schemeClr val="accent2">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b="1"/>
              <a:t>Collaboration</a:t>
            </a:r>
          </a:p>
        </p:txBody>
      </p:sp>
      <p:sp>
        <p:nvSpPr>
          <p:cNvPr id="30" name="Rectangle 29">
            <a:extLst>
              <a:ext uri="{FF2B5EF4-FFF2-40B4-BE49-F238E27FC236}">
                <a16:creationId xmlns:a16="http://schemas.microsoft.com/office/drawing/2014/main" id="{CA8A8D09-7F9C-E1D6-0102-4C10DF1DC6B0}"/>
              </a:ext>
            </a:extLst>
          </p:cNvPr>
          <p:cNvSpPr/>
          <p:nvPr/>
        </p:nvSpPr>
        <p:spPr>
          <a:xfrm>
            <a:off x="8673624" y="2428527"/>
            <a:ext cx="2479549" cy="3293498"/>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r>
              <a:rPr lang="en-US" sz="1700">
                <a:solidFill>
                  <a:schemeClr val="tx1"/>
                </a:solidFill>
              </a:rPr>
              <a:t>There was a lack of guidance and funding for commitments supporting governments and local commissioning bodies to work together</a:t>
            </a:r>
          </a:p>
        </p:txBody>
      </p:sp>
      <p:grpSp>
        <p:nvGrpSpPr>
          <p:cNvPr id="2" name="Group 1">
            <a:extLst>
              <a:ext uri="{FF2B5EF4-FFF2-40B4-BE49-F238E27FC236}">
                <a16:creationId xmlns:a16="http://schemas.microsoft.com/office/drawing/2014/main" id="{FBC24D95-0B3D-E7A7-A945-A65CFC3B256A}"/>
              </a:ext>
            </a:extLst>
          </p:cNvPr>
          <p:cNvGrpSpPr/>
          <p:nvPr/>
        </p:nvGrpSpPr>
        <p:grpSpPr>
          <a:xfrm>
            <a:off x="10570817" y="459139"/>
            <a:ext cx="651188" cy="612838"/>
            <a:chOff x="-95951" y="-101481"/>
            <a:chExt cx="311058" cy="305314"/>
          </a:xfrm>
        </p:grpSpPr>
        <p:sp>
          <p:nvSpPr>
            <p:cNvPr id="4" name="Freeform 2">
              <a:extLst>
                <a:ext uri="{FF2B5EF4-FFF2-40B4-BE49-F238E27FC236}">
                  <a16:creationId xmlns:a16="http://schemas.microsoft.com/office/drawing/2014/main" id="{8446C612-B01D-2C29-2273-15D3E05345DB}"/>
                </a:ext>
              </a:extLst>
            </p:cNvPr>
            <p:cNvSpPr/>
            <p:nvPr/>
          </p:nvSpPr>
          <p:spPr>
            <a:xfrm>
              <a:off x="-83742" y="90453"/>
              <a:ext cx="132587" cy="101148"/>
            </a:xfrm>
            <a:custGeom>
              <a:avLst/>
              <a:gdLst>
                <a:gd name="connsiteX0" fmla="*/ 75206 w 132587"/>
                <a:gd name="connsiteY0" fmla="*/ 6910 h 101148"/>
                <a:gd name="connsiteX1" fmla="*/ 50484 w 132587"/>
                <a:gd name="connsiteY1" fmla="*/ 31678 h 101148"/>
                <a:gd name="connsiteX2" fmla="*/ 25761 w 132587"/>
                <a:gd name="connsiteY2" fmla="*/ 6910 h 101148"/>
                <a:gd name="connsiteX3" fmla="*/ 26737 w 132587"/>
                <a:gd name="connsiteY3" fmla="*/ 0 h 101148"/>
                <a:gd name="connsiteX4" fmla="*/ 0 w 132587"/>
                <a:gd name="connsiteY4" fmla="*/ 0 h 101148"/>
                <a:gd name="connsiteX5" fmla="*/ 0 w 132587"/>
                <a:gd name="connsiteY5" fmla="*/ 101148 h 101148"/>
                <a:gd name="connsiteX6" fmla="*/ 100967 w 132587"/>
                <a:gd name="connsiteY6" fmla="*/ 101148 h 101148"/>
                <a:gd name="connsiteX7" fmla="*/ 100967 w 132587"/>
                <a:gd name="connsiteY7" fmla="*/ 63906 h 101148"/>
                <a:gd name="connsiteX8" fmla="*/ 104691 w 132587"/>
                <a:gd name="connsiteY8" fmla="*/ 58280 h 101148"/>
                <a:gd name="connsiteX9" fmla="*/ 111345 w 132587"/>
                <a:gd name="connsiteY9" fmla="*/ 59564 h 101148"/>
                <a:gd name="connsiteX10" fmla="*/ 120074 w 132587"/>
                <a:gd name="connsiteY10" fmla="*/ 63111 h 101148"/>
                <a:gd name="connsiteX11" fmla="*/ 132588 w 132587"/>
                <a:gd name="connsiteY11" fmla="*/ 50574 h 101148"/>
                <a:gd name="connsiteX12" fmla="*/ 120074 w 132587"/>
                <a:gd name="connsiteY12" fmla="*/ 38038 h 101148"/>
                <a:gd name="connsiteX13" fmla="*/ 111345 w 132587"/>
                <a:gd name="connsiteY13" fmla="*/ 41585 h 101148"/>
                <a:gd name="connsiteX14" fmla="*/ 104691 w 132587"/>
                <a:gd name="connsiteY14" fmla="*/ 42869 h 101148"/>
                <a:gd name="connsiteX15" fmla="*/ 100967 w 132587"/>
                <a:gd name="connsiteY15" fmla="*/ 37243 h 101148"/>
                <a:gd name="connsiteX16" fmla="*/ 100967 w 132587"/>
                <a:gd name="connsiteY16" fmla="*/ 0 h 101148"/>
                <a:gd name="connsiteX17" fmla="*/ 74230 w 132587"/>
                <a:gd name="connsiteY17" fmla="*/ 0 h 101148"/>
                <a:gd name="connsiteX18" fmla="*/ 75206 w 132587"/>
                <a:gd name="connsiteY18" fmla="*/ 6910 h 1011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2587" h="101148">
                  <a:moveTo>
                    <a:pt x="75206" y="6910"/>
                  </a:moveTo>
                  <a:cubicBezTo>
                    <a:pt x="75206" y="20548"/>
                    <a:pt x="64096" y="31678"/>
                    <a:pt x="50484" y="31678"/>
                  </a:cubicBezTo>
                  <a:cubicBezTo>
                    <a:pt x="36871" y="31678"/>
                    <a:pt x="25761" y="20548"/>
                    <a:pt x="25761" y="6910"/>
                  </a:cubicBezTo>
                  <a:cubicBezTo>
                    <a:pt x="25761" y="4525"/>
                    <a:pt x="26066" y="2202"/>
                    <a:pt x="26737" y="0"/>
                  </a:cubicBezTo>
                  <a:lnTo>
                    <a:pt x="0" y="0"/>
                  </a:lnTo>
                  <a:lnTo>
                    <a:pt x="0" y="101148"/>
                  </a:lnTo>
                  <a:lnTo>
                    <a:pt x="100967" y="101148"/>
                  </a:lnTo>
                  <a:lnTo>
                    <a:pt x="100967" y="63906"/>
                  </a:lnTo>
                  <a:cubicBezTo>
                    <a:pt x="100967" y="61460"/>
                    <a:pt x="102432" y="59197"/>
                    <a:pt x="104691" y="58280"/>
                  </a:cubicBezTo>
                  <a:cubicBezTo>
                    <a:pt x="106949" y="57301"/>
                    <a:pt x="109574" y="57852"/>
                    <a:pt x="111345" y="59564"/>
                  </a:cubicBezTo>
                  <a:cubicBezTo>
                    <a:pt x="113664" y="61888"/>
                    <a:pt x="116777" y="63111"/>
                    <a:pt x="120074" y="63111"/>
                  </a:cubicBezTo>
                  <a:cubicBezTo>
                    <a:pt x="126972" y="63111"/>
                    <a:pt x="132588" y="57485"/>
                    <a:pt x="132588" y="50574"/>
                  </a:cubicBezTo>
                  <a:cubicBezTo>
                    <a:pt x="132588" y="43664"/>
                    <a:pt x="126972" y="38038"/>
                    <a:pt x="120074" y="38038"/>
                  </a:cubicBezTo>
                  <a:cubicBezTo>
                    <a:pt x="116777" y="38038"/>
                    <a:pt x="113725" y="39322"/>
                    <a:pt x="111345" y="41585"/>
                  </a:cubicBezTo>
                  <a:cubicBezTo>
                    <a:pt x="109574" y="43297"/>
                    <a:pt x="106949" y="43786"/>
                    <a:pt x="104691" y="42869"/>
                  </a:cubicBezTo>
                  <a:cubicBezTo>
                    <a:pt x="102432" y="41890"/>
                    <a:pt x="100967" y="39689"/>
                    <a:pt x="100967" y="37243"/>
                  </a:cubicBezTo>
                  <a:lnTo>
                    <a:pt x="100967" y="0"/>
                  </a:lnTo>
                  <a:lnTo>
                    <a:pt x="74230" y="0"/>
                  </a:lnTo>
                  <a:cubicBezTo>
                    <a:pt x="74840" y="2202"/>
                    <a:pt x="75206" y="4525"/>
                    <a:pt x="75206" y="6910"/>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5" name="Freeform 3">
              <a:extLst>
                <a:ext uri="{FF2B5EF4-FFF2-40B4-BE49-F238E27FC236}">
                  <a16:creationId xmlns:a16="http://schemas.microsoft.com/office/drawing/2014/main" id="{B1C9A9BB-5755-C550-98F8-FBA08362C08E}"/>
                </a:ext>
              </a:extLst>
            </p:cNvPr>
            <p:cNvSpPr/>
            <p:nvPr/>
          </p:nvSpPr>
          <p:spPr>
            <a:xfrm>
              <a:off x="-83742" y="-22925"/>
              <a:ext cx="100966" cy="132826"/>
            </a:xfrm>
            <a:custGeom>
              <a:avLst/>
              <a:gdLst>
                <a:gd name="connsiteX0" fmla="*/ 42792 w 100966"/>
                <a:gd name="connsiteY0" fmla="*/ 104879 h 132826"/>
                <a:gd name="connsiteX1" fmla="*/ 41510 w 100966"/>
                <a:gd name="connsiteY1" fmla="*/ 111545 h 132826"/>
                <a:gd name="connsiteX2" fmla="*/ 37969 w 100966"/>
                <a:gd name="connsiteY2" fmla="*/ 120290 h 132826"/>
                <a:gd name="connsiteX3" fmla="*/ 50484 w 100966"/>
                <a:gd name="connsiteY3" fmla="*/ 132826 h 132826"/>
                <a:gd name="connsiteX4" fmla="*/ 62998 w 100966"/>
                <a:gd name="connsiteY4" fmla="*/ 120290 h 132826"/>
                <a:gd name="connsiteX5" fmla="*/ 59457 w 100966"/>
                <a:gd name="connsiteY5" fmla="*/ 111545 h 132826"/>
                <a:gd name="connsiteX6" fmla="*/ 58175 w 100966"/>
                <a:gd name="connsiteY6" fmla="*/ 104879 h 132826"/>
                <a:gd name="connsiteX7" fmla="*/ 63791 w 100966"/>
                <a:gd name="connsiteY7" fmla="*/ 101149 h 132826"/>
                <a:gd name="connsiteX8" fmla="*/ 100967 w 100966"/>
                <a:gd name="connsiteY8" fmla="*/ 101149 h 132826"/>
                <a:gd name="connsiteX9" fmla="*/ 100967 w 100966"/>
                <a:gd name="connsiteY9" fmla="*/ 74363 h 132826"/>
                <a:gd name="connsiteX10" fmla="*/ 94069 w 100966"/>
                <a:gd name="connsiteY10" fmla="*/ 75342 h 132826"/>
                <a:gd name="connsiteX11" fmla="*/ 69346 w 100966"/>
                <a:gd name="connsiteY11" fmla="*/ 50574 h 132826"/>
                <a:gd name="connsiteX12" fmla="*/ 94069 w 100966"/>
                <a:gd name="connsiteY12" fmla="*/ 25807 h 132826"/>
                <a:gd name="connsiteX13" fmla="*/ 100967 w 100966"/>
                <a:gd name="connsiteY13" fmla="*/ 26785 h 132826"/>
                <a:gd name="connsiteX14" fmla="*/ 100967 w 100966"/>
                <a:gd name="connsiteY14" fmla="*/ 0 h 132826"/>
                <a:gd name="connsiteX15" fmla="*/ 0 w 100966"/>
                <a:gd name="connsiteY15" fmla="*/ 0 h 132826"/>
                <a:gd name="connsiteX16" fmla="*/ 0 w 100966"/>
                <a:gd name="connsiteY16" fmla="*/ 101149 h 132826"/>
                <a:gd name="connsiteX17" fmla="*/ 37176 w 100966"/>
                <a:gd name="connsiteY17" fmla="*/ 101149 h 132826"/>
                <a:gd name="connsiteX18" fmla="*/ 42792 w 100966"/>
                <a:gd name="connsiteY18" fmla="*/ 104879 h 132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00966" h="132826">
                  <a:moveTo>
                    <a:pt x="42792" y="104879"/>
                  </a:moveTo>
                  <a:cubicBezTo>
                    <a:pt x="43769" y="107142"/>
                    <a:pt x="43219" y="109771"/>
                    <a:pt x="41510" y="111545"/>
                  </a:cubicBezTo>
                  <a:cubicBezTo>
                    <a:pt x="39190" y="113869"/>
                    <a:pt x="37969" y="116987"/>
                    <a:pt x="37969" y="120290"/>
                  </a:cubicBezTo>
                  <a:cubicBezTo>
                    <a:pt x="37969" y="127200"/>
                    <a:pt x="43586" y="132826"/>
                    <a:pt x="50484" y="132826"/>
                  </a:cubicBezTo>
                  <a:cubicBezTo>
                    <a:pt x="57381" y="132826"/>
                    <a:pt x="62998" y="127200"/>
                    <a:pt x="62998" y="120290"/>
                  </a:cubicBezTo>
                  <a:cubicBezTo>
                    <a:pt x="62998" y="116987"/>
                    <a:pt x="61716" y="113930"/>
                    <a:pt x="59457" y="111545"/>
                  </a:cubicBezTo>
                  <a:cubicBezTo>
                    <a:pt x="57748" y="109771"/>
                    <a:pt x="57259" y="107142"/>
                    <a:pt x="58175" y="104879"/>
                  </a:cubicBezTo>
                  <a:cubicBezTo>
                    <a:pt x="59091" y="102616"/>
                    <a:pt x="61349" y="101149"/>
                    <a:pt x="63791" y="101149"/>
                  </a:cubicBezTo>
                  <a:lnTo>
                    <a:pt x="100967" y="101149"/>
                  </a:lnTo>
                  <a:lnTo>
                    <a:pt x="100967" y="74363"/>
                  </a:lnTo>
                  <a:cubicBezTo>
                    <a:pt x="98769" y="74975"/>
                    <a:pt x="96450" y="75342"/>
                    <a:pt x="94069" y="75342"/>
                  </a:cubicBezTo>
                  <a:cubicBezTo>
                    <a:pt x="80456" y="75342"/>
                    <a:pt x="69346" y="64212"/>
                    <a:pt x="69346" y="50574"/>
                  </a:cubicBezTo>
                  <a:cubicBezTo>
                    <a:pt x="69346" y="36937"/>
                    <a:pt x="80456" y="25807"/>
                    <a:pt x="94069" y="25807"/>
                  </a:cubicBezTo>
                  <a:cubicBezTo>
                    <a:pt x="96450" y="25807"/>
                    <a:pt x="98769" y="26113"/>
                    <a:pt x="100967" y="26785"/>
                  </a:cubicBezTo>
                  <a:lnTo>
                    <a:pt x="100967" y="0"/>
                  </a:lnTo>
                  <a:lnTo>
                    <a:pt x="0" y="0"/>
                  </a:lnTo>
                  <a:lnTo>
                    <a:pt x="0" y="101149"/>
                  </a:lnTo>
                  <a:lnTo>
                    <a:pt x="37176" y="101149"/>
                  </a:lnTo>
                  <a:cubicBezTo>
                    <a:pt x="39618" y="101149"/>
                    <a:pt x="41876" y="102616"/>
                    <a:pt x="42792" y="104879"/>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6" name="Freeform 4">
              <a:extLst>
                <a:ext uri="{FF2B5EF4-FFF2-40B4-BE49-F238E27FC236}">
                  <a16:creationId xmlns:a16="http://schemas.microsoft.com/office/drawing/2014/main" id="{34216AAB-1666-166A-36BE-EEC1DE36E6D4}"/>
                </a:ext>
              </a:extLst>
            </p:cNvPr>
            <p:cNvSpPr/>
            <p:nvPr/>
          </p:nvSpPr>
          <p:spPr>
            <a:xfrm>
              <a:off x="29433" y="58776"/>
              <a:ext cx="100967" cy="132826"/>
            </a:xfrm>
            <a:custGeom>
              <a:avLst/>
              <a:gdLst>
                <a:gd name="connsiteX0" fmla="*/ 6898 w 100967"/>
                <a:gd name="connsiteY0" fmla="*/ 57485 h 132826"/>
                <a:gd name="connsiteX1" fmla="*/ 31621 w 100967"/>
                <a:gd name="connsiteY1" fmla="*/ 82252 h 132826"/>
                <a:gd name="connsiteX2" fmla="*/ 6898 w 100967"/>
                <a:gd name="connsiteY2" fmla="*/ 107019 h 132826"/>
                <a:gd name="connsiteX3" fmla="*/ 0 w 100967"/>
                <a:gd name="connsiteY3" fmla="*/ 106041 h 132826"/>
                <a:gd name="connsiteX4" fmla="*/ 0 w 100967"/>
                <a:gd name="connsiteY4" fmla="*/ 132826 h 132826"/>
                <a:gd name="connsiteX5" fmla="*/ 100967 w 100967"/>
                <a:gd name="connsiteY5" fmla="*/ 132826 h 132826"/>
                <a:gd name="connsiteX6" fmla="*/ 100967 w 100967"/>
                <a:gd name="connsiteY6" fmla="*/ 31678 h 132826"/>
                <a:gd name="connsiteX7" fmla="*/ 63791 w 100967"/>
                <a:gd name="connsiteY7" fmla="*/ 31678 h 132826"/>
                <a:gd name="connsiteX8" fmla="*/ 58175 w 100967"/>
                <a:gd name="connsiteY8" fmla="*/ 27947 h 132826"/>
                <a:gd name="connsiteX9" fmla="*/ 59457 w 100967"/>
                <a:gd name="connsiteY9" fmla="*/ 21282 h 132826"/>
                <a:gd name="connsiteX10" fmla="*/ 62998 w 100967"/>
                <a:gd name="connsiteY10" fmla="*/ 12537 h 132826"/>
                <a:gd name="connsiteX11" fmla="*/ 50484 w 100967"/>
                <a:gd name="connsiteY11" fmla="*/ 0 h 132826"/>
                <a:gd name="connsiteX12" fmla="*/ 37969 w 100967"/>
                <a:gd name="connsiteY12" fmla="*/ 12537 h 132826"/>
                <a:gd name="connsiteX13" fmla="*/ 41510 w 100967"/>
                <a:gd name="connsiteY13" fmla="*/ 21282 h 132826"/>
                <a:gd name="connsiteX14" fmla="*/ 42792 w 100967"/>
                <a:gd name="connsiteY14" fmla="*/ 27947 h 132826"/>
                <a:gd name="connsiteX15" fmla="*/ 37176 w 100967"/>
                <a:gd name="connsiteY15" fmla="*/ 31678 h 132826"/>
                <a:gd name="connsiteX16" fmla="*/ 0 w 100967"/>
                <a:gd name="connsiteY16" fmla="*/ 31678 h 132826"/>
                <a:gd name="connsiteX17" fmla="*/ 0 w 100967"/>
                <a:gd name="connsiteY17" fmla="*/ 58463 h 132826"/>
                <a:gd name="connsiteX18" fmla="*/ 6898 w 100967"/>
                <a:gd name="connsiteY18" fmla="*/ 57485 h 132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00967" h="132826">
                  <a:moveTo>
                    <a:pt x="6898" y="57485"/>
                  </a:moveTo>
                  <a:cubicBezTo>
                    <a:pt x="20511" y="57485"/>
                    <a:pt x="31621" y="68615"/>
                    <a:pt x="31621" y="82252"/>
                  </a:cubicBezTo>
                  <a:cubicBezTo>
                    <a:pt x="31621" y="95889"/>
                    <a:pt x="20511" y="107019"/>
                    <a:pt x="6898" y="107019"/>
                  </a:cubicBezTo>
                  <a:cubicBezTo>
                    <a:pt x="4517" y="107019"/>
                    <a:pt x="2198" y="106714"/>
                    <a:pt x="0" y="106041"/>
                  </a:cubicBezTo>
                  <a:lnTo>
                    <a:pt x="0" y="132826"/>
                  </a:lnTo>
                  <a:lnTo>
                    <a:pt x="100967" y="132826"/>
                  </a:lnTo>
                  <a:lnTo>
                    <a:pt x="100967" y="31678"/>
                  </a:lnTo>
                  <a:lnTo>
                    <a:pt x="63791" y="31678"/>
                  </a:lnTo>
                  <a:cubicBezTo>
                    <a:pt x="61349" y="31678"/>
                    <a:pt x="59091" y="30210"/>
                    <a:pt x="58175" y="27947"/>
                  </a:cubicBezTo>
                  <a:cubicBezTo>
                    <a:pt x="57198" y="25685"/>
                    <a:pt x="57748" y="23055"/>
                    <a:pt x="59457" y="21282"/>
                  </a:cubicBezTo>
                  <a:cubicBezTo>
                    <a:pt x="61777" y="18897"/>
                    <a:pt x="62998" y="15839"/>
                    <a:pt x="62998" y="12537"/>
                  </a:cubicBezTo>
                  <a:cubicBezTo>
                    <a:pt x="62998" y="5626"/>
                    <a:pt x="57382" y="0"/>
                    <a:pt x="50484" y="0"/>
                  </a:cubicBezTo>
                  <a:cubicBezTo>
                    <a:pt x="43586" y="0"/>
                    <a:pt x="37969" y="5626"/>
                    <a:pt x="37969" y="12537"/>
                  </a:cubicBezTo>
                  <a:cubicBezTo>
                    <a:pt x="37969" y="15839"/>
                    <a:pt x="39251" y="18897"/>
                    <a:pt x="41510" y="21282"/>
                  </a:cubicBezTo>
                  <a:cubicBezTo>
                    <a:pt x="43219" y="23055"/>
                    <a:pt x="43708" y="25685"/>
                    <a:pt x="42792" y="27947"/>
                  </a:cubicBezTo>
                  <a:cubicBezTo>
                    <a:pt x="41815" y="30210"/>
                    <a:pt x="39618" y="31678"/>
                    <a:pt x="37176" y="31678"/>
                  </a:cubicBezTo>
                  <a:lnTo>
                    <a:pt x="0" y="31678"/>
                  </a:lnTo>
                  <a:lnTo>
                    <a:pt x="0" y="58463"/>
                  </a:lnTo>
                  <a:cubicBezTo>
                    <a:pt x="2198" y="57852"/>
                    <a:pt x="4517" y="57485"/>
                    <a:pt x="6898" y="57485"/>
                  </a:cubicBezTo>
                  <a:close/>
                </a:path>
              </a:pathLst>
            </a:custGeom>
            <a:solidFill>
              <a:schemeClr val="accent2">
                <a:lumMod val="20000"/>
                <a:lumOff val="80000"/>
              </a:schemeClr>
            </a:solidFill>
            <a:ln w="6096" cap="flat">
              <a:noFill/>
              <a:prstDash val="solid"/>
              <a:miter/>
            </a:ln>
          </p:spPr>
          <p:txBody>
            <a:bodyPr rtlCol="0" anchor="ctr"/>
            <a:lstStyle/>
            <a:p>
              <a:endParaRPr lang="en-AU"/>
            </a:p>
          </p:txBody>
        </p:sp>
        <p:sp>
          <p:nvSpPr>
            <p:cNvPr id="7" name="Freeform 5">
              <a:extLst>
                <a:ext uri="{FF2B5EF4-FFF2-40B4-BE49-F238E27FC236}">
                  <a16:creationId xmlns:a16="http://schemas.microsoft.com/office/drawing/2014/main" id="{D71ED5CF-BE8B-1593-9B22-8DF7D75A90DF}"/>
                </a:ext>
              </a:extLst>
            </p:cNvPr>
            <p:cNvSpPr/>
            <p:nvPr/>
          </p:nvSpPr>
          <p:spPr>
            <a:xfrm>
              <a:off x="58307" y="-86831"/>
              <a:ext cx="142232" cy="142488"/>
            </a:xfrm>
            <a:custGeom>
              <a:avLst/>
              <a:gdLst>
                <a:gd name="connsiteX0" fmla="*/ 40961 w 142232"/>
                <a:gd name="connsiteY0" fmla="*/ 28620 h 142488"/>
                <a:gd name="connsiteX1" fmla="*/ 34490 w 142232"/>
                <a:gd name="connsiteY1" fmla="*/ 30516 h 142488"/>
                <a:gd name="connsiteX2" fmla="*/ 30217 w 142232"/>
                <a:gd name="connsiteY2" fmla="*/ 25257 h 142488"/>
                <a:gd name="connsiteX3" fmla="*/ 25822 w 142232"/>
                <a:gd name="connsiteY3" fmla="*/ 16878 h 142488"/>
                <a:gd name="connsiteX4" fmla="*/ 8241 w 142232"/>
                <a:gd name="connsiteY4" fmla="*/ 18407 h 142488"/>
                <a:gd name="connsiteX5" fmla="*/ 9767 w 142232"/>
                <a:gd name="connsiteY5" fmla="*/ 36020 h 142488"/>
                <a:gd name="connsiteX6" fmla="*/ 18741 w 142232"/>
                <a:gd name="connsiteY6" fmla="*/ 38894 h 142488"/>
                <a:gd name="connsiteX7" fmla="*/ 24601 w 142232"/>
                <a:gd name="connsiteY7" fmla="*/ 42196 h 142488"/>
                <a:gd name="connsiteX8" fmla="*/ 23868 w 142232"/>
                <a:gd name="connsiteY8" fmla="*/ 48923 h 142488"/>
                <a:gd name="connsiteX9" fmla="*/ 0 w 142232"/>
                <a:gd name="connsiteY9" fmla="*/ 77482 h 142488"/>
                <a:gd name="connsiteX10" fmla="*/ 20511 w 142232"/>
                <a:gd name="connsiteY10" fmla="*/ 94727 h 142488"/>
                <a:gd name="connsiteX11" fmla="*/ 24173 w 142232"/>
                <a:gd name="connsiteY11" fmla="*/ 88795 h 142488"/>
                <a:gd name="connsiteX12" fmla="*/ 58969 w 142232"/>
                <a:gd name="connsiteY12" fmla="*/ 85738 h 142488"/>
                <a:gd name="connsiteX13" fmla="*/ 67698 w 142232"/>
                <a:gd name="connsiteY13" fmla="*/ 102555 h 142488"/>
                <a:gd name="connsiteX14" fmla="*/ 62021 w 142232"/>
                <a:gd name="connsiteY14" fmla="*/ 120595 h 142488"/>
                <a:gd name="connsiteX15" fmla="*/ 56832 w 142232"/>
                <a:gd name="connsiteY15" fmla="*/ 125243 h 142488"/>
                <a:gd name="connsiteX16" fmla="*/ 77343 w 142232"/>
                <a:gd name="connsiteY16" fmla="*/ 142488 h 142488"/>
                <a:gd name="connsiteX17" fmla="*/ 142233 w 142232"/>
                <a:gd name="connsiteY17" fmla="*/ 65007 h 142488"/>
                <a:gd name="connsiteX18" fmla="*/ 64890 w 142232"/>
                <a:gd name="connsiteY18" fmla="*/ 0 h 142488"/>
                <a:gd name="connsiteX19" fmla="*/ 41022 w 142232"/>
                <a:gd name="connsiteY19" fmla="*/ 28498 h 1424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42232" h="142488">
                  <a:moveTo>
                    <a:pt x="40961" y="28620"/>
                  </a:moveTo>
                  <a:cubicBezTo>
                    <a:pt x="39373" y="30516"/>
                    <a:pt x="36871" y="31250"/>
                    <a:pt x="34490" y="30516"/>
                  </a:cubicBezTo>
                  <a:cubicBezTo>
                    <a:pt x="32170" y="29782"/>
                    <a:pt x="30461" y="27703"/>
                    <a:pt x="30217" y="25257"/>
                  </a:cubicBezTo>
                  <a:cubicBezTo>
                    <a:pt x="29912" y="21954"/>
                    <a:pt x="28324" y="19019"/>
                    <a:pt x="25822" y="16878"/>
                  </a:cubicBezTo>
                  <a:cubicBezTo>
                    <a:pt x="20572" y="12475"/>
                    <a:pt x="12636" y="13148"/>
                    <a:pt x="8241" y="18407"/>
                  </a:cubicBezTo>
                  <a:cubicBezTo>
                    <a:pt x="3846" y="23728"/>
                    <a:pt x="4517" y="31617"/>
                    <a:pt x="9767" y="36020"/>
                  </a:cubicBezTo>
                  <a:cubicBezTo>
                    <a:pt x="12270" y="38099"/>
                    <a:pt x="15505" y="39138"/>
                    <a:pt x="18741" y="38894"/>
                  </a:cubicBezTo>
                  <a:cubicBezTo>
                    <a:pt x="21243" y="38649"/>
                    <a:pt x="23502" y="39995"/>
                    <a:pt x="24601" y="42196"/>
                  </a:cubicBezTo>
                  <a:cubicBezTo>
                    <a:pt x="25700" y="44398"/>
                    <a:pt x="25394" y="47027"/>
                    <a:pt x="23868" y="48923"/>
                  </a:cubicBezTo>
                  <a:lnTo>
                    <a:pt x="0" y="77482"/>
                  </a:lnTo>
                  <a:lnTo>
                    <a:pt x="20511" y="94727"/>
                  </a:lnTo>
                  <a:cubicBezTo>
                    <a:pt x="21426" y="92648"/>
                    <a:pt x="22647" y="90630"/>
                    <a:pt x="24173" y="88795"/>
                  </a:cubicBezTo>
                  <a:cubicBezTo>
                    <a:pt x="32903" y="78338"/>
                    <a:pt x="48530" y="76993"/>
                    <a:pt x="58969" y="85738"/>
                  </a:cubicBezTo>
                  <a:cubicBezTo>
                    <a:pt x="64035" y="90018"/>
                    <a:pt x="67149" y="95950"/>
                    <a:pt x="67698" y="102555"/>
                  </a:cubicBezTo>
                  <a:cubicBezTo>
                    <a:pt x="68247" y="109160"/>
                    <a:pt x="66233" y="115581"/>
                    <a:pt x="62021" y="120595"/>
                  </a:cubicBezTo>
                  <a:cubicBezTo>
                    <a:pt x="60495" y="122430"/>
                    <a:pt x="58785" y="123959"/>
                    <a:pt x="56832" y="125243"/>
                  </a:cubicBezTo>
                  <a:lnTo>
                    <a:pt x="77343" y="142488"/>
                  </a:lnTo>
                  <a:lnTo>
                    <a:pt x="142233" y="65007"/>
                  </a:lnTo>
                  <a:lnTo>
                    <a:pt x="64890" y="0"/>
                  </a:lnTo>
                  <a:lnTo>
                    <a:pt x="41022" y="28498"/>
                  </a:lnTo>
                  <a:close/>
                </a:path>
              </a:pathLst>
            </a:custGeom>
            <a:solidFill>
              <a:schemeClr val="accent2">
                <a:lumMod val="40000"/>
                <a:lumOff val="60000"/>
              </a:schemeClr>
            </a:solidFill>
            <a:ln w="6096" cap="flat">
              <a:noFill/>
              <a:prstDash val="solid"/>
              <a:miter/>
            </a:ln>
          </p:spPr>
          <p:txBody>
            <a:bodyPr rtlCol="0" anchor="ctr"/>
            <a:lstStyle/>
            <a:p>
              <a:endParaRPr lang="en-AU"/>
            </a:p>
          </p:txBody>
        </p:sp>
        <p:grpSp>
          <p:nvGrpSpPr>
            <p:cNvPr id="8" name="Graphic 2">
              <a:extLst>
                <a:ext uri="{FF2B5EF4-FFF2-40B4-BE49-F238E27FC236}">
                  <a16:creationId xmlns:a16="http://schemas.microsoft.com/office/drawing/2014/main" id="{82F12788-48DA-1EFD-AFE5-74E48D492AC7}"/>
                </a:ext>
              </a:extLst>
            </p:cNvPr>
            <p:cNvGrpSpPr/>
            <p:nvPr/>
          </p:nvGrpSpPr>
          <p:grpSpPr>
            <a:xfrm>
              <a:off x="-95951" y="-101481"/>
              <a:ext cx="311058" cy="305314"/>
              <a:chOff x="-95951" y="-101481"/>
              <a:chExt cx="311058" cy="305314"/>
            </a:xfrm>
            <a:solidFill>
              <a:srgbClr val="265A9A"/>
            </a:solidFill>
          </p:grpSpPr>
          <p:sp>
            <p:nvSpPr>
              <p:cNvPr id="9" name="Freeform 7">
                <a:extLst>
                  <a:ext uri="{FF2B5EF4-FFF2-40B4-BE49-F238E27FC236}">
                    <a16:creationId xmlns:a16="http://schemas.microsoft.com/office/drawing/2014/main" id="{D290FF21-B26C-C817-6F8A-CF65A9709513}"/>
                  </a:ext>
                </a:extLst>
              </p:cNvPr>
              <p:cNvSpPr/>
              <p:nvPr/>
            </p:nvSpPr>
            <p:spPr>
              <a:xfrm>
                <a:off x="-95951" y="84277"/>
                <a:ext cx="157005" cy="119494"/>
              </a:xfrm>
              <a:custGeom>
                <a:avLst/>
                <a:gdLst>
                  <a:gd name="connsiteX0" fmla="*/ 125385 w 157005"/>
                  <a:gd name="connsiteY0" fmla="*/ 107264 h 119494"/>
                  <a:gd name="connsiteX1" fmla="*/ 125385 w 157005"/>
                  <a:gd name="connsiteY1" fmla="*/ 80478 h 119494"/>
                  <a:gd name="connsiteX2" fmla="*/ 132283 w 157005"/>
                  <a:gd name="connsiteY2" fmla="*/ 81457 h 119494"/>
                  <a:gd name="connsiteX3" fmla="*/ 157006 w 157005"/>
                  <a:gd name="connsiteY3" fmla="*/ 56690 h 119494"/>
                  <a:gd name="connsiteX4" fmla="*/ 132283 w 157005"/>
                  <a:gd name="connsiteY4" fmla="*/ 31922 h 119494"/>
                  <a:gd name="connsiteX5" fmla="*/ 125385 w 157005"/>
                  <a:gd name="connsiteY5" fmla="*/ 32901 h 119494"/>
                  <a:gd name="connsiteX6" fmla="*/ 125385 w 157005"/>
                  <a:gd name="connsiteY6" fmla="*/ 6115 h 119494"/>
                  <a:gd name="connsiteX7" fmla="*/ 113176 w 157005"/>
                  <a:gd name="connsiteY7" fmla="*/ 6115 h 119494"/>
                  <a:gd name="connsiteX8" fmla="*/ 113176 w 157005"/>
                  <a:gd name="connsiteY8" fmla="*/ 43358 h 119494"/>
                  <a:gd name="connsiteX9" fmla="*/ 116899 w 157005"/>
                  <a:gd name="connsiteY9" fmla="*/ 48984 h 119494"/>
                  <a:gd name="connsiteX10" fmla="*/ 123553 w 157005"/>
                  <a:gd name="connsiteY10" fmla="*/ 47700 h 119494"/>
                  <a:gd name="connsiteX11" fmla="*/ 132283 w 157005"/>
                  <a:gd name="connsiteY11" fmla="*/ 44153 h 119494"/>
                  <a:gd name="connsiteX12" fmla="*/ 144797 w 157005"/>
                  <a:gd name="connsiteY12" fmla="*/ 56690 h 119494"/>
                  <a:gd name="connsiteX13" fmla="*/ 132283 w 157005"/>
                  <a:gd name="connsiteY13" fmla="*/ 69226 h 119494"/>
                  <a:gd name="connsiteX14" fmla="*/ 123553 w 157005"/>
                  <a:gd name="connsiteY14" fmla="*/ 65679 h 119494"/>
                  <a:gd name="connsiteX15" fmla="*/ 116899 w 157005"/>
                  <a:gd name="connsiteY15" fmla="*/ 64395 h 119494"/>
                  <a:gd name="connsiteX16" fmla="*/ 113176 w 157005"/>
                  <a:gd name="connsiteY16" fmla="*/ 70021 h 119494"/>
                  <a:gd name="connsiteX17" fmla="*/ 113176 w 157005"/>
                  <a:gd name="connsiteY17" fmla="*/ 107264 h 119494"/>
                  <a:gd name="connsiteX18" fmla="*/ 12209 w 157005"/>
                  <a:gd name="connsiteY18" fmla="*/ 107264 h 119494"/>
                  <a:gd name="connsiteX19" fmla="*/ 12209 w 157005"/>
                  <a:gd name="connsiteY19" fmla="*/ 6115 h 119494"/>
                  <a:gd name="connsiteX20" fmla="*/ 6104 w 157005"/>
                  <a:gd name="connsiteY20" fmla="*/ 6115 h 119494"/>
                  <a:gd name="connsiteX21" fmla="*/ 0 w 157005"/>
                  <a:gd name="connsiteY21" fmla="*/ 0 h 119494"/>
                  <a:gd name="connsiteX22" fmla="*/ 0 w 157005"/>
                  <a:gd name="connsiteY22" fmla="*/ 113379 h 119494"/>
                  <a:gd name="connsiteX23" fmla="*/ 6104 w 157005"/>
                  <a:gd name="connsiteY23" fmla="*/ 119495 h 119494"/>
                  <a:gd name="connsiteX24" fmla="*/ 119280 w 157005"/>
                  <a:gd name="connsiteY24" fmla="*/ 119495 h 119494"/>
                  <a:gd name="connsiteX25" fmla="*/ 119280 w 157005"/>
                  <a:gd name="connsiteY25" fmla="*/ 107264 h 119494"/>
                  <a:gd name="connsiteX26" fmla="*/ 125385 w 157005"/>
                  <a:gd name="connsiteY26" fmla="*/ 107264 h 1194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57005" h="119494">
                    <a:moveTo>
                      <a:pt x="125385" y="107264"/>
                    </a:moveTo>
                    <a:lnTo>
                      <a:pt x="125385" y="80478"/>
                    </a:lnTo>
                    <a:cubicBezTo>
                      <a:pt x="127582" y="81090"/>
                      <a:pt x="129902" y="81457"/>
                      <a:pt x="132283" y="81457"/>
                    </a:cubicBezTo>
                    <a:cubicBezTo>
                      <a:pt x="145895" y="81457"/>
                      <a:pt x="157006" y="70327"/>
                      <a:pt x="157006" y="56690"/>
                    </a:cubicBezTo>
                    <a:cubicBezTo>
                      <a:pt x="157006" y="43052"/>
                      <a:pt x="145895" y="31922"/>
                      <a:pt x="132283" y="31922"/>
                    </a:cubicBezTo>
                    <a:cubicBezTo>
                      <a:pt x="129902" y="31922"/>
                      <a:pt x="127582" y="32228"/>
                      <a:pt x="125385" y="32901"/>
                    </a:cubicBezTo>
                    <a:lnTo>
                      <a:pt x="125385" y="6115"/>
                    </a:lnTo>
                    <a:lnTo>
                      <a:pt x="113176" y="6115"/>
                    </a:lnTo>
                    <a:lnTo>
                      <a:pt x="113176" y="43358"/>
                    </a:lnTo>
                    <a:cubicBezTo>
                      <a:pt x="113176" y="45804"/>
                      <a:pt x="114641" y="48067"/>
                      <a:pt x="116899" y="48984"/>
                    </a:cubicBezTo>
                    <a:cubicBezTo>
                      <a:pt x="119158" y="49963"/>
                      <a:pt x="121783" y="49473"/>
                      <a:pt x="123553" y="47700"/>
                    </a:cubicBezTo>
                    <a:cubicBezTo>
                      <a:pt x="125873" y="45376"/>
                      <a:pt x="128986" y="44153"/>
                      <a:pt x="132283" y="44153"/>
                    </a:cubicBezTo>
                    <a:cubicBezTo>
                      <a:pt x="139181" y="44153"/>
                      <a:pt x="144797" y="49779"/>
                      <a:pt x="144797" y="56690"/>
                    </a:cubicBezTo>
                    <a:cubicBezTo>
                      <a:pt x="144797" y="63600"/>
                      <a:pt x="139181" y="69226"/>
                      <a:pt x="132283" y="69226"/>
                    </a:cubicBezTo>
                    <a:cubicBezTo>
                      <a:pt x="128986" y="69226"/>
                      <a:pt x="125934" y="67942"/>
                      <a:pt x="123553" y="65679"/>
                    </a:cubicBezTo>
                    <a:cubicBezTo>
                      <a:pt x="121783" y="63967"/>
                      <a:pt x="119158" y="63478"/>
                      <a:pt x="116899" y="64395"/>
                    </a:cubicBezTo>
                    <a:cubicBezTo>
                      <a:pt x="114641" y="65373"/>
                      <a:pt x="113176" y="67575"/>
                      <a:pt x="113176" y="70021"/>
                    </a:cubicBezTo>
                    <a:lnTo>
                      <a:pt x="113176" y="107264"/>
                    </a:lnTo>
                    <a:lnTo>
                      <a:pt x="12209" y="107264"/>
                    </a:lnTo>
                    <a:lnTo>
                      <a:pt x="12209" y="6115"/>
                    </a:lnTo>
                    <a:lnTo>
                      <a:pt x="6104" y="6115"/>
                    </a:lnTo>
                    <a:cubicBezTo>
                      <a:pt x="2747" y="6115"/>
                      <a:pt x="0" y="3363"/>
                      <a:pt x="0" y="0"/>
                    </a:cubicBezTo>
                    <a:lnTo>
                      <a:pt x="0" y="113379"/>
                    </a:lnTo>
                    <a:cubicBezTo>
                      <a:pt x="0" y="116743"/>
                      <a:pt x="2747" y="119495"/>
                      <a:pt x="6104" y="119495"/>
                    </a:cubicBezTo>
                    <a:lnTo>
                      <a:pt x="119280" y="119495"/>
                    </a:lnTo>
                    <a:lnTo>
                      <a:pt x="119280" y="107264"/>
                    </a:lnTo>
                    <a:lnTo>
                      <a:pt x="125385" y="107264"/>
                    </a:lnTo>
                    <a:close/>
                  </a:path>
                </a:pathLst>
              </a:custGeom>
              <a:solidFill>
                <a:schemeClr val="accent2"/>
              </a:solidFill>
              <a:ln w="6096" cap="flat">
                <a:noFill/>
                <a:prstDash val="solid"/>
                <a:miter/>
              </a:ln>
            </p:spPr>
            <p:txBody>
              <a:bodyPr rtlCol="0" anchor="ctr"/>
              <a:lstStyle/>
              <a:p>
                <a:endParaRPr lang="en-AU"/>
              </a:p>
            </p:txBody>
          </p:sp>
          <p:sp>
            <p:nvSpPr>
              <p:cNvPr id="10" name="Freeform 8">
                <a:extLst>
                  <a:ext uri="{FF2B5EF4-FFF2-40B4-BE49-F238E27FC236}">
                    <a16:creationId xmlns:a16="http://schemas.microsoft.com/office/drawing/2014/main" id="{D9B84F0C-5B6F-DBC8-E9F5-1575DAF658DB}"/>
                  </a:ext>
                </a:extLst>
              </p:cNvPr>
              <p:cNvSpPr/>
              <p:nvPr/>
            </p:nvSpPr>
            <p:spPr>
              <a:xfrm>
                <a:off x="-95951" y="-35156"/>
                <a:ext cx="125384" cy="157287"/>
              </a:xfrm>
              <a:custGeom>
                <a:avLst/>
                <a:gdLst>
                  <a:gd name="connsiteX0" fmla="*/ 12209 w 125384"/>
                  <a:gd name="connsiteY0" fmla="*/ 125610 h 157287"/>
                  <a:gd name="connsiteX1" fmla="*/ 38946 w 125384"/>
                  <a:gd name="connsiteY1" fmla="*/ 125610 h 157287"/>
                  <a:gd name="connsiteX2" fmla="*/ 37969 w 125384"/>
                  <a:gd name="connsiteY2" fmla="*/ 132520 h 157287"/>
                  <a:gd name="connsiteX3" fmla="*/ 62692 w 125384"/>
                  <a:gd name="connsiteY3" fmla="*/ 157288 h 157287"/>
                  <a:gd name="connsiteX4" fmla="*/ 87415 w 125384"/>
                  <a:gd name="connsiteY4" fmla="*/ 132520 h 157287"/>
                  <a:gd name="connsiteX5" fmla="*/ 86439 w 125384"/>
                  <a:gd name="connsiteY5" fmla="*/ 125610 h 157287"/>
                  <a:gd name="connsiteX6" fmla="*/ 113176 w 125384"/>
                  <a:gd name="connsiteY6" fmla="*/ 125610 h 157287"/>
                  <a:gd name="connsiteX7" fmla="*/ 113176 w 125384"/>
                  <a:gd name="connsiteY7" fmla="*/ 119495 h 157287"/>
                  <a:gd name="connsiteX8" fmla="*/ 119280 w 125384"/>
                  <a:gd name="connsiteY8" fmla="*/ 119495 h 157287"/>
                  <a:gd name="connsiteX9" fmla="*/ 119280 w 125384"/>
                  <a:gd name="connsiteY9" fmla="*/ 113379 h 157287"/>
                  <a:gd name="connsiteX10" fmla="*/ 125385 w 125384"/>
                  <a:gd name="connsiteY10" fmla="*/ 113379 h 157287"/>
                  <a:gd name="connsiteX11" fmla="*/ 125385 w 125384"/>
                  <a:gd name="connsiteY11" fmla="*/ 76137 h 157287"/>
                  <a:gd name="connsiteX12" fmla="*/ 121661 w 125384"/>
                  <a:gd name="connsiteY12" fmla="*/ 70510 h 157287"/>
                  <a:gd name="connsiteX13" fmla="*/ 115007 w 125384"/>
                  <a:gd name="connsiteY13" fmla="*/ 71795 h 157287"/>
                  <a:gd name="connsiteX14" fmla="*/ 106278 w 125384"/>
                  <a:gd name="connsiteY14" fmla="*/ 75342 h 157287"/>
                  <a:gd name="connsiteX15" fmla="*/ 93764 w 125384"/>
                  <a:gd name="connsiteY15" fmla="*/ 62805 h 157287"/>
                  <a:gd name="connsiteX16" fmla="*/ 106278 w 125384"/>
                  <a:gd name="connsiteY16" fmla="*/ 50268 h 157287"/>
                  <a:gd name="connsiteX17" fmla="*/ 115007 w 125384"/>
                  <a:gd name="connsiteY17" fmla="*/ 53815 h 157287"/>
                  <a:gd name="connsiteX18" fmla="*/ 121661 w 125384"/>
                  <a:gd name="connsiteY18" fmla="*/ 55100 h 157287"/>
                  <a:gd name="connsiteX19" fmla="*/ 125385 w 125384"/>
                  <a:gd name="connsiteY19" fmla="*/ 49474 h 157287"/>
                  <a:gd name="connsiteX20" fmla="*/ 125385 w 125384"/>
                  <a:gd name="connsiteY20" fmla="*/ 6115 h 157287"/>
                  <a:gd name="connsiteX21" fmla="*/ 119280 w 125384"/>
                  <a:gd name="connsiteY21" fmla="*/ 0 h 157287"/>
                  <a:gd name="connsiteX22" fmla="*/ 6104 w 125384"/>
                  <a:gd name="connsiteY22" fmla="*/ 0 h 157287"/>
                  <a:gd name="connsiteX23" fmla="*/ 0 w 125384"/>
                  <a:gd name="connsiteY23" fmla="*/ 6115 h 157287"/>
                  <a:gd name="connsiteX24" fmla="*/ 0 w 125384"/>
                  <a:gd name="connsiteY24" fmla="*/ 119495 h 157287"/>
                  <a:gd name="connsiteX25" fmla="*/ 12209 w 125384"/>
                  <a:gd name="connsiteY25" fmla="*/ 119495 h 157287"/>
                  <a:gd name="connsiteX26" fmla="*/ 12209 w 125384"/>
                  <a:gd name="connsiteY26" fmla="*/ 125610 h 157287"/>
                  <a:gd name="connsiteX27" fmla="*/ 12209 w 125384"/>
                  <a:gd name="connsiteY27" fmla="*/ 12231 h 157287"/>
                  <a:gd name="connsiteX28" fmla="*/ 113176 w 125384"/>
                  <a:gd name="connsiteY28" fmla="*/ 12231 h 157287"/>
                  <a:gd name="connsiteX29" fmla="*/ 113176 w 125384"/>
                  <a:gd name="connsiteY29" fmla="*/ 39016 h 157287"/>
                  <a:gd name="connsiteX30" fmla="*/ 106278 w 125384"/>
                  <a:gd name="connsiteY30" fmla="*/ 38038 h 157287"/>
                  <a:gd name="connsiteX31" fmla="*/ 81555 w 125384"/>
                  <a:gd name="connsiteY31" fmla="*/ 62805 h 157287"/>
                  <a:gd name="connsiteX32" fmla="*/ 106278 w 125384"/>
                  <a:gd name="connsiteY32" fmla="*/ 87572 h 157287"/>
                  <a:gd name="connsiteX33" fmla="*/ 113176 w 125384"/>
                  <a:gd name="connsiteY33" fmla="*/ 86594 h 157287"/>
                  <a:gd name="connsiteX34" fmla="*/ 113176 w 125384"/>
                  <a:gd name="connsiteY34" fmla="*/ 113379 h 157287"/>
                  <a:gd name="connsiteX35" fmla="*/ 76000 w 125384"/>
                  <a:gd name="connsiteY35" fmla="*/ 113379 h 157287"/>
                  <a:gd name="connsiteX36" fmla="*/ 70384 w 125384"/>
                  <a:gd name="connsiteY36" fmla="*/ 117110 h 157287"/>
                  <a:gd name="connsiteX37" fmla="*/ 71666 w 125384"/>
                  <a:gd name="connsiteY37" fmla="*/ 123775 h 157287"/>
                  <a:gd name="connsiteX38" fmla="*/ 75206 w 125384"/>
                  <a:gd name="connsiteY38" fmla="*/ 132520 h 157287"/>
                  <a:gd name="connsiteX39" fmla="*/ 62692 w 125384"/>
                  <a:gd name="connsiteY39" fmla="*/ 145057 h 157287"/>
                  <a:gd name="connsiteX40" fmla="*/ 50178 w 125384"/>
                  <a:gd name="connsiteY40" fmla="*/ 132520 h 157287"/>
                  <a:gd name="connsiteX41" fmla="*/ 53719 w 125384"/>
                  <a:gd name="connsiteY41" fmla="*/ 123775 h 157287"/>
                  <a:gd name="connsiteX42" fmla="*/ 55001 w 125384"/>
                  <a:gd name="connsiteY42" fmla="*/ 117110 h 157287"/>
                  <a:gd name="connsiteX43" fmla="*/ 49385 w 125384"/>
                  <a:gd name="connsiteY43" fmla="*/ 113379 h 157287"/>
                  <a:gd name="connsiteX44" fmla="*/ 12209 w 125384"/>
                  <a:gd name="connsiteY44" fmla="*/ 113379 h 157287"/>
                  <a:gd name="connsiteX45" fmla="*/ 12209 w 125384"/>
                  <a:gd name="connsiteY45" fmla="*/ 12231 h 157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25384" h="157287">
                    <a:moveTo>
                      <a:pt x="12209" y="125610"/>
                    </a:moveTo>
                    <a:lnTo>
                      <a:pt x="38946" y="125610"/>
                    </a:lnTo>
                    <a:cubicBezTo>
                      <a:pt x="38336" y="127812"/>
                      <a:pt x="37969" y="130135"/>
                      <a:pt x="37969" y="132520"/>
                    </a:cubicBezTo>
                    <a:cubicBezTo>
                      <a:pt x="37969" y="146158"/>
                      <a:pt x="49079" y="157288"/>
                      <a:pt x="62692" y="157288"/>
                    </a:cubicBezTo>
                    <a:cubicBezTo>
                      <a:pt x="76305" y="157288"/>
                      <a:pt x="87415" y="146158"/>
                      <a:pt x="87415" y="132520"/>
                    </a:cubicBezTo>
                    <a:cubicBezTo>
                      <a:pt x="87415" y="130135"/>
                      <a:pt x="87110" y="127812"/>
                      <a:pt x="86439" y="125610"/>
                    </a:cubicBezTo>
                    <a:lnTo>
                      <a:pt x="113176" y="125610"/>
                    </a:lnTo>
                    <a:lnTo>
                      <a:pt x="113176" y="119495"/>
                    </a:lnTo>
                    <a:lnTo>
                      <a:pt x="119280" y="119495"/>
                    </a:lnTo>
                    <a:lnTo>
                      <a:pt x="119280" y="113379"/>
                    </a:lnTo>
                    <a:lnTo>
                      <a:pt x="125385" y="113379"/>
                    </a:lnTo>
                    <a:lnTo>
                      <a:pt x="125385" y="76137"/>
                    </a:lnTo>
                    <a:cubicBezTo>
                      <a:pt x="125385" y="73690"/>
                      <a:pt x="123920" y="71428"/>
                      <a:pt x="121661" y="70510"/>
                    </a:cubicBezTo>
                    <a:cubicBezTo>
                      <a:pt x="119402" y="69532"/>
                      <a:pt x="116777" y="70021"/>
                      <a:pt x="115007" y="71795"/>
                    </a:cubicBezTo>
                    <a:cubicBezTo>
                      <a:pt x="112626" y="74119"/>
                      <a:pt x="109574" y="75342"/>
                      <a:pt x="106278" y="75342"/>
                    </a:cubicBezTo>
                    <a:cubicBezTo>
                      <a:pt x="99380" y="75342"/>
                      <a:pt x="93764" y="69715"/>
                      <a:pt x="93764" y="62805"/>
                    </a:cubicBezTo>
                    <a:cubicBezTo>
                      <a:pt x="93764" y="55895"/>
                      <a:pt x="99380" y="50268"/>
                      <a:pt x="106278" y="50268"/>
                    </a:cubicBezTo>
                    <a:cubicBezTo>
                      <a:pt x="109574" y="50268"/>
                      <a:pt x="112626" y="51553"/>
                      <a:pt x="115007" y="53815"/>
                    </a:cubicBezTo>
                    <a:cubicBezTo>
                      <a:pt x="116777" y="55528"/>
                      <a:pt x="119402" y="56017"/>
                      <a:pt x="121661" y="55100"/>
                    </a:cubicBezTo>
                    <a:cubicBezTo>
                      <a:pt x="123920" y="54121"/>
                      <a:pt x="125385" y="51920"/>
                      <a:pt x="125385" y="49474"/>
                    </a:cubicBezTo>
                    <a:lnTo>
                      <a:pt x="125385" y="6115"/>
                    </a:lnTo>
                    <a:cubicBezTo>
                      <a:pt x="125385" y="2752"/>
                      <a:pt x="122638" y="0"/>
                      <a:pt x="119280" y="0"/>
                    </a:cubicBezTo>
                    <a:lnTo>
                      <a:pt x="6104" y="0"/>
                    </a:lnTo>
                    <a:cubicBezTo>
                      <a:pt x="2747" y="0"/>
                      <a:pt x="0" y="2752"/>
                      <a:pt x="0" y="6115"/>
                    </a:cubicBezTo>
                    <a:lnTo>
                      <a:pt x="0" y="119495"/>
                    </a:lnTo>
                    <a:lnTo>
                      <a:pt x="12209" y="119495"/>
                    </a:lnTo>
                    <a:lnTo>
                      <a:pt x="12209" y="125610"/>
                    </a:lnTo>
                    <a:close/>
                    <a:moveTo>
                      <a:pt x="12209" y="12231"/>
                    </a:moveTo>
                    <a:lnTo>
                      <a:pt x="113176" y="12231"/>
                    </a:lnTo>
                    <a:lnTo>
                      <a:pt x="113176" y="39016"/>
                    </a:lnTo>
                    <a:cubicBezTo>
                      <a:pt x="110978" y="38405"/>
                      <a:pt x="108659" y="38038"/>
                      <a:pt x="106278" y="38038"/>
                    </a:cubicBezTo>
                    <a:cubicBezTo>
                      <a:pt x="92665" y="38038"/>
                      <a:pt x="81555" y="49168"/>
                      <a:pt x="81555" y="62805"/>
                    </a:cubicBezTo>
                    <a:cubicBezTo>
                      <a:pt x="81555" y="76442"/>
                      <a:pt x="92665" y="87572"/>
                      <a:pt x="106278" y="87572"/>
                    </a:cubicBezTo>
                    <a:cubicBezTo>
                      <a:pt x="108659" y="87572"/>
                      <a:pt x="110978" y="87267"/>
                      <a:pt x="113176" y="86594"/>
                    </a:cubicBezTo>
                    <a:lnTo>
                      <a:pt x="113176" y="113379"/>
                    </a:lnTo>
                    <a:lnTo>
                      <a:pt x="76000" y="113379"/>
                    </a:lnTo>
                    <a:cubicBezTo>
                      <a:pt x="73558" y="113379"/>
                      <a:pt x="71300" y="114847"/>
                      <a:pt x="70384" y="117110"/>
                    </a:cubicBezTo>
                    <a:cubicBezTo>
                      <a:pt x="69468" y="119372"/>
                      <a:pt x="69957" y="122002"/>
                      <a:pt x="71666" y="123775"/>
                    </a:cubicBezTo>
                    <a:cubicBezTo>
                      <a:pt x="73985" y="126099"/>
                      <a:pt x="75206" y="129218"/>
                      <a:pt x="75206" y="132520"/>
                    </a:cubicBezTo>
                    <a:cubicBezTo>
                      <a:pt x="75206" y="139431"/>
                      <a:pt x="69590" y="145057"/>
                      <a:pt x="62692" y="145057"/>
                    </a:cubicBezTo>
                    <a:cubicBezTo>
                      <a:pt x="55794" y="145057"/>
                      <a:pt x="50178" y="139431"/>
                      <a:pt x="50178" y="132520"/>
                    </a:cubicBezTo>
                    <a:cubicBezTo>
                      <a:pt x="50178" y="129218"/>
                      <a:pt x="51460" y="126160"/>
                      <a:pt x="53719" y="123775"/>
                    </a:cubicBezTo>
                    <a:cubicBezTo>
                      <a:pt x="55428" y="122002"/>
                      <a:pt x="55916" y="119372"/>
                      <a:pt x="55001" y="117110"/>
                    </a:cubicBezTo>
                    <a:cubicBezTo>
                      <a:pt x="54085" y="114847"/>
                      <a:pt x="51827" y="113379"/>
                      <a:pt x="49385" y="113379"/>
                    </a:cubicBezTo>
                    <a:lnTo>
                      <a:pt x="12209" y="113379"/>
                    </a:lnTo>
                    <a:lnTo>
                      <a:pt x="12209" y="12231"/>
                    </a:lnTo>
                    <a:close/>
                  </a:path>
                </a:pathLst>
              </a:custGeom>
              <a:solidFill>
                <a:schemeClr val="accent2"/>
              </a:solidFill>
              <a:ln w="6096" cap="flat">
                <a:noFill/>
                <a:prstDash val="solid"/>
                <a:miter/>
              </a:ln>
            </p:spPr>
            <p:txBody>
              <a:bodyPr rtlCol="0" anchor="ctr"/>
              <a:lstStyle/>
              <a:p>
                <a:endParaRPr lang="en-AU"/>
              </a:p>
            </p:txBody>
          </p:sp>
          <p:sp>
            <p:nvSpPr>
              <p:cNvPr id="11" name="Freeform 9">
                <a:extLst>
                  <a:ext uri="{FF2B5EF4-FFF2-40B4-BE49-F238E27FC236}">
                    <a16:creationId xmlns:a16="http://schemas.microsoft.com/office/drawing/2014/main" id="{7B1DC491-544C-A8C9-29C0-50ECC6BF25ED}"/>
                  </a:ext>
                </a:extLst>
              </p:cNvPr>
              <p:cNvSpPr/>
              <p:nvPr/>
            </p:nvSpPr>
            <p:spPr>
              <a:xfrm>
                <a:off x="17224" y="84338"/>
                <a:ext cx="6104" cy="6115"/>
              </a:xfrm>
              <a:custGeom>
                <a:avLst/>
                <a:gdLst>
                  <a:gd name="connsiteX0" fmla="*/ 0 w 6104"/>
                  <a:gd name="connsiteY0" fmla="*/ 0 h 6115"/>
                  <a:gd name="connsiteX1" fmla="*/ 6104 w 6104"/>
                  <a:gd name="connsiteY1" fmla="*/ 0 h 6115"/>
                  <a:gd name="connsiteX2" fmla="*/ 6104 w 6104"/>
                  <a:gd name="connsiteY2" fmla="*/ 6115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0"/>
                    </a:moveTo>
                    <a:lnTo>
                      <a:pt x="6104" y="0"/>
                    </a:lnTo>
                    <a:lnTo>
                      <a:pt x="6104" y="6115"/>
                    </a:lnTo>
                    <a:lnTo>
                      <a:pt x="0" y="6115"/>
                    </a:lnTo>
                    <a:close/>
                  </a:path>
                </a:pathLst>
              </a:custGeom>
              <a:solidFill>
                <a:srgbClr val="265A9A"/>
              </a:solidFill>
              <a:ln w="6096" cap="flat">
                <a:noFill/>
                <a:prstDash val="solid"/>
                <a:miter/>
              </a:ln>
            </p:spPr>
            <p:txBody>
              <a:bodyPr rtlCol="0" anchor="ctr"/>
              <a:lstStyle/>
              <a:p>
                <a:endParaRPr lang="en-AU"/>
              </a:p>
            </p:txBody>
          </p:sp>
          <p:sp>
            <p:nvSpPr>
              <p:cNvPr id="12" name="Freeform 10">
                <a:extLst>
                  <a:ext uri="{FF2B5EF4-FFF2-40B4-BE49-F238E27FC236}">
                    <a16:creationId xmlns:a16="http://schemas.microsoft.com/office/drawing/2014/main" id="{C9630F8E-8C26-2957-E09F-0686207256FE}"/>
                  </a:ext>
                </a:extLst>
              </p:cNvPr>
              <p:cNvSpPr/>
              <p:nvPr/>
            </p:nvSpPr>
            <p:spPr>
              <a:xfrm>
                <a:off x="-95951" y="84338"/>
                <a:ext cx="12208" cy="6115"/>
              </a:xfrm>
              <a:custGeom>
                <a:avLst/>
                <a:gdLst>
                  <a:gd name="connsiteX0" fmla="*/ 6104 w 12208"/>
                  <a:gd name="connsiteY0" fmla="*/ 6115 h 6115"/>
                  <a:gd name="connsiteX1" fmla="*/ 12209 w 12208"/>
                  <a:gd name="connsiteY1" fmla="*/ 6115 h 6115"/>
                  <a:gd name="connsiteX2" fmla="*/ 12209 w 12208"/>
                  <a:gd name="connsiteY2" fmla="*/ 0 h 6115"/>
                  <a:gd name="connsiteX3" fmla="*/ 0 w 12208"/>
                  <a:gd name="connsiteY3" fmla="*/ 0 h 6115"/>
                  <a:gd name="connsiteX4" fmla="*/ 6104 w 12208"/>
                  <a:gd name="connsiteY4" fmla="*/ 6115 h 61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08" h="6115">
                    <a:moveTo>
                      <a:pt x="6104" y="6115"/>
                    </a:moveTo>
                    <a:lnTo>
                      <a:pt x="12209" y="6115"/>
                    </a:lnTo>
                    <a:lnTo>
                      <a:pt x="12209" y="0"/>
                    </a:lnTo>
                    <a:lnTo>
                      <a:pt x="0" y="0"/>
                    </a:lnTo>
                    <a:cubicBezTo>
                      <a:pt x="0" y="3363"/>
                      <a:pt x="2747" y="6115"/>
                      <a:pt x="6104" y="6115"/>
                    </a:cubicBezTo>
                    <a:close/>
                  </a:path>
                </a:pathLst>
              </a:custGeom>
              <a:solidFill>
                <a:srgbClr val="265A9A"/>
              </a:solidFill>
              <a:ln w="6096" cap="flat">
                <a:noFill/>
                <a:prstDash val="solid"/>
                <a:miter/>
              </a:ln>
            </p:spPr>
            <p:txBody>
              <a:bodyPr rtlCol="0" anchor="ctr"/>
              <a:lstStyle/>
              <a:p>
                <a:endParaRPr lang="en-AU"/>
              </a:p>
            </p:txBody>
          </p:sp>
          <p:sp>
            <p:nvSpPr>
              <p:cNvPr id="13" name="Freeform 11">
                <a:extLst>
                  <a:ext uri="{FF2B5EF4-FFF2-40B4-BE49-F238E27FC236}">
                    <a16:creationId xmlns:a16="http://schemas.microsoft.com/office/drawing/2014/main" id="{E6300214-52BD-CBF4-1475-DA7DDD5FDF38}"/>
                  </a:ext>
                </a:extLst>
              </p:cNvPr>
              <p:cNvSpPr/>
              <p:nvPr/>
            </p:nvSpPr>
            <p:spPr>
              <a:xfrm>
                <a:off x="23267" y="46545"/>
                <a:ext cx="119280" cy="157287"/>
              </a:xfrm>
              <a:custGeom>
                <a:avLst/>
                <a:gdLst>
                  <a:gd name="connsiteX0" fmla="*/ 113176 w 119280"/>
                  <a:gd name="connsiteY0" fmla="*/ 31678 h 157287"/>
                  <a:gd name="connsiteX1" fmla="*/ 80334 w 119280"/>
                  <a:gd name="connsiteY1" fmla="*/ 31678 h 157287"/>
                  <a:gd name="connsiteX2" fmla="*/ 81311 w 119280"/>
                  <a:gd name="connsiteY2" fmla="*/ 24767 h 157287"/>
                  <a:gd name="connsiteX3" fmla="*/ 56588 w 119280"/>
                  <a:gd name="connsiteY3" fmla="*/ 0 h 157287"/>
                  <a:gd name="connsiteX4" fmla="*/ 31865 w 119280"/>
                  <a:gd name="connsiteY4" fmla="*/ 24767 h 157287"/>
                  <a:gd name="connsiteX5" fmla="*/ 32842 w 119280"/>
                  <a:gd name="connsiteY5" fmla="*/ 31678 h 157287"/>
                  <a:gd name="connsiteX6" fmla="*/ 6104 w 119280"/>
                  <a:gd name="connsiteY6" fmla="*/ 31678 h 157287"/>
                  <a:gd name="connsiteX7" fmla="*/ 6104 w 119280"/>
                  <a:gd name="connsiteY7" fmla="*/ 43909 h 157287"/>
                  <a:gd name="connsiteX8" fmla="*/ 43280 w 119280"/>
                  <a:gd name="connsiteY8" fmla="*/ 43909 h 157287"/>
                  <a:gd name="connsiteX9" fmla="*/ 48896 w 119280"/>
                  <a:gd name="connsiteY9" fmla="*/ 40178 h 157287"/>
                  <a:gd name="connsiteX10" fmla="*/ 47614 w 119280"/>
                  <a:gd name="connsiteY10" fmla="*/ 33512 h 157287"/>
                  <a:gd name="connsiteX11" fmla="*/ 44074 w 119280"/>
                  <a:gd name="connsiteY11" fmla="*/ 24767 h 157287"/>
                  <a:gd name="connsiteX12" fmla="*/ 56588 w 119280"/>
                  <a:gd name="connsiteY12" fmla="*/ 12231 h 157287"/>
                  <a:gd name="connsiteX13" fmla="*/ 69102 w 119280"/>
                  <a:gd name="connsiteY13" fmla="*/ 24767 h 157287"/>
                  <a:gd name="connsiteX14" fmla="*/ 65561 w 119280"/>
                  <a:gd name="connsiteY14" fmla="*/ 33512 h 157287"/>
                  <a:gd name="connsiteX15" fmla="*/ 64279 w 119280"/>
                  <a:gd name="connsiteY15" fmla="*/ 40178 h 157287"/>
                  <a:gd name="connsiteX16" fmla="*/ 69896 w 119280"/>
                  <a:gd name="connsiteY16" fmla="*/ 43909 h 157287"/>
                  <a:gd name="connsiteX17" fmla="*/ 107071 w 119280"/>
                  <a:gd name="connsiteY17" fmla="*/ 43909 h 157287"/>
                  <a:gd name="connsiteX18" fmla="*/ 107071 w 119280"/>
                  <a:gd name="connsiteY18" fmla="*/ 145057 h 157287"/>
                  <a:gd name="connsiteX19" fmla="*/ 6104 w 119280"/>
                  <a:gd name="connsiteY19" fmla="*/ 145057 h 157287"/>
                  <a:gd name="connsiteX20" fmla="*/ 6104 w 119280"/>
                  <a:gd name="connsiteY20" fmla="*/ 151172 h 157287"/>
                  <a:gd name="connsiteX21" fmla="*/ 0 w 119280"/>
                  <a:gd name="connsiteY21" fmla="*/ 157288 h 157287"/>
                  <a:gd name="connsiteX22" fmla="*/ 113176 w 119280"/>
                  <a:gd name="connsiteY22" fmla="*/ 157288 h 157287"/>
                  <a:gd name="connsiteX23" fmla="*/ 119280 w 119280"/>
                  <a:gd name="connsiteY23" fmla="*/ 151172 h 157287"/>
                  <a:gd name="connsiteX24" fmla="*/ 119280 w 119280"/>
                  <a:gd name="connsiteY24" fmla="*/ 37793 h 157287"/>
                  <a:gd name="connsiteX25" fmla="*/ 113176 w 119280"/>
                  <a:gd name="connsiteY25" fmla="*/ 31678 h 157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19280" h="157287">
                    <a:moveTo>
                      <a:pt x="113176" y="31678"/>
                    </a:moveTo>
                    <a:lnTo>
                      <a:pt x="80334" y="31678"/>
                    </a:lnTo>
                    <a:cubicBezTo>
                      <a:pt x="80945" y="29476"/>
                      <a:pt x="81311" y="27152"/>
                      <a:pt x="81311" y="24767"/>
                    </a:cubicBezTo>
                    <a:cubicBezTo>
                      <a:pt x="81311" y="11130"/>
                      <a:pt x="70201" y="0"/>
                      <a:pt x="56588" y="0"/>
                    </a:cubicBezTo>
                    <a:cubicBezTo>
                      <a:pt x="42975" y="0"/>
                      <a:pt x="31865" y="11130"/>
                      <a:pt x="31865" y="24767"/>
                    </a:cubicBezTo>
                    <a:cubicBezTo>
                      <a:pt x="31865" y="27152"/>
                      <a:pt x="32170" y="29476"/>
                      <a:pt x="32842" y="31678"/>
                    </a:cubicBezTo>
                    <a:lnTo>
                      <a:pt x="6104" y="31678"/>
                    </a:lnTo>
                    <a:lnTo>
                      <a:pt x="6104" y="43909"/>
                    </a:lnTo>
                    <a:lnTo>
                      <a:pt x="43280" y="43909"/>
                    </a:lnTo>
                    <a:cubicBezTo>
                      <a:pt x="45722" y="43909"/>
                      <a:pt x="47981" y="42441"/>
                      <a:pt x="48896" y="40178"/>
                    </a:cubicBezTo>
                    <a:cubicBezTo>
                      <a:pt x="49873" y="37915"/>
                      <a:pt x="49385" y="35286"/>
                      <a:pt x="47614" y="33512"/>
                    </a:cubicBezTo>
                    <a:cubicBezTo>
                      <a:pt x="45295" y="31127"/>
                      <a:pt x="44074" y="28070"/>
                      <a:pt x="44074" y="24767"/>
                    </a:cubicBezTo>
                    <a:cubicBezTo>
                      <a:pt x="44074" y="17857"/>
                      <a:pt x="49690" y="12231"/>
                      <a:pt x="56588" y="12231"/>
                    </a:cubicBezTo>
                    <a:cubicBezTo>
                      <a:pt x="63486" y="12231"/>
                      <a:pt x="69102" y="17857"/>
                      <a:pt x="69102" y="24767"/>
                    </a:cubicBezTo>
                    <a:cubicBezTo>
                      <a:pt x="69102" y="28070"/>
                      <a:pt x="67820" y="31127"/>
                      <a:pt x="65561" y="33512"/>
                    </a:cubicBezTo>
                    <a:cubicBezTo>
                      <a:pt x="63852" y="35286"/>
                      <a:pt x="63364" y="37915"/>
                      <a:pt x="64279" y="40178"/>
                    </a:cubicBezTo>
                    <a:cubicBezTo>
                      <a:pt x="65256" y="42441"/>
                      <a:pt x="67454" y="43909"/>
                      <a:pt x="69896" y="43909"/>
                    </a:cubicBezTo>
                    <a:lnTo>
                      <a:pt x="107071" y="43909"/>
                    </a:lnTo>
                    <a:lnTo>
                      <a:pt x="107071" y="145057"/>
                    </a:lnTo>
                    <a:lnTo>
                      <a:pt x="6104" y="145057"/>
                    </a:lnTo>
                    <a:lnTo>
                      <a:pt x="6104" y="151172"/>
                    </a:lnTo>
                    <a:cubicBezTo>
                      <a:pt x="6104" y="154536"/>
                      <a:pt x="3357" y="157288"/>
                      <a:pt x="0" y="157288"/>
                    </a:cubicBezTo>
                    <a:lnTo>
                      <a:pt x="113176" y="157288"/>
                    </a:lnTo>
                    <a:cubicBezTo>
                      <a:pt x="116533" y="157288"/>
                      <a:pt x="119280" y="154536"/>
                      <a:pt x="119280" y="151172"/>
                    </a:cubicBezTo>
                    <a:lnTo>
                      <a:pt x="119280" y="37793"/>
                    </a:lnTo>
                    <a:cubicBezTo>
                      <a:pt x="119280" y="34430"/>
                      <a:pt x="116533" y="31678"/>
                      <a:pt x="113176" y="31678"/>
                    </a:cubicBezTo>
                    <a:close/>
                  </a:path>
                </a:pathLst>
              </a:custGeom>
              <a:solidFill>
                <a:schemeClr val="accent2"/>
              </a:solidFill>
              <a:ln w="6096" cap="flat">
                <a:noFill/>
                <a:prstDash val="solid"/>
                <a:miter/>
              </a:ln>
            </p:spPr>
            <p:txBody>
              <a:bodyPr rtlCol="0" anchor="ctr"/>
              <a:lstStyle/>
              <a:p>
                <a:endParaRPr lang="en-AU"/>
              </a:p>
            </p:txBody>
          </p:sp>
          <p:sp>
            <p:nvSpPr>
              <p:cNvPr id="14" name="Freeform 12">
                <a:extLst>
                  <a:ext uri="{FF2B5EF4-FFF2-40B4-BE49-F238E27FC236}">
                    <a16:creationId xmlns:a16="http://schemas.microsoft.com/office/drawing/2014/main" id="{92AF6FF2-C577-566F-4753-BC4C7A8EE51B}"/>
                  </a:ext>
                </a:extLst>
              </p:cNvPr>
              <p:cNvSpPr/>
              <p:nvPr/>
            </p:nvSpPr>
            <p:spPr>
              <a:xfrm>
                <a:off x="23328" y="191541"/>
                <a:ext cx="6104" cy="12230"/>
              </a:xfrm>
              <a:custGeom>
                <a:avLst/>
                <a:gdLst>
                  <a:gd name="connsiteX0" fmla="*/ 6104 w 6104"/>
                  <a:gd name="connsiteY0" fmla="*/ 6115 h 12230"/>
                  <a:gd name="connsiteX1" fmla="*/ 6104 w 6104"/>
                  <a:gd name="connsiteY1" fmla="*/ 0 h 12230"/>
                  <a:gd name="connsiteX2" fmla="*/ 0 w 6104"/>
                  <a:gd name="connsiteY2" fmla="*/ 0 h 12230"/>
                  <a:gd name="connsiteX3" fmla="*/ 0 w 6104"/>
                  <a:gd name="connsiteY3" fmla="*/ 12231 h 12230"/>
                  <a:gd name="connsiteX4" fmla="*/ 6104 w 6104"/>
                  <a:gd name="connsiteY4" fmla="*/ 6115 h 1223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104" h="12230">
                    <a:moveTo>
                      <a:pt x="6104" y="6115"/>
                    </a:moveTo>
                    <a:lnTo>
                      <a:pt x="6104" y="0"/>
                    </a:lnTo>
                    <a:lnTo>
                      <a:pt x="0" y="0"/>
                    </a:lnTo>
                    <a:lnTo>
                      <a:pt x="0" y="12231"/>
                    </a:lnTo>
                    <a:cubicBezTo>
                      <a:pt x="3357" y="12231"/>
                      <a:pt x="6104" y="9479"/>
                      <a:pt x="6104" y="6115"/>
                    </a:cubicBezTo>
                    <a:close/>
                  </a:path>
                </a:pathLst>
              </a:custGeom>
              <a:solidFill>
                <a:srgbClr val="265A9A"/>
              </a:solidFill>
              <a:ln w="6096" cap="flat">
                <a:noFill/>
                <a:prstDash val="solid"/>
                <a:miter/>
              </a:ln>
            </p:spPr>
            <p:txBody>
              <a:bodyPr rtlCol="0" anchor="ctr"/>
              <a:lstStyle/>
              <a:p>
                <a:endParaRPr lang="en-AU"/>
              </a:p>
            </p:txBody>
          </p:sp>
          <p:sp>
            <p:nvSpPr>
              <p:cNvPr id="15" name="Freeform 13">
                <a:extLst>
                  <a:ext uri="{FF2B5EF4-FFF2-40B4-BE49-F238E27FC236}">
                    <a16:creationId xmlns:a16="http://schemas.microsoft.com/office/drawing/2014/main" id="{8116C90F-F5B8-B57A-9147-2A7B8735CF41}"/>
                  </a:ext>
                </a:extLst>
              </p:cNvPr>
              <p:cNvSpPr/>
              <p:nvPr/>
            </p:nvSpPr>
            <p:spPr>
              <a:xfrm>
                <a:off x="23328" y="84338"/>
                <a:ext cx="6104" cy="6115"/>
              </a:xfrm>
              <a:custGeom>
                <a:avLst/>
                <a:gdLst>
                  <a:gd name="connsiteX0" fmla="*/ 0 w 6104"/>
                  <a:gd name="connsiteY0" fmla="*/ 6115 h 6115"/>
                  <a:gd name="connsiteX1" fmla="*/ 6104 w 6104"/>
                  <a:gd name="connsiteY1" fmla="*/ 6115 h 6115"/>
                  <a:gd name="connsiteX2" fmla="*/ 6104 w 6104"/>
                  <a:gd name="connsiteY2" fmla="*/ 0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6115"/>
                    </a:moveTo>
                    <a:lnTo>
                      <a:pt x="6104" y="6115"/>
                    </a:lnTo>
                    <a:lnTo>
                      <a:pt x="6104" y="0"/>
                    </a:lnTo>
                    <a:cubicBezTo>
                      <a:pt x="6104" y="3363"/>
                      <a:pt x="3357" y="6115"/>
                      <a:pt x="0" y="6115"/>
                    </a:cubicBezTo>
                    <a:close/>
                  </a:path>
                </a:pathLst>
              </a:custGeom>
              <a:solidFill>
                <a:srgbClr val="265A9A"/>
              </a:solidFill>
              <a:ln w="6096" cap="flat">
                <a:noFill/>
                <a:prstDash val="solid"/>
                <a:miter/>
              </a:ln>
            </p:spPr>
            <p:txBody>
              <a:bodyPr rtlCol="0" anchor="ctr"/>
              <a:lstStyle/>
              <a:p>
                <a:endParaRPr lang="en-AU"/>
              </a:p>
            </p:txBody>
          </p:sp>
          <p:sp>
            <p:nvSpPr>
              <p:cNvPr id="16" name="Freeform 14">
                <a:extLst>
                  <a:ext uri="{FF2B5EF4-FFF2-40B4-BE49-F238E27FC236}">
                    <a16:creationId xmlns:a16="http://schemas.microsoft.com/office/drawing/2014/main" id="{249E7EFF-92C0-B8C1-0F55-F8168421D23C}"/>
                  </a:ext>
                </a:extLst>
              </p:cNvPr>
              <p:cNvSpPr/>
              <p:nvPr/>
            </p:nvSpPr>
            <p:spPr>
              <a:xfrm>
                <a:off x="23328" y="78222"/>
                <a:ext cx="6104" cy="6115"/>
              </a:xfrm>
              <a:custGeom>
                <a:avLst/>
                <a:gdLst>
                  <a:gd name="connsiteX0" fmla="*/ 0 w 6104"/>
                  <a:gd name="connsiteY0" fmla="*/ 0 h 6115"/>
                  <a:gd name="connsiteX1" fmla="*/ 6104 w 6104"/>
                  <a:gd name="connsiteY1" fmla="*/ 0 h 6115"/>
                  <a:gd name="connsiteX2" fmla="*/ 6104 w 6104"/>
                  <a:gd name="connsiteY2" fmla="*/ 6115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0"/>
                    </a:moveTo>
                    <a:lnTo>
                      <a:pt x="6104" y="0"/>
                    </a:lnTo>
                    <a:lnTo>
                      <a:pt x="6104" y="6115"/>
                    </a:lnTo>
                    <a:lnTo>
                      <a:pt x="0" y="6115"/>
                    </a:lnTo>
                    <a:close/>
                  </a:path>
                </a:pathLst>
              </a:custGeom>
              <a:solidFill>
                <a:srgbClr val="265A9A"/>
              </a:solidFill>
              <a:ln w="6096" cap="flat">
                <a:noFill/>
                <a:prstDash val="solid"/>
                <a:miter/>
              </a:ln>
            </p:spPr>
            <p:txBody>
              <a:bodyPr rtlCol="0" anchor="ctr"/>
              <a:lstStyle/>
              <a:p>
                <a:endParaRPr lang="en-AU"/>
              </a:p>
            </p:txBody>
          </p:sp>
          <p:sp>
            <p:nvSpPr>
              <p:cNvPr id="17" name="Freeform 15">
                <a:extLst>
                  <a:ext uri="{FF2B5EF4-FFF2-40B4-BE49-F238E27FC236}">
                    <a16:creationId xmlns:a16="http://schemas.microsoft.com/office/drawing/2014/main" id="{DA85D2B0-9C0C-AB3D-8F5A-75AC81E97CB5}"/>
                  </a:ext>
                </a:extLst>
              </p:cNvPr>
              <p:cNvSpPr/>
              <p:nvPr/>
            </p:nvSpPr>
            <p:spPr>
              <a:xfrm>
                <a:off x="23328" y="84338"/>
                <a:ext cx="6104" cy="6115"/>
              </a:xfrm>
              <a:custGeom>
                <a:avLst/>
                <a:gdLst>
                  <a:gd name="connsiteX0" fmla="*/ 0 w 6104"/>
                  <a:gd name="connsiteY0" fmla="*/ 6115 h 6115"/>
                  <a:gd name="connsiteX1" fmla="*/ 6104 w 6104"/>
                  <a:gd name="connsiteY1" fmla="*/ 0 h 6115"/>
                  <a:gd name="connsiteX2" fmla="*/ 0 w 6104"/>
                  <a:gd name="connsiteY2" fmla="*/ 0 h 6115"/>
                  <a:gd name="connsiteX3" fmla="*/ 0 w 6104"/>
                  <a:gd name="connsiteY3" fmla="*/ 6115 h 6115"/>
                </a:gdLst>
                <a:ahLst/>
                <a:cxnLst>
                  <a:cxn ang="0">
                    <a:pos x="connsiteX0" y="connsiteY0"/>
                  </a:cxn>
                  <a:cxn ang="0">
                    <a:pos x="connsiteX1" y="connsiteY1"/>
                  </a:cxn>
                  <a:cxn ang="0">
                    <a:pos x="connsiteX2" y="connsiteY2"/>
                  </a:cxn>
                  <a:cxn ang="0">
                    <a:pos x="connsiteX3" y="connsiteY3"/>
                  </a:cxn>
                </a:cxnLst>
                <a:rect l="l" t="t" r="r" b="b"/>
                <a:pathLst>
                  <a:path w="6104" h="6115">
                    <a:moveTo>
                      <a:pt x="0" y="6115"/>
                    </a:moveTo>
                    <a:cubicBezTo>
                      <a:pt x="3357" y="6115"/>
                      <a:pt x="6104" y="3363"/>
                      <a:pt x="6104" y="0"/>
                    </a:cubicBezTo>
                    <a:lnTo>
                      <a:pt x="0" y="0"/>
                    </a:lnTo>
                    <a:lnTo>
                      <a:pt x="0" y="6115"/>
                    </a:lnTo>
                    <a:close/>
                  </a:path>
                </a:pathLst>
              </a:custGeom>
              <a:solidFill>
                <a:srgbClr val="265A9A"/>
              </a:solidFill>
              <a:ln w="6096" cap="flat">
                <a:noFill/>
                <a:prstDash val="solid"/>
                <a:miter/>
              </a:ln>
            </p:spPr>
            <p:txBody>
              <a:bodyPr rtlCol="0" anchor="ctr"/>
              <a:lstStyle/>
              <a:p>
                <a:endParaRPr lang="en-AU"/>
              </a:p>
            </p:txBody>
          </p:sp>
          <p:sp>
            <p:nvSpPr>
              <p:cNvPr id="18" name="Freeform 16">
                <a:extLst>
                  <a:ext uri="{FF2B5EF4-FFF2-40B4-BE49-F238E27FC236}">
                    <a16:creationId xmlns:a16="http://schemas.microsoft.com/office/drawing/2014/main" id="{301030CD-A23E-FBF3-D9FA-753520BDD66D}"/>
                  </a:ext>
                </a:extLst>
              </p:cNvPr>
              <p:cNvSpPr/>
              <p:nvPr/>
            </p:nvSpPr>
            <p:spPr>
              <a:xfrm>
                <a:off x="43577" y="-101481"/>
                <a:ext cx="171530" cy="171816"/>
              </a:xfrm>
              <a:custGeom>
                <a:avLst/>
                <a:gdLst>
                  <a:gd name="connsiteX0" fmla="*/ 82733 w 171530"/>
                  <a:gd name="connsiteY0" fmla="*/ 1441 h 171816"/>
                  <a:gd name="connsiteX1" fmla="*/ 78277 w 171530"/>
                  <a:gd name="connsiteY1" fmla="*/ 35 h 171816"/>
                  <a:gd name="connsiteX2" fmla="*/ 74126 w 171530"/>
                  <a:gd name="connsiteY2" fmla="*/ 2175 h 171816"/>
                  <a:gd name="connsiteX3" fmla="*/ 53005 w 171530"/>
                  <a:gd name="connsiteY3" fmla="*/ 27371 h 171816"/>
                  <a:gd name="connsiteX4" fmla="*/ 48365 w 171530"/>
                  <a:gd name="connsiteY4" fmla="*/ 22173 h 171816"/>
                  <a:gd name="connsiteX5" fmla="*/ 13570 w 171530"/>
                  <a:gd name="connsiteY5" fmla="*/ 25230 h 171816"/>
                  <a:gd name="connsiteX6" fmla="*/ 16622 w 171530"/>
                  <a:gd name="connsiteY6" fmla="*/ 60088 h 171816"/>
                  <a:gd name="connsiteX7" fmla="*/ 22544 w 171530"/>
                  <a:gd name="connsiteY7" fmla="*/ 63757 h 171816"/>
                  <a:gd name="connsiteX8" fmla="*/ 1422 w 171530"/>
                  <a:gd name="connsiteY8" fmla="*/ 88953 h 171816"/>
                  <a:gd name="connsiteX9" fmla="*/ 18 w 171530"/>
                  <a:gd name="connsiteY9" fmla="*/ 93417 h 171816"/>
                  <a:gd name="connsiteX10" fmla="*/ 2155 w 171530"/>
                  <a:gd name="connsiteY10" fmla="*/ 97575 h 171816"/>
                  <a:gd name="connsiteX11" fmla="*/ 35302 w 171530"/>
                  <a:gd name="connsiteY11" fmla="*/ 125462 h 171816"/>
                  <a:gd name="connsiteX12" fmla="*/ 42017 w 171530"/>
                  <a:gd name="connsiteY12" fmla="*/ 126195 h 171816"/>
                  <a:gd name="connsiteX13" fmla="*/ 45313 w 171530"/>
                  <a:gd name="connsiteY13" fmla="*/ 120263 h 171816"/>
                  <a:gd name="connsiteX14" fmla="*/ 48182 w 171530"/>
                  <a:gd name="connsiteY14" fmla="*/ 111274 h 171816"/>
                  <a:gd name="connsiteX15" fmla="*/ 65824 w 171530"/>
                  <a:gd name="connsiteY15" fmla="*/ 109745 h 171816"/>
                  <a:gd name="connsiteX16" fmla="*/ 70219 w 171530"/>
                  <a:gd name="connsiteY16" fmla="*/ 118245 h 171816"/>
                  <a:gd name="connsiteX17" fmla="*/ 67350 w 171530"/>
                  <a:gd name="connsiteY17" fmla="*/ 127357 h 171816"/>
                  <a:gd name="connsiteX18" fmla="*/ 58987 w 171530"/>
                  <a:gd name="connsiteY18" fmla="*/ 131760 h 171816"/>
                  <a:gd name="connsiteX19" fmla="*/ 53737 w 171530"/>
                  <a:gd name="connsiteY19" fmla="*/ 136041 h 171816"/>
                  <a:gd name="connsiteX20" fmla="*/ 55630 w 171530"/>
                  <a:gd name="connsiteY20" fmla="*/ 142523 h 171816"/>
                  <a:gd name="connsiteX21" fmla="*/ 88777 w 171530"/>
                  <a:gd name="connsiteY21" fmla="*/ 170410 h 171816"/>
                  <a:gd name="connsiteX22" fmla="*/ 92683 w 171530"/>
                  <a:gd name="connsiteY22" fmla="*/ 171816 h 171816"/>
                  <a:gd name="connsiteX23" fmla="*/ 93233 w 171530"/>
                  <a:gd name="connsiteY23" fmla="*/ 171816 h 171816"/>
                  <a:gd name="connsiteX24" fmla="*/ 97384 w 171530"/>
                  <a:gd name="connsiteY24" fmla="*/ 169676 h 171816"/>
                  <a:gd name="connsiteX25" fmla="*/ 170087 w 171530"/>
                  <a:gd name="connsiteY25" fmla="*/ 82837 h 171816"/>
                  <a:gd name="connsiteX26" fmla="*/ 169355 w 171530"/>
                  <a:gd name="connsiteY26" fmla="*/ 74215 h 171816"/>
                  <a:gd name="connsiteX27" fmla="*/ 82672 w 171530"/>
                  <a:gd name="connsiteY27" fmla="*/ 1319 h 171816"/>
                  <a:gd name="connsiteX28" fmla="*/ 92012 w 171530"/>
                  <a:gd name="connsiteY28" fmla="*/ 157200 h 171816"/>
                  <a:gd name="connsiteX29" fmla="*/ 71501 w 171530"/>
                  <a:gd name="connsiteY29" fmla="*/ 139955 h 171816"/>
                  <a:gd name="connsiteX30" fmla="*/ 76690 w 171530"/>
                  <a:gd name="connsiteY30" fmla="*/ 135307 h 171816"/>
                  <a:gd name="connsiteX31" fmla="*/ 82367 w 171530"/>
                  <a:gd name="connsiteY31" fmla="*/ 117267 h 171816"/>
                  <a:gd name="connsiteX32" fmla="*/ 73638 w 171530"/>
                  <a:gd name="connsiteY32" fmla="*/ 100450 h 171816"/>
                  <a:gd name="connsiteX33" fmla="*/ 38842 w 171530"/>
                  <a:gd name="connsiteY33" fmla="*/ 103507 h 171816"/>
                  <a:gd name="connsiteX34" fmla="*/ 35180 w 171530"/>
                  <a:gd name="connsiteY34" fmla="*/ 109439 h 171816"/>
                  <a:gd name="connsiteX35" fmla="*/ 14669 w 171530"/>
                  <a:gd name="connsiteY35" fmla="*/ 92194 h 171816"/>
                  <a:gd name="connsiteX36" fmla="*/ 38537 w 171530"/>
                  <a:gd name="connsiteY36" fmla="*/ 63635 h 171816"/>
                  <a:gd name="connsiteX37" fmla="*/ 39270 w 171530"/>
                  <a:gd name="connsiteY37" fmla="*/ 56908 h 171816"/>
                  <a:gd name="connsiteX38" fmla="*/ 33410 w 171530"/>
                  <a:gd name="connsiteY38" fmla="*/ 53606 h 171816"/>
                  <a:gd name="connsiteX39" fmla="*/ 24436 w 171530"/>
                  <a:gd name="connsiteY39" fmla="*/ 50731 h 171816"/>
                  <a:gd name="connsiteX40" fmla="*/ 22910 w 171530"/>
                  <a:gd name="connsiteY40" fmla="*/ 33119 h 171816"/>
                  <a:gd name="connsiteX41" fmla="*/ 40491 w 171530"/>
                  <a:gd name="connsiteY41" fmla="*/ 31590 h 171816"/>
                  <a:gd name="connsiteX42" fmla="*/ 44886 w 171530"/>
                  <a:gd name="connsiteY42" fmla="*/ 39968 h 171816"/>
                  <a:gd name="connsiteX43" fmla="*/ 49159 w 171530"/>
                  <a:gd name="connsiteY43" fmla="*/ 45228 h 171816"/>
                  <a:gd name="connsiteX44" fmla="*/ 55630 w 171530"/>
                  <a:gd name="connsiteY44" fmla="*/ 43332 h 171816"/>
                  <a:gd name="connsiteX45" fmla="*/ 79498 w 171530"/>
                  <a:gd name="connsiteY45" fmla="*/ 14834 h 171816"/>
                  <a:gd name="connsiteX46" fmla="*/ 156841 w 171530"/>
                  <a:gd name="connsiteY46" fmla="*/ 79841 h 171816"/>
                  <a:gd name="connsiteX47" fmla="*/ 91951 w 171530"/>
                  <a:gd name="connsiteY47" fmla="*/ 157323 h 1718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71530" h="171816">
                    <a:moveTo>
                      <a:pt x="82733" y="1441"/>
                    </a:moveTo>
                    <a:cubicBezTo>
                      <a:pt x="81512" y="402"/>
                      <a:pt x="79864" y="-149"/>
                      <a:pt x="78277" y="35"/>
                    </a:cubicBezTo>
                    <a:cubicBezTo>
                      <a:pt x="76690" y="157"/>
                      <a:pt x="75164" y="952"/>
                      <a:pt x="74126" y="2175"/>
                    </a:cubicBezTo>
                    <a:lnTo>
                      <a:pt x="53005" y="27371"/>
                    </a:lnTo>
                    <a:cubicBezTo>
                      <a:pt x="51723" y="25475"/>
                      <a:pt x="50136" y="23701"/>
                      <a:pt x="48365" y="22173"/>
                    </a:cubicBezTo>
                    <a:cubicBezTo>
                      <a:pt x="37927" y="13428"/>
                      <a:pt x="22299" y="14773"/>
                      <a:pt x="13570" y="25230"/>
                    </a:cubicBezTo>
                    <a:cubicBezTo>
                      <a:pt x="4841" y="35688"/>
                      <a:pt x="6184" y="51343"/>
                      <a:pt x="16622" y="60088"/>
                    </a:cubicBezTo>
                    <a:cubicBezTo>
                      <a:pt x="18454" y="61617"/>
                      <a:pt x="20407" y="62840"/>
                      <a:pt x="22544" y="63757"/>
                    </a:cubicBezTo>
                    <a:lnTo>
                      <a:pt x="1422" y="88953"/>
                    </a:lnTo>
                    <a:cubicBezTo>
                      <a:pt x="385" y="90176"/>
                      <a:pt x="-104" y="91827"/>
                      <a:pt x="18" y="93417"/>
                    </a:cubicBezTo>
                    <a:cubicBezTo>
                      <a:pt x="140" y="95007"/>
                      <a:pt x="934" y="96536"/>
                      <a:pt x="2155" y="97575"/>
                    </a:cubicBezTo>
                    <a:lnTo>
                      <a:pt x="35302" y="125462"/>
                    </a:lnTo>
                    <a:cubicBezTo>
                      <a:pt x="37194" y="127051"/>
                      <a:pt x="39819" y="127357"/>
                      <a:pt x="42017" y="126195"/>
                    </a:cubicBezTo>
                    <a:cubicBezTo>
                      <a:pt x="44214" y="125095"/>
                      <a:pt x="45496" y="122771"/>
                      <a:pt x="45313" y="120263"/>
                    </a:cubicBezTo>
                    <a:cubicBezTo>
                      <a:pt x="45069" y="116961"/>
                      <a:pt x="46107" y="113781"/>
                      <a:pt x="48182" y="111274"/>
                    </a:cubicBezTo>
                    <a:cubicBezTo>
                      <a:pt x="52577" y="106015"/>
                      <a:pt x="60513" y="105281"/>
                      <a:pt x="65824" y="109745"/>
                    </a:cubicBezTo>
                    <a:cubicBezTo>
                      <a:pt x="68388" y="111885"/>
                      <a:pt x="69975" y="114943"/>
                      <a:pt x="70219" y="118245"/>
                    </a:cubicBezTo>
                    <a:cubicBezTo>
                      <a:pt x="70524" y="121548"/>
                      <a:pt x="69487" y="124850"/>
                      <a:pt x="67350" y="127357"/>
                    </a:cubicBezTo>
                    <a:cubicBezTo>
                      <a:pt x="65275" y="129865"/>
                      <a:pt x="62283" y="131455"/>
                      <a:pt x="58987" y="131760"/>
                    </a:cubicBezTo>
                    <a:cubicBezTo>
                      <a:pt x="56545" y="132005"/>
                      <a:pt x="54470" y="133717"/>
                      <a:pt x="53737" y="136041"/>
                    </a:cubicBezTo>
                    <a:cubicBezTo>
                      <a:pt x="53005" y="138365"/>
                      <a:pt x="53737" y="140933"/>
                      <a:pt x="55630" y="142523"/>
                    </a:cubicBezTo>
                    <a:lnTo>
                      <a:pt x="88777" y="170410"/>
                    </a:lnTo>
                    <a:cubicBezTo>
                      <a:pt x="89875" y="171327"/>
                      <a:pt x="91279" y="171816"/>
                      <a:pt x="92683" y="171816"/>
                    </a:cubicBezTo>
                    <a:cubicBezTo>
                      <a:pt x="92867" y="171816"/>
                      <a:pt x="93050" y="171816"/>
                      <a:pt x="93233" y="171816"/>
                    </a:cubicBezTo>
                    <a:cubicBezTo>
                      <a:pt x="94820" y="171694"/>
                      <a:pt x="96346" y="170899"/>
                      <a:pt x="97384" y="169676"/>
                    </a:cubicBezTo>
                    <a:lnTo>
                      <a:pt x="170087" y="82837"/>
                    </a:lnTo>
                    <a:cubicBezTo>
                      <a:pt x="172285" y="80269"/>
                      <a:pt x="171919" y="76416"/>
                      <a:pt x="169355" y="74215"/>
                    </a:cubicBezTo>
                    <a:lnTo>
                      <a:pt x="82672" y="1319"/>
                    </a:lnTo>
                    <a:close/>
                    <a:moveTo>
                      <a:pt x="92012" y="157200"/>
                    </a:moveTo>
                    <a:lnTo>
                      <a:pt x="71501" y="139955"/>
                    </a:lnTo>
                    <a:cubicBezTo>
                      <a:pt x="73393" y="138671"/>
                      <a:pt x="75164" y="137081"/>
                      <a:pt x="76690" y="135307"/>
                    </a:cubicBezTo>
                    <a:cubicBezTo>
                      <a:pt x="80963" y="130232"/>
                      <a:pt x="82977" y="123810"/>
                      <a:pt x="82367" y="117267"/>
                    </a:cubicBezTo>
                    <a:cubicBezTo>
                      <a:pt x="81817" y="110662"/>
                      <a:pt x="78704" y="104730"/>
                      <a:pt x="73638" y="100450"/>
                    </a:cubicBezTo>
                    <a:cubicBezTo>
                      <a:pt x="63199" y="91705"/>
                      <a:pt x="47572" y="93050"/>
                      <a:pt x="38842" y="103507"/>
                    </a:cubicBezTo>
                    <a:cubicBezTo>
                      <a:pt x="37316" y="105342"/>
                      <a:pt x="36095" y="107299"/>
                      <a:pt x="35180" y="109439"/>
                    </a:cubicBezTo>
                    <a:lnTo>
                      <a:pt x="14669" y="92194"/>
                    </a:lnTo>
                    <a:lnTo>
                      <a:pt x="38537" y="63635"/>
                    </a:lnTo>
                    <a:cubicBezTo>
                      <a:pt x="40124" y="61739"/>
                      <a:pt x="40430" y="59110"/>
                      <a:pt x="39270" y="56908"/>
                    </a:cubicBezTo>
                    <a:cubicBezTo>
                      <a:pt x="38171" y="54706"/>
                      <a:pt x="35912" y="53361"/>
                      <a:pt x="33410" y="53606"/>
                    </a:cubicBezTo>
                    <a:cubicBezTo>
                      <a:pt x="30113" y="53850"/>
                      <a:pt x="26939" y="52811"/>
                      <a:pt x="24436" y="50731"/>
                    </a:cubicBezTo>
                    <a:cubicBezTo>
                      <a:pt x="19186" y="46267"/>
                      <a:pt x="18454" y="38378"/>
                      <a:pt x="22910" y="33119"/>
                    </a:cubicBezTo>
                    <a:cubicBezTo>
                      <a:pt x="27366" y="27860"/>
                      <a:pt x="35241" y="27126"/>
                      <a:pt x="40491" y="31590"/>
                    </a:cubicBezTo>
                    <a:cubicBezTo>
                      <a:pt x="42993" y="33731"/>
                      <a:pt x="44581" y="36666"/>
                      <a:pt x="44886" y="39968"/>
                    </a:cubicBezTo>
                    <a:cubicBezTo>
                      <a:pt x="45130" y="42415"/>
                      <a:pt x="46839" y="44494"/>
                      <a:pt x="49159" y="45228"/>
                    </a:cubicBezTo>
                    <a:cubicBezTo>
                      <a:pt x="51540" y="45961"/>
                      <a:pt x="54042" y="45228"/>
                      <a:pt x="55630" y="43332"/>
                    </a:cubicBezTo>
                    <a:lnTo>
                      <a:pt x="79498" y="14834"/>
                    </a:lnTo>
                    <a:lnTo>
                      <a:pt x="156841" y="79841"/>
                    </a:lnTo>
                    <a:lnTo>
                      <a:pt x="91951" y="157323"/>
                    </a:lnTo>
                    <a:close/>
                  </a:path>
                </a:pathLst>
              </a:custGeom>
              <a:solidFill>
                <a:schemeClr val="accent2"/>
              </a:solidFill>
              <a:ln w="6096" cap="flat">
                <a:noFill/>
                <a:prstDash val="solid"/>
                <a:miter/>
              </a:ln>
            </p:spPr>
            <p:txBody>
              <a:bodyPr rtlCol="0" anchor="ctr"/>
              <a:lstStyle/>
              <a:p>
                <a:endParaRPr lang="en-AU"/>
              </a:p>
            </p:txBody>
          </p:sp>
        </p:grpSp>
      </p:grpSp>
      <p:sp>
        <p:nvSpPr>
          <p:cNvPr id="19" name="Slide Number Placeholder 18">
            <a:extLst>
              <a:ext uri="{FF2B5EF4-FFF2-40B4-BE49-F238E27FC236}">
                <a16:creationId xmlns:a16="http://schemas.microsoft.com/office/drawing/2014/main" id="{69C3E7D8-376A-A02F-CDA1-878C67436BFC}"/>
              </a:ext>
            </a:extLst>
          </p:cNvPr>
          <p:cNvSpPr>
            <a:spLocks noGrp="1"/>
          </p:cNvSpPr>
          <p:nvPr>
            <p:ph type="sldNum" sz="quarter" idx="4"/>
          </p:nvPr>
        </p:nvSpPr>
        <p:spPr/>
        <p:txBody>
          <a:bodyPr/>
          <a:lstStyle/>
          <a:p>
            <a:fld id="{3FE8A0A5-0893-3B4E-9EB9-FE67329D76D6}" type="slidenum">
              <a:rPr lang="en-US" smtClean="0"/>
              <a:pPr/>
              <a:t>29</a:t>
            </a:fld>
            <a:endParaRPr lang="en-US"/>
          </a:p>
        </p:txBody>
      </p:sp>
    </p:spTree>
    <p:custDataLst>
      <p:custData r:id="rId1"/>
      <p:custData r:id="rId2"/>
    </p:custDataLst>
    <p:extLst>
      <p:ext uri="{BB962C8B-B14F-4D97-AF65-F5344CB8AC3E}">
        <p14:creationId xmlns:p14="http://schemas.microsoft.com/office/powerpoint/2010/main" val="112281814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20">
            <a:extLst>
              <a:ext uri="{FF2B5EF4-FFF2-40B4-BE49-F238E27FC236}">
                <a16:creationId xmlns:a16="http://schemas.microsoft.com/office/drawing/2014/main" id="{CE4A7194-D136-A757-1793-457B92EC490B}"/>
              </a:ext>
            </a:extLst>
          </p:cNvPr>
          <p:cNvSpPr/>
          <p:nvPr/>
        </p:nvSpPr>
        <p:spPr>
          <a:xfrm>
            <a:off x="0" y="3565301"/>
            <a:ext cx="12192000" cy="2469740"/>
          </a:xfrm>
          <a:prstGeom prst="rect">
            <a:avLst/>
          </a:prstGeom>
          <a:solidFill>
            <a:schemeClr val="tx2">
              <a:lumMod val="60000"/>
              <a:lumOff val="4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AE155565-BFE5-260A-5F86-E991E621BFE8}"/>
              </a:ext>
            </a:extLst>
          </p:cNvPr>
          <p:cNvSpPr>
            <a:spLocks noGrp="1"/>
          </p:cNvSpPr>
          <p:nvPr>
            <p:ph type="ctrTitle"/>
          </p:nvPr>
        </p:nvSpPr>
        <p:spPr/>
        <p:txBody>
          <a:bodyPr>
            <a:normAutofit/>
          </a:bodyPr>
          <a:lstStyle/>
          <a:p>
            <a:r>
              <a:rPr lang="en-US"/>
              <a:t>The PC review</a:t>
            </a:r>
          </a:p>
        </p:txBody>
      </p:sp>
      <p:sp>
        <p:nvSpPr>
          <p:cNvPr id="4" name="Content Placeholder 3">
            <a:extLst>
              <a:ext uri="{FF2B5EF4-FFF2-40B4-BE49-F238E27FC236}">
                <a16:creationId xmlns:a16="http://schemas.microsoft.com/office/drawing/2014/main" id="{6E7968C2-2988-3DCA-1219-21E4F5777886}"/>
              </a:ext>
            </a:extLst>
          </p:cNvPr>
          <p:cNvSpPr>
            <a:spLocks noGrp="1"/>
          </p:cNvSpPr>
          <p:nvPr>
            <p:ph type="subTitle" idx="1"/>
          </p:nvPr>
        </p:nvSpPr>
        <p:spPr>
          <a:xfrm>
            <a:off x="557940" y="1231173"/>
            <a:ext cx="10932136" cy="1883821"/>
          </a:xfrm>
        </p:spPr>
        <p:txBody>
          <a:bodyPr vert="horz" lIns="121920" tIns="60960" rIns="121920" bIns="60960" rtlCol="0" anchor="t">
            <a:noAutofit/>
          </a:bodyPr>
          <a:lstStyle/>
          <a:p>
            <a:pPr marL="263993" indent="-263993">
              <a:lnSpc>
                <a:spcPts val="2693"/>
              </a:lnSpc>
              <a:spcAft>
                <a:spcPts val="500"/>
              </a:spcAft>
              <a:buFont typeface="Arial" panose="020B0604020202020204" pitchFamily="34" charset="0"/>
              <a:buChar char="•"/>
            </a:pPr>
            <a:r>
              <a:rPr lang="en-US" sz="2000" b="0" dirty="0">
                <a:solidFill>
                  <a:schemeClr val="tx1"/>
                </a:solidFill>
                <a:latin typeface="Open Sans" panose="020B0606030504020204" pitchFamily="34" charset="0"/>
                <a:ea typeface="Open Sans" panose="020B0606030504020204" pitchFamily="34" charset="0"/>
                <a:cs typeface="Open Sans" panose="020B0606030504020204" pitchFamily="34" charset="0"/>
              </a:rPr>
              <a:t>In January 2025, the Australian Government asked the PC to conduct the final review of the Agreement. </a:t>
            </a:r>
          </a:p>
          <a:p>
            <a:pPr marL="263993" indent="-263993">
              <a:lnSpc>
                <a:spcPts val="2693"/>
              </a:lnSpc>
              <a:spcAft>
                <a:spcPts val="500"/>
              </a:spcAft>
              <a:buFont typeface="Arial" panose="020B0604020202020204" pitchFamily="34" charset="0"/>
              <a:buChar char="•"/>
            </a:pPr>
            <a:r>
              <a:rPr lang="en-US" sz="2000" b="0" dirty="0">
                <a:solidFill>
                  <a:schemeClr val="tx1"/>
                </a:solidFill>
                <a:latin typeface="Open Sans" panose="020B0606030504020204" pitchFamily="34" charset="0"/>
                <a:ea typeface="Open Sans" panose="020B0606030504020204" pitchFamily="34" charset="0"/>
                <a:cs typeface="Open Sans" panose="020B0606030504020204" pitchFamily="34" charset="0"/>
              </a:rPr>
              <a:t>The PC report was published in October 2025.  </a:t>
            </a:r>
          </a:p>
          <a:p>
            <a:pPr marL="263993" indent="-263993">
              <a:lnSpc>
                <a:spcPts val="2693"/>
              </a:lnSpc>
              <a:spcAft>
                <a:spcPts val="500"/>
              </a:spcAft>
              <a:buFont typeface="Arial" panose="020B0604020202020204" pitchFamily="34" charset="0"/>
              <a:buChar char="•"/>
            </a:pPr>
            <a:r>
              <a:rPr lang="en-US" sz="2000" b="0" dirty="0">
                <a:solidFill>
                  <a:schemeClr val="tx1"/>
                </a:solidFill>
                <a:latin typeface="Open Sans" panose="020B0606030504020204" pitchFamily="34" charset="0"/>
                <a:ea typeface="Open Sans" panose="020B0606030504020204" pitchFamily="34" charset="0"/>
                <a:cs typeface="Open Sans" panose="020B0606030504020204" pitchFamily="34" charset="0"/>
              </a:rPr>
              <a:t>The terms of reference asked the PC to:</a:t>
            </a:r>
          </a:p>
        </p:txBody>
      </p:sp>
      <p:sp>
        <p:nvSpPr>
          <p:cNvPr id="3" name="Rectangle 2">
            <a:extLst>
              <a:ext uri="{FF2B5EF4-FFF2-40B4-BE49-F238E27FC236}">
                <a16:creationId xmlns:a16="http://schemas.microsoft.com/office/drawing/2014/main" id="{9B250074-D017-1D0B-0093-2123BDE926EA}"/>
              </a:ext>
            </a:extLst>
          </p:cNvPr>
          <p:cNvSpPr/>
          <p:nvPr/>
        </p:nvSpPr>
        <p:spPr>
          <a:xfrm>
            <a:off x="701924" y="3741750"/>
            <a:ext cx="3502800" cy="2103702"/>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92000" tIns="288000" rIns="192000" bIns="144000" rtlCol="0" anchor="t"/>
          <a:lstStyle/>
          <a:p>
            <a:pPr>
              <a:lnSpc>
                <a:spcPts val="2193"/>
              </a:lnSpc>
              <a:spcAft>
                <a:spcPts val="1067"/>
              </a:spcAft>
            </a:pP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Consider the </a:t>
            </a: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wellbeing and productivity impacts </a:t>
            </a: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of the mental health and suicide prevention programs and services delivered under the National Agreement</a:t>
            </a:r>
          </a:p>
        </p:txBody>
      </p:sp>
      <p:sp>
        <p:nvSpPr>
          <p:cNvPr id="5" name="Rectangle 4">
            <a:extLst>
              <a:ext uri="{FF2B5EF4-FFF2-40B4-BE49-F238E27FC236}">
                <a16:creationId xmlns:a16="http://schemas.microsoft.com/office/drawing/2014/main" id="{56264D15-E648-938F-73D6-149B30EEB1EF}"/>
              </a:ext>
            </a:extLst>
          </p:cNvPr>
          <p:cNvSpPr/>
          <p:nvPr/>
        </p:nvSpPr>
        <p:spPr>
          <a:xfrm>
            <a:off x="4414569" y="3741750"/>
            <a:ext cx="3502800" cy="2103702"/>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92000" tIns="288000" rIns="192000" bIns="144000" rtlCol="0" anchor="t"/>
          <a:lstStyle/>
          <a:p>
            <a:pPr>
              <a:lnSpc>
                <a:spcPts val="2193"/>
              </a:lnSpc>
              <a:spcAft>
                <a:spcPts val="1067"/>
              </a:spcAft>
            </a:pP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Assess the </a:t>
            </a: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effectiveness of the administration</a:t>
            </a: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 of the Agreement, </a:t>
            </a: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including reporting and governance</a:t>
            </a:r>
          </a:p>
        </p:txBody>
      </p:sp>
      <p:sp>
        <p:nvSpPr>
          <p:cNvPr id="6" name="Rectangle 5">
            <a:extLst>
              <a:ext uri="{FF2B5EF4-FFF2-40B4-BE49-F238E27FC236}">
                <a16:creationId xmlns:a16="http://schemas.microsoft.com/office/drawing/2014/main" id="{7B85F208-ED77-5231-936D-7A97A127038E}"/>
              </a:ext>
            </a:extLst>
          </p:cNvPr>
          <p:cNvSpPr/>
          <p:nvPr/>
        </p:nvSpPr>
        <p:spPr>
          <a:xfrm>
            <a:off x="8068170" y="3743753"/>
            <a:ext cx="3502800" cy="2103703"/>
          </a:xfrm>
          <a:prstGeom prst="rect">
            <a:avLst/>
          </a:prstGeom>
          <a:solidFill>
            <a:schemeClr val="accent4">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92000" tIns="288000" rIns="192000" bIns="144000" rtlCol="0" anchor="t"/>
          <a:lstStyle/>
          <a:p>
            <a:pPr>
              <a:lnSpc>
                <a:spcPts val="2193"/>
              </a:lnSpc>
              <a:spcAft>
                <a:spcPts val="1067"/>
              </a:spcAft>
            </a:pP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Ensure that </a:t>
            </a: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the voices </a:t>
            </a:r>
            <a:b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of Aboriginal and Torres Strait Islander people </a:t>
            </a:r>
            <a:r>
              <a:rPr lang="en-US" sz="1700">
                <a:solidFill>
                  <a:schemeClr val="tx1"/>
                </a:solidFill>
                <a:latin typeface="Open Sans" panose="020B0606030504020204" pitchFamily="34" charset="0"/>
                <a:ea typeface="Open Sans" panose="020B0606030504020204" pitchFamily="34" charset="0"/>
                <a:cs typeface="Open Sans" panose="020B0606030504020204" pitchFamily="34" charset="0"/>
              </a:rPr>
              <a:t>and those with </a:t>
            </a:r>
            <a:r>
              <a:rPr lang="en-US" sz="1700" b="1">
                <a:solidFill>
                  <a:schemeClr val="tx1"/>
                </a:solidFill>
                <a:latin typeface="Open Sans" panose="020B0606030504020204" pitchFamily="34" charset="0"/>
                <a:ea typeface="Open Sans" panose="020B0606030504020204" pitchFamily="34" charset="0"/>
                <a:cs typeface="Open Sans" panose="020B0606030504020204" pitchFamily="34" charset="0"/>
              </a:rPr>
              <a:t>lived and living experience of mental ill health and suicide are heard</a:t>
            </a:r>
          </a:p>
        </p:txBody>
      </p:sp>
      <p:grpSp>
        <p:nvGrpSpPr>
          <p:cNvPr id="17" name="Group 16">
            <a:extLst>
              <a:ext uri="{FF2B5EF4-FFF2-40B4-BE49-F238E27FC236}">
                <a16:creationId xmlns:a16="http://schemas.microsoft.com/office/drawing/2014/main" id="{AB9B7F31-9358-E39E-C42B-4A352BD71314}"/>
              </a:ext>
            </a:extLst>
          </p:cNvPr>
          <p:cNvGrpSpPr/>
          <p:nvPr/>
        </p:nvGrpSpPr>
        <p:grpSpPr>
          <a:xfrm>
            <a:off x="2080751" y="3322684"/>
            <a:ext cx="637960" cy="637960"/>
            <a:chOff x="2192433" y="3224604"/>
            <a:chExt cx="637960" cy="637960"/>
          </a:xfrm>
          <a:solidFill>
            <a:schemeClr val="bg2"/>
          </a:solidFill>
        </p:grpSpPr>
        <p:sp>
          <p:nvSpPr>
            <p:cNvPr id="8" name="Oval 7">
              <a:extLst>
                <a:ext uri="{FF2B5EF4-FFF2-40B4-BE49-F238E27FC236}">
                  <a16:creationId xmlns:a16="http://schemas.microsoft.com/office/drawing/2014/main" id="{091583FF-D122-E55C-78C2-55EA5B77F1C4}"/>
                </a:ext>
              </a:extLst>
            </p:cNvPr>
            <p:cNvSpPr/>
            <p:nvPr/>
          </p:nvSpPr>
          <p:spPr>
            <a:xfrm>
              <a:off x="2192433" y="3224604"/>
              <a:ext cx="637960" cy="637960"/>
            </a:xfrm>
            <a:prstGeom prst="ellipse">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9" name="TextBox 8">
              <a:extLst>
                <a:ext uri="{FF2B5EF4-FFF2-40B4-BE49-F238E27FC236}">
                  <a16:creationId xmlns:a16="http://schemas.microsoft.com/office/drawing/2014/main" id="{77B30A81-EEA1-7024-340D-02B6C4E18AFB}"/>
                </a:ext>
              </a:extLst>
            </p:cNvPr>
            <p:cNvSpPr txBox="1"/>
            <p:nvPr/>
          </p:nvSpPr>
          <p:spPr>
            <a:xfrm>
              <a:off x="2305636" y="3246441"/>
              <a:ext cx="475353" cy="584775"/>
            </a:xfrm>
            <a:prstGeom prst="rect">
              <a:avLst/>
            </a:prstGeom>
            <a:noFill/>
          </p:spPr>
          <p:txBody>
            <a:bodyPr wrap="square">
              <a:spAutoFit/>
            </a:bodyPr>
            <a:lstStyle/>
            <a:p>
              <a:r>
                <a:rPr lang="en-AU" sz="3200" b="1">
                  <a:solidFill>
                    <a:schemeClr val="bg1"/>
                  </a:solidFill>
                  <a:latin typeface="Arial" panose="020B0604020202020204" pitchFamily="34" charset="0"/>
                  <a:cs typeface="Arial" panose="020B0604020202020204" pitchFamily="34" charset="0"/>
                </a:rPr>
                <a:t>1</a:t>
              </a:r>
              <a:endParaRPr lang="en-US" sz="3200">
                <a:solidFill>
                  <a:schemeClr val="bg1"/>
                </a:solidFill>
              </a:endParaRPr>
            </a:p>
          </p:txBody>
        </p:sp>
      </p:grpSp>
      <p:grpSp>
        <p:nvGrpSpPr>
          <p:cNvPr id="18" name="Group 17">
            <a:extLst>
              <a:ext uri="{FF2B5EF4-FFF2-40B4-BE49-F238E27FC236}">
                <a16:creationId xmlns:a16="http://schemas.microsoft.com/office/drawing/2014/main" id="{48E8E81C-3AB4-A5B3-29A4-9319830F9BF0}"/>
              </a:ext>
            </a:extLst>
          </p:cNvPr>
          <p:cNvGrpSpPr/>
          <p:nvPr/>
        </p:nvGrpSpPr>
        <p:grpSpPr>
          <a:xfrm>
            <a:off x="9500590" y="3344521"/>
            <a:ext cx="637960" cy="637960"/>
            <a:chOff x="9316733" y="3258056"/>
            <a:chExt cx="637960" cy="637960"/>
          </a:xfrm>
        </p:grpSpPr>
        <p:sp>
          <p:nvSpPr>
            <p:cNvPr id="11" name="Oval 10">
              <a:extLst>
                <a:ext uri="{FF2B5EF4-FFF2-40B4-BE49-F238E27FC236}">
                  <a16:creationId xmlns:a16="http://schemas.microsoft.com/office/drawing/2014/main" id="{731BEBD5-DDD0-F06B-55F4-4E7B3B8E6653}"/>
                </a:ext>
              </a:extLst>
            </p:cNvPr>
            <p:cNvSpPr/>
            <p:nvPr/>
          </p:nvSpPr>
          <p:spPr>
            <a:xfrm>
              <a:off x="9316733" y="3258056"/>
              <a:ext cx="637960" cy="637960"/>
            </a:xfrm>
            <a:prstGeom prst="ellips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2" name="TextBox 11">
              <a:extLst>
                <a:ext uri="{FF2B5EF4-FFF2-40B4-BE49-F238E27FC236}">
                  <a16:creationId xmlns:a16="http://schemas.microsoft.com/office/drawing/2014/main" id="{3B27FE5A-43FB-6B55-E37E-9D8A2FFF6075}"/>
                </a:ext>
              </a:extLst>
            </p:cNvPr>
            <p:cNvSpPr txBox="1"/>
            <p:nvPr/>
          </p:nvSpPr>
          <p:spPr>
            <a:xfrm>
              <a:off x="9430696" y="3280147"/>
              <a:ext cx="475353" cy="584775"/>
            </a:xfrm>
            <a:prstGeom prst="rect">
              <a:avLst/>
            </a:prstGeom>
            <a:noFill/>
          </p:spPr>
          <p:txBody>
            <a:bodyPr wrap="square">
              <a:spAutoFit/>
            </a:bodyPr>
            <a:lstStyle/>
            <a:p>
              <a:r>
                <a:rPr lang="en-AU" sz="3200" b="1">
                  <a:solidFill>
                    <a:schemeClr val="bg1"/>
                  </a:solidFill>
                  <a:latin typeface="Arial" panose="020B0604020202020204" pitchFamily="34" charset="0"/>
                  <a:cs typeface="Arial" panose="020B0604020202020204" pitchFamily="34" charset="0"/>
                </a:rPr>
                <a:t>3</a:t>
              </a:r>
              <a:endParaRPr lang="en-US" sz="3200">
                <a:solidFill>
                  <a:schemeClr val="bg1"/>
                </a:solidFill>
              </a:endParaRPr>
            </a:p>
          </p:txBody>
        </p:sp>
      </p:grpSp>
      <p:grpSp>
        <p:nvGrpSpPr>
          <p:cNvPr id="22" name="Group 21">
            <a:extLst>
              <a:ext uri="{FF2B5EF4-FFF2-40B4-BE49-F238E27FC236}">
                <a16:creationId xmlns:a16="http://schemas.microsoft.com/office/drawing/2014/main" id="{B48DF4BA-CA39-0256-E3E4-0F10C411C7B2}"/>
              </a:ext>
            </a:extLst>
          </p:cNvPr>
          <p:cNvGrpSpPr/>
          <p:nvPr/>
        </p:nvGrpSpPr>
        <p:grpSpPr>
          <a:xfrm>
            <a:off x="5871520" y="3317928"/>
            <a:ext cx="637960" cy="637960"/>
            <a:chOff x="5871520" y="3317928"/>
            <a:chExt cx="637960" cy="637960"/>
          </a:xfrm>
        </p:grpSpPr>
        <p:sp>
          <p:nvSpPr>
            <p:cNvPr id="14" name="Oval 13">
              <a:extLst>
                <a:ext uri="{FF2B5EF4-FFF2-40B4-BE49-F238E27FC236}">
                  <a16:creationId xmlns:a16="http://schemas.microsoft.com/office/drawing/2014/main" id="{D5F3EBBF-4EA8-CCB9-CB8E-25DA5DBD2BB4}"/>
                </a:ext>
              </a:extLst>
            </p:cNvPr>
            <p:cNvSpPr/>
            <p:nvPr/>
          </p:nvSpPr>
          <p:spPr>
            <a:xfrm>
              <a:off x="5871520" y="3317928"/>
              <a:ext cx="637960" cy="637960"/>
            </a:xfrm>
            <a:prstGeom prst="ellipse">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5" name="TextBox 14">
              <a:extLst>
                <a:ext uri="{FF2B5EF4-FFF2-40B4-BE49-F238E27FC236}">
                  <a16:creationId xmlns:a16="http://schemas.microsoft.com/office/drawing/2014/main" id="{82E080A3-1225-668D-45A4-6FD15184BFF9}"/>
                </a:ext>
              </a:extLst>
            </p:cNvPr>
            <p:cNvSpPr txBox="1"/>
            <p:nvPr/>
          </p:nvSpPr>
          <p:spPr>
            <a:xfrm>
              <a:off x="5990336" y="3341034"/>
              <a:ext cx="475353" cy="584775"/>
            </a:xfrm>
            <a:prstGeom prst="rect">
              <a:avLst/>
            </a:prstGeom>
            <a:noFill/>
          </p:spPr>
          <p:txBody>
            <a:bodyPr wrap="square">
              <a:spAutoFit/>
            </a:bodyPr>
            <a:lstStyle/>
            <a:p>
              <a:r>
                <a:rPr lang="en-AU" sz="3200" b="1">
                  <a:solidFill>
                    <a:schemeClr val="bg1"/>
                  </a:solidFill>
                  <a:latin typeface="Arial" panose="020B0604020202020204" pitchFamily="34" charset="0"/>
                  <a:cs typeface="Arial" panose="020B0604020202020204" pitchFamily="34" charset="0"/>
                </a:rPr>
                <a:t>2</a:t>
              </a:r>
              <a:endParaRPr lang="en-US" sz="3200">
                <a:solidFill>
                  <a:schemeClr val="bg1"/>
                </a:solidFill>
              </a:endParaRPr>
            </a:p>
          </p:txBody>
        </p:sp>
      </p:grpSp>
      <p:sp>
        <p:nvSpPr>
          <p:cNvPr id="16" name="Slide Number Placeholder 15">
            <a:extLst>
              <a:ext uri="{FF2B5EF4-FFF2-40B4-BE49-F238E27FC236}">
                <a16:creationId xmlns:a16="http://schemas.microsoft.com/office/drawing/2014/main" id="{95072A9B-7643-6E31-C82E-4359EDA6943D}"/>
              </a:ext>
            </a:extLst>
          </p:cNvPr>
          <p:cNvSpPr>
            <a:spLocks noGrp="1"/>
          </p:cNvSpPr>
          <p:nvPr>
            <p:ph type="sldNum" sz="quarter" idx="4"/>
          </p:nvPr>
        </p:nvSpPr>
        <p:spPr/>
        <p:txBody>
          <a:bodyPr/>
          <a:lstStyle/>
          <a:p>
            <a:fld id="{3FE8A0A5-0893-3B4E-9EB9-FE67329D76D6}" type="slidenum">
              <a:rPr lang="en-US" smtClean="0"/>
              <a:pPr/>
              <a:t>3</a:t>
            </a:fld>
            <a:endParaRPr lang="en-US"/>
          </a:p>
        </p:txBody>
      </p:sp>
    </p:spTree>
    <p:extLst>
      <p:ext uri="{BB962C8B-B14F-4D97-AF65-F5344CB8AC3E}">
        <p14:creationId xmlns:p14="http://schemas.microsoft.com/office/powerpoint/2010/main" val="75446132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C8381AE-A419-00C8-5CF6-9DC2B081032A}"/>
            </a:ext>
          </a:extLst>
        </p:cNvPr>
        <p:cNvGrpSpPr/>
        <p:nvPr/>
      </p:nvGrpSpPr>
      <p:grpSpPr>
        <a:xfrm>
          <a:off x="0" y="0"/>
          <a:ext cx="0" cy="0"/>
          <a:chOff x="0" y="0"/>
          <a:chExt cx="0" cy="0"/>
        </a:xfrm>
      </p:grpSpPr>
      <p:pic>
        <p:nvPicPr>
          <p:cNvPr id="7" name="Picture 6">
            <a:extLst>
              <a:ext uri="{FF2B5EF4-FFF2-40B4-BE49-F238E27FC236}">
                <a16:creationId xmlns:a16="http://schemas.microsoft.com/office/drawing/2014/main" id="{2C868A81-322F-D423-AB69-8CBE80B958C8}"/>
              </a:ext>
            </a:extLst>
          </p:cNvPr>
          <p:cNvPicPr>
            <a:picLocks noChangeAspect="1"/>
          </p:cNvPicPr>
          <p:nvPr/>
        </p:nvPicPr>
        <p:blipFill>
          <a:blip r:embed="rId4"/>
          <a:srcRect/>
          <a:stretch/>
        </p:blipFill>
        <p:spPr>
          <a:xfrm>
            <a:off x="0" y="-140109"/>
            <a:ext cx="12690165" cy="7138218"/>
          </a:xfrm>
          <a:prstGeom prst="rect">
            <a:avLst/>
          </a:prstGeom>
        </p:spPr>
      </p:pic>
      <p:sp>
        <p:nvSpPr>
          <p:cNvPr id="8" name="Title 7">
            <a:extLst>
              <a:ext uri="{FF2B5EF4-FFF2-40B4-BE49-F238E27FC236}">
                <a16:creationId xmlns:a16="http://schemas.microsoft.com/office/drawing/2014/main" id="{2866572D-7870-775E-2464-402985D2B2D9}"/>
              </a:ext>
            </a:extLst>
          </p:cNvPr>
          <p:cNvSpPr>
            <a:spLocks noGrp="1"/>
          </p:cNvSpPr>
          <p:nvPr>
            <p:ph type="ctrTitle"/>
          </p:nvPr>
        </p:nvSpPr>
        <p:spPr>
          <a:xfrm>
            <a:off x="716834" y="2882804"/>
            <a:ext cx="6653032" cy="1574193"/>
          </a:xfrm>
        </p:spPr>
        <p:txBody>
          <a:bodyPr/>
          <a:lstStyle/>
          <a:p>
            <a:r>
              <a:rPr lang="en-US"/>
              <a:t>Where to next?</a:t>
            </a:r>
          </a:p>
        </p:txBody>
      </p:sp>
      <p:sp>
        <p:nvSpPr>
          <p:cNvPr id="6" name="Rectangle 5">
            <a:extLst>
              <a:ext uri="{FF2B5EF4-FFF2-40B4-BE49-F238E27FC236}">
                <a16:creationId xmlns:a16="http://schemas.microsoft.com/office/drawing/2014/main" id="{887D65C8-C38A-AF91-B884-E3C491AD161B}"/>
              </a:ext>
            </a:extLst>
          </p:cNvPr>
          <p:cNvSpPr/>
          <p:nvPr/>
        </p:nvSpPr>
        <p:spPr>
          <a:xfrm>
            <a:off x="484742" y="473725"/>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1" name="Rectangle 10">
            <a:extLst>
              <a:ext uri="{FF2B5EF4-FFF2-40B4-BE49-F238E27FC236}">
                <a16:creationId xmlns:a16="http://schemas.microsoft.com/office/drawing/2014/main" id="{E395369F-68AC-F5D3-93B1-11725306583C}"/>
              </a:ext>
            </a:extLst>
          </p:cNvPr>
          <p:cNvSpPr/>
          <p:nvPr/>
        </p:nvSpPr>
        <p:spPr>
          <a:xfrm>
            <a:off x="328670" y="5143041"/>
            <a:ext cx="4340646" cy="1377109"/>
          </a:xfrm>
          <a:prstGeom prst="rect">
            <a:avLst/>
          </a:prstGeom>
          <a:solidFill>
            <a:srgbClr val="E1EEF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Tree>
    <p:custDataLst>
      <p:custData r:id="rId1"/>
      <p:custData r:id="rId2"/>
    </p:custDataLst>
    <p:extLst>
      <p:ext uri="{BB962C8B-B14F-4D97-AF65-F5344CB8AC3E}">
        <p14:creationId xmlns:p14="http://schemas.microsoft.com/office/powerpoint/2010/main" val="168387535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D4B478-CACE-77B6-F41E-F3C9EAC8AC6D}"/>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7E6DE8E6-BE6A-247B-907E-8C265D298CF5}"/>
              </a:ext>
            </a:extLst>
          </p:cNvPr>
          <p:cNvSpPr>
            <a:spLocks noGrp="1"/>
          </p:cNvSpPr>
          <p:nvPr>
            <p:ph type="ctrTitle"/>
          </p:nvPr>
        </p:nvSpPr>
        <p:spPr>
          <a:xfrm>
            <a:off x="569994" y="507634"/>
            <a:ext cx="11082431" cy="515848"/>
          </a:xfrm>
        </p:spPr>
        <p:txBody>
          <a:bodyPr/>
          <a:lstStyle/>
          <a:p>
            <a:r>
              <a:rPr lang="en-US"/>
              <a:t>An extended timeframe</a:t>
            </a:r>
          </a:p>
        </p:txBody>
      </p:sp>
      <p:sp>
        <p:nvSpPr>
          <p:cNvPr id="12" name="Subtitle 3">
            <a:extLst>
              <a:ext uri="{FF2B5EF4-FFF2-40B4-BE49-F238E27FC236}">
                <a16:creationId xmlns:a16="http://schemas.microsoft.com/office/drawing/2014/main" id="{2F3C3E9B-62DA-53DC-B736-640D809656E5}"/>
              </a:ext>
            </a:extLst>
          </p:cNvPr>
          <p:cNvSpPr>
            <a:spLocks noGrp="1"/>
          </p:cNvSpPr>
          <p:nvPr>
            <p:ph type="subTitle" idx="1"/>
          </p:nvPr>
        </p:nvSpPr>
        <p:spPr>
          <a:xfrm>
            <a:off x="569995" y="955521"/>
            <a:ext cx="11082430" cy="401819"/>
          </a:xfrm>
        </p:spPr>
        <p:txBody>
          <a:bodyPr/>
          <a:lstStyle/>
          <a:p>
            <a:r>
              <a:rPr lang="en-US"/>
              <a:t>A roadmap for renegotiating the next agreement </a:t>
            </a:r>
          </a:p>
        </p:txBody>
      </p:sp>
      <p:sp>
        <p:nvSpPr>
          <p:cNvPr id="4" name="Slide Number Placeholder 3">
            <a:extLst>
              <a:ext uri="{FF2B5EF4-FFF2-40B4-BE49-F238E27FC236}">
                <a16:creationId xmlns:a16="http://schemas.microsoft.com/office/drawing/2014/main" id="{935B3A55-C2E8-599B-D2BE-C02E52CAC30D}"/>
              </a:ext>
            </a:extLst>
          </p:cNvPr>
          <p:cNvSpPr>
            <a:spLocks noGrp="1"/>
          </p:cNvSpPr>
          <p:nvPr>
            <p:ph type="sldNum" sz="quarter" idx="4"/>
          </p:nvPr>
        </p:nvSpPr>
        <p:spPr/>
        <p:txBody>
          <a:bodyPr/>
          <a:lstStyle/>
          <a:p>
            <a:fld id="{3FE8A0A5-0893-3B4E-9EB9-FE67329D76D6}" type="slidenum">
              <a:rPr lang="en-US" smtClean="0"/>
              <a:pPr/>
              <a:t>31</a:t>
            </a:fld>
            <a:endParaRPr lang="en-US"/>
          </a:p>
        </p:txBody>
      </p:sp>
      <p:grpSp>
        <p:nvGrpSpPr>
          <p:cNvPr id="6" name="Group 5">
            <a:extLst>
              <a:ext uri="{FF2B5EF4-FFF2-40B4-BE49-F238E27FC236}">
                <a16:creationId xmlns:a16="http://schemas.microsoft.com/office/drawing/2014/main" id="{BFF962AF-16AB-6353-73E5-9A88AEF49EA2}"/>
              </a:ext>
            </a:extLst>
          </p:cNvPr>
          <p:cNvGrpSpPr/>
          <p:nvPr/>
        </p:nvGrpSpPr>
        <p:grpSpPr>
          <a:xfrm>
            <a:off x="569994" y="1363025"/>
            <a:ext cx="11217194" cy="1432544"/>
            <a:chOff x="-6419" y="824488"/>
            <a:chExt cx="6126232" cy="1432544"/>
          </a:xfrm>
        </p:grpSpPr>
        <p:sp>
          <p:nvSpPr>
            <p:cNvPr id="90" name="Rectangle 89">
              <a:extLst>
                <a:ext uri="{FF2B5EF4-FFF2-40B4-BE49-F238E27FC236}">
                  <a16:creationId xmlns:a16="http://schemas.microsoft.com/office/drawing/2014/main" id="{C3DD5E57-290E-E7E4-8A6B-93F46B381E89}"/>
                </a:ext>
              </a:extLst>
            </p:cNvPr>
            <p:cNvSpPr/>
            <p:nvPr/>
          </p:nvSpPr>
          <p:spPr>
            <a:xfrm>
              <a:off x="-6419" y="824488"/>
              <a:ext cx="6126232" cy="1432544"/>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tlCol="0" anchor="t" anchorCtr="0"/>
            <a:lstStyle/>
            <a:p>
              <a:pPr algn="l" defTabSz="1036198"/>
              <a:endParaRPr lang="en-US" sz="1100" b="1">
                <a:solidFill>
                  <a:schemeClr val="bg2"/>
                </a:solidFill>
              </a:endParaRPr>
            </a:p>
          </p:txBody>
        </p:sp>
        <p:sp>
          <p:nvSpPr>
            <p:cNvPr id="91" name="Rectangle 90">
              <a:extLst>
                <a:ext uri="{FF2B5EF4-FFF2-40B4-BE49-F238E27FC236}">
                  <a16:creationId xmlns:a16="http://schemas.microsoft.com/office/drawing/2014/main" id="{93F6EF11-641F-C769-B8CF-3F6EF41940DD}"/>
                </a:ext>
              </a:extLst>
            </p:cNvPr>
            <p:cNvSpPr/>
            <p:nvPr/>
          </p:nvSpPr>
          <p:spPr>
            <a:xfrm>
              <a:off x="294284" y="1262374"/>
              <a:ext cx="3337831" cy="732316"/>
            </a:xfrm>
            <a:prstGeom prst="rect">
              <a:avLst/>
            </a:prstGeom>
          </p:spPr>
          <p:txBody>
            <a:bodyPr wrap="square" lIns="0" tIns="0" rIns="0" bIns="0" anchor="t" anchorCtr="0">
              <a:noAutofit/>
            </a:bodyPr>
            <a:lstStyle/>
            <a:p>
              <a:pPr>
                <a:lnSpc>
                  <a:spcPct val="150000"/>
                </a:lnSpc>
                <a:spcAft>
                  <a:spcPts val="400"/>
                </a:spcAft>
              </a:pPr>
              <a:r>
                <a:rPr lang="en-US" sz="1400" b="1">
                  <a:latin typeface="+mn-lt"/>
                  <a:ea typeface="Open Sans" panose="020B0606030504020204" pitchFamily="34" charset="0"/>
                  <a:cs typeface="Open Sans" panose="020B0606030504020204" pitchFamily="34" charset="0"/>
                </a:rPr>
                <a:t>Establishing a long-term vision </a:t>
              </a:r>
              <a:br>
                <a:rPr lang="en-US" sz="1400" b="1">
                  <a:latin typeface="+mn-lt"/>
                  <a:ea typeface="Open Sans" panose="020B0606030504020204" pitchFamily="34" charset="0"/>
                  <a:cs typeface="Open Sans" panose="020B0606030504020204" pitchFamily="34" charset="0"/>
                </a:rPr>
              </a:br>
              <a:r>
                <a:rPr lang="en-US" sz="1400" b="1">
                  <a:latin typeface="+mn-lt"/>
                  <a:ea typeface="Open Sans" panose="020B0606030504020204" pitchFamily="34" charset="0"/>
                  <a:cs typeface="Open Sans" panose="020B0606030504020204" pitchFamily="34" charset="0"/>
                </a:rPr>
                <a:t>through a Mental Hea</a:t>
              </a:r>
              <a:r>
                <a:rPr lang="en-US" sz="1400" b="1">
                  <a:ea typeface="Open Sans" panose="020B0606030504020204" pitchFamily="34" charset="0"/>
                  <a:cs typeface="Open Sans" panose="020B0606030504020204" pitchFamily="34" charset="0"/>
                </a:rPr>
                <a:t>lth Declaration</a:t>
              </a:r>
              <a:endParaRPr lang="en-US" sz="1050">
                <a:latin typeface="+mn-lt"/>
                <a:ea typeface="Open Sans" panose="020B0606030504020204" pitchFamily="34" charset="0"/>
                <a:cs typeface="Open Sans" panose="020B0606030504020204" pitchFamily="34" charset="0"/>
              </a:endParaRPr>
            </a:p>
          </p:txBody>
        </p:sp>
      </p:grpSp>
      <p:grpSp>
        <p:nvGrpSpPr>
          <p:cNvPr id="7" name="Group 6">
            <a:extLst>
              <a:ext uri="{FF2B5EF4-FFF2-40B4-BE49-F238E27FC236}">
                <a16:creationId xmlns:a16="http://schemas.microsoft.com/office/drawing/2014/main" id="{103DCD0A-2007-6E97-655F-B712408665B4}"/>
              </a:ext>
            </a:extLst>
          </p:cNvPr>
          <p:cNvGrpSpPr/>
          <p:nvPr/>
        </p:nvGrpSpPr>
        <p:grpSpPr>
          <a:xfrm>
            <a:off x="569994" y="2938484"/>
            <a:ext cx="11205443" cy="1799402"/>
            <a:chOff x="-6419" y="2399947"/>
            <a:chExt cx="6119814" cy="1799402"/>
          </a:xfrm>
        </p:grpSpPr>
        <p:sp>
          <p:nvSpPr>
            <p:cNvPr id="88" name="Rectangle 87">
              <a:extLst>
                <a:ext uri="{FF2B5EF4-FFF2-40B4-BE49-F238E27FC236}">
                  <a16:creationId xmlns:a16="http://schemas.microsoft.com/office/drawing/2014/main" id="{EF953261-2D31-DA5B-72D8-5F577C2E1786}"/>
                </a:ext>
              </a:extLst>
            </p:cNvPr>
            <p:cNvSpPr/>
            <p:nvPr/>
          </p:nvSpPr>
          <p:spPr>
            <a:xfrm>
              <a:off x="-6419" y="2399947"/>
              <a:ext cx="6119814" cy="1799402"/>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tlCol="0" anchor="t" anchorCtr="0"/>
            <a:lstStyle/>
            <a:p>
              <a:pPr algn="l" defTabSz="1036198"/>
              <a:endParaRPr lang="en-US" sz="1100" b="1">
                <a:solidFill>
                  <a:schemeClr val="bg2"/>
                </a:solidFill>
              </a:endParaRPr>
            </a:p>
          </p:txBody>
        </p:sp>
        <p:sp>
          <p:nvSpPr>
            <p:cNvPr id="89" name="Rectangle 88">
              <a:extLst>
                <a:ext uri="{FF2B5EF4-FFF2-40B4-BE49-F238E27FC236}">
                  <a16:creationId xmlns:a16="http://schemas.microsoft.com/office/drawing/2014/main" id="{6E680D68-7CA8-ACA8-7F70-2E9BBB0CD98A}"/>
                </a:ext>
              </a:extLst>
            </p:cNvPr>
            <p:cNvSpPr/>
            <p:nvPr/>
          </p:nvSpPr>
          <p:spPr>
            <a:xfrm>
              <a:off x="236571" y="2627847"/>
              <a:ext cx="3161391" cy="1265490"/>
            </a:xfrm>
            <a:prstGeom prst="rect">
              <a:avLst/>
            </a:prstGeom>
          </p:spPr>
          <p:txBody>
            <a:bodyPr wrap="square" lIns="0" tIns="0" rIns="0" bIns="0" anchor="t" anchorCtr="0">
              <a:noAutofit/>
            </a:bodyPr>
            <a:lstStyle/>
            <a:p>
              <a:pPr>
                <a:lnSpc>
                  <a:spcPts val="1220"/>
                </a:lnSpc>
                <a:spcAft>
                  <a:spcPts val="400"/>
                </a:spcAft>
              </a:pPr>
              <a:r>
                <a:rPr lang="en-US" sz="1400" b="1">
                  <a:latin typeface="+mn-lt"/>
                  <a:ea typeface="Open Sans" panose="020B0606030504020204" pitchFamily="34" charset="0"/>
                  <a:cs typeface="Open Sans" panose="020B0606030504020204" pitchFamily="34" charset="0"/>
                </a:rPr>
                <a:t>Negotiating the next agreement through co-design</a:t>
              </a:r>
            </a:p>
            <a:p>
              <a:pPr>
                <a:lnSpc>
                  <a:spcPts val="1220"/>
                </a:lnSpc>
                <a:spcAft>
                  <a:spcPts val="400"/>
                </a:spcAft>
              </a:pPr>
              <a:endParaRPr lang="en-US" sz="1050">
                <a:latin typeface="+mn-lt"/>
                <a:ea typeface="Open Sans" panose="020B0606030504020204" pitchFamily="34" charset="0"/>
                <a:cs typeface="Open Sans" panose="020B0606030504020204" pitchFamily="34" charset="0"/>
              </a:endParaRPr>
            </a:p>
            <a:p>
              <a:pPr>
                <a:lnSpc>
                  <a:spcPct val="150000"/>
                </a:lnSpc>
                <a:spcAft>
                  <a:spcPts val="400"/>
                </a:spcAft>
              </a:pPr>
              <a:r>
                <a:rPr lang="en-US" sz="1200">
                  <a:latin typeface="+mn-lt"/>
                  <a:ea typeface="Open Sans" panose="020B0606030504020204" pitchFamily="34" charset="0"/>
                  <a:cs typeface="Open Sans" panose="020B0606030504020204" pitchFamily="34" charset="0"/>
                </a:rPr>
                <a:t>The Department of the Prime Minister and Cabinet should convene negotiations with support from the Department of Health, Disability and Ageing and the National Mental Health Commission </a:t>
              </a:r>
            </a:p>
          </p:txBody>
        </p:sp>
      </p:grpSp>
      <p:grpSp>
        <p:nvGrpSpPr>
          <p:cNvPr id="8" name="Group 7">
            <a:extLst>
              <a:ext uri="{FF2B5EF4-FFF2-40B4-BE49-F238E27FC236}">
                <a16:creationId xmlns:a16="http://schemas.microsoft.com/office/drawing/2014/main" id="{8A49C0D3-71D7-6641-B6E9-EC7B4A4DB1F8}"/>
              </a:ext>
            </a:extLst>
          </p:cNvPr>
          <p:cNvGrpSpPr/>
          <p:nvPr/>
        </p:nvGrpSpPr>
        <p:grpSpPr>
          <a:xfrm>
            <a:off x="569994" y="4880800"/>
            <a:ext cx="11205443" cy="1656488"/>
            <a:chOff x="-6419" y="4342263"/>
            <a:chExt cx="6119814" cy="1656488"/>
          </a:xfrm>
        </p:grpSpPr>
        <p:sp>
          <p:nvSpPr>
            <p:cNvPr id="86" name="Rectangle 85">
              <a:extLst>
                <a:ext uri="{FF2B5EF4-FFF2-40B4-BE49-F238E27FC236}">
                  <a16:creationId xmlns:a16="http://schemas.microsoft.com/office/drawing/2014/main" id="{69FB4CFD-1A85-04DA-6915-480EB8F87736}"/>
                </a:ext>
              </a:extLst>
            </p:cNvPr>
            <p:cNvSpPr/>
            <p:nvPr/>
          </p:nvSpPr>
          <p:spPr>
            <a:xfrm>
              <a:off x="-6419" y="4342263"/>
              <a:ext cx="6119814" cy="1656488"/>
            </a:xfrm>
            <a:prstGeom prst="rect">
              <a:avLst/>
            </a:prstGeom>
            <a:solidFill>
              <a:srgbClr val="E8DDED">
                <a:alpha val="4096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tlCol="0" anchor="t" anchorCtr="0"/>
            <a:lstStyle/>
            <a:p>
              <a:pPr algn="l" defTabSz="1036198"/>
              <a:endParaRPr lang="en-US" sz="1100" b="1">
                <a:solidFill>
                  <a:schemeClr val="bg2"/>
                </a:solidFill>
              </a:endParaRPr>
            </a:p>
          </p:txBody>
        </p:sp>
        <p:sp>
          <p:nvSpPr>
            <p:cNvPr id="87" name="Rectangle 86">
              <a:extLst>
                <a:ext uri="{FF2B5EF4-FFF2-40B4-BE49-F238E27FC236}">
                  <a16:creationId xmlns:a16="http://schemas.microsoft.com/office/drawing/2014/main" id="{F08F528E-0F34-924A-29C2-87850F148F84}"/>
                </a:ext>
              </a:extLst>
            </p:cNvPr>
            <p:cNvSpPr/>
            <p:nvPr/>
          </p:nvSpPr>
          <p:spPr>
            <a:xfrm>
              <a:off x="236571" y="4612357"/>
              <a:ext cx="3161391" cy="754015"/>
            </a:xfrm>
            <a:prstGeom prst="rect">
              <a:avLst/>
            </a:prstGeom>
          </p:spPr>
          <p:txBody>
            <a:bodyPr wrap="square" lIns="0" tIns="0" rIns="0" bIns="0" anchor="t" anchorCtr="0">
              <a:noAutofit/>
            </a:bodyPr>
            <a:lstStyle/>
            <a:p>
              <a:pPr>
                <a:lnSpc>
                  <a:spcPts val="1220"/>
                </a:lnSpc>
                <a:spcAft>
                  <a:spcPts val="400"/>
                </a:spcAft>
              </a:pPr>
              <a:r>
                <a:rPr lang="en-US" sz="1400" b="1">
                  <a:latin typeface="+mn-lt"/>
                  <a:ea typeface="Open Sans" panose="020B0606030504020204" pitchFamily="34" charset="0"/>
                  <a:cs typeface="Open Sans" panose="020B0606030504020204" pitchFamily="34" charset="0"/>
                </a:rPr>
                <a:t>Measuring progress</a:t>
              </a:r>
            </a:p>
            <a:p>
              <a:pPr>
                <a:lnSpc>
                  <a:spcPct val="150000"/>
                </a:lnSpc>
                <a:spcAft>
                  <a:spcPts val="400"/>
                </a:spcAft>
              </a:pPr>
              <a:r>
                <a:rPr lang="en-US" sz="1200">
                  <a:ea typeface="Open Sans" panose="020B0606030504020204" pitchFamily="34" charset="0"/>
                  <a:cs typeface="Open Sans" panose="020B0606030504020204" pitchFamily="34" charset="0"/>
                </a:rPr>
                <a:t>The agreement should be overseen by National Cabinet</a:t>
              </a:r>
            </a:p>
            <a:p>
              <a:pPr>
                <a:lnSpc>
                  <a:spcPct val="150000"/>
                </a:lnSpc>
                <a:spcAft>
                  <a:spcPts val="400"/>
                </a:spcAft>
              </a:pPr>
              <a:r>
                <a:rPr lang="en-US" sz="1200">
                  <a:latin typeface="+mn-lt"/>
                  <a:ea typeface="Open Sans" panose="020B0606030504020204" pitchFamily="34" charset="0"/>
                  <a:cs typeface="Open Sans" panose="020B0606030504020204" pitchFamily="34" charset="0"/>
                </a:rPr>
                <a:t>An independent National Mental Health Commission should report on implementation of the agreement</a:t>
              </a:r>
            </a:p>
          </p:txBody>
        </p:sp>
      </p:grpSp>
      <p:grpSp>
        <p:nvGrpSpPr>
          <p:cNvPr id="14" name="Group 13">
            <a:extLst>
              <a:ext uri="{FF2B5EF4-FFF2-40B4-BE49-F238E27FC236}">
                <a16:creationId xmlns:a16="http://schemas.microsoft.com/office/drawing/2014/main" id="{6165390B-51C8-243D-758C-C7A909E2850F}"/>
              </a:ext>
            </a:extLst>
          </p:cNvPr>
          <p:cNvGrpSpPr/>
          <p:nvPr/>
        </p:nvGrpSpPr>
        <p:grpSpPr>
          <a:xfrm>
            <a:off x="7482661" y="4737886"/>
            <a:ext cx="4146614" cy="1568230"/>
            <a:chOff x="3737655" y="4243599"/>
            <a:chExt cx="2264658" cy="1568230"/>
          </a:xfrm>
        </p:grpSpPr>
        <p:sp>
          <p:nvSpPr>
            <p:cNvPr id="25" name="U-Turn Arrow 3">
              <a:extLst>
                <a:ext uri="{FF2B5EF4-FFF2-40B4-BE49-F238E27FC236}">
                  <a16:creationId xmlns:a16="http://schemas.microsoft.com/office/drawing/2014/main" id="{7C2E86FC-F373-CB85-5D24-FE586691D3D5}"/>
                </a:ext>
              </a:extLst>
            </p:cNvPr>
            <p:cNvSpPr/>
            <p:nvPr/>
          </p:nvSpPr>
          <p:spPr>
            <a:xfrm rot="16200000" flipH="1">
              <a:off x="3677333" y="4303921"/>
              <a:ext cx="1568230" cy="1447585"/>
            </a:xfrm>
            <a:prstGeom prst="uturnArrow">
              <a:avLst>
                <a:gd name="adj1" fmla="val 20076"/>
                <a:gd name="adj2" fmla="val 19764"/>
                <a:gd name="adj3" fmla="val 23347"/>
                <a:gd name="adj4" fmla="val 49304"/>
                <a:gd name="adj5" fmla="val 99251"/>
              </a:avLst>
            </a:prstGeom>
            <a:solidFill>
              <a:schemeClr val="accent2"/>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solidFill>
                  <a:schemeClr val="tx1"/>
                </a:solidFill>
              </a:endParaRPr>
            </a:p>
          </p:txBody>
        </p:sp>
        <p:sp>
          <p:nvSpPr>
            <p:cNvPr id="26" name="TextBox 24">
              <a:extLst>
                <a:ext uri="{FF2B5EF4-FFF2-40B4-BE49-F238E27FC236}">
                  <a16:creationId xmlns:a16="http://schemas.microsoft.com/office/drawing/2014/main" id="{889936E0-6065-924D-AC29-BCDB4B4AA247}"/>
                </a:ext>
              </a:extLst>
            </p:cNvPr>
            <p:cNvSpPr txBox="1"/>
            <p:nvPr/>
          </p:nvSpPr>
          <p:spPr>
            <a:xfrm>
              <a:off x="4599910" y="5428868"/>
              <a:ext cx="1081192" cy="294200"/>
            </a:xfrm>
            <a:prstGeom prst="rect">
              <a:avLst/>
            </a:prstGeom>
            <a:noFill/>
          </p:spPr>
          <p:txBody>
            <a:bodyPr wrap="square" lIns="0" tIns="0" rIns="0" bIns="0" rtlCol="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nSpc>
                  <a:spcPct val="150000"/>
                </a:lnSpc>
              </a:pPr>
              <a:r>
                <a:rPr lang="en-US" sz="900" b="1">
                  <a:solidFill>
                    <a:schemeClr val="bg1"/>
                  </a:solidFill>
                </a:rPr>
                <a:t>2027</a:t>
              </a:r>
            </a:p>
          </p:txBody>
        </p:sp>
        <p:sp>
          <p:nvSpPr>
            <p:cNvPr id="27" name="TextBox 24">
              <a:extLst>
                <a:ext uri="{FF2B5EF4-FFF2-40B4-BE49-F238E27FC236}">
                  <a16:creationId xmlns:a16="http://schemas.microsoft.com/office/drawing/2014/main" id="{D53401BA-5052-D5B2-77DA-294D32C6F8CA}"/>
                </a:ext>
              </a:extLst>
            </p:cNvPr>
            <p:cNvSpPr txBox="1"/>
            <p:nvPr/>
          </p:nvSpPr>
          <p:spPr>
            <a:xfrm>
              <a:off x="5063830" y="5279185"/>
              <a:ext cx="938483" cy="308001"/>
            </a:xfrm>
            <a:prstGeom prst="rect">
              <a:avLst/>
            </a:prstGeom>
            <a:noFill/>
          </p:spPr>
          <p:txBody>
            <a:bodyPr wrap="square" lIns="0" tIns="0" rIns="0" bIns="0" rtlCol="0" anchor="ctr" anchorCtr="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gn="ctr"/>
              <a:r>
                <a:rPr lang="en-US" sz="1200" b="1"/>
                <a:t>New agreement signed</a:t>
              </a:r>
            </a:p>
          </p:txBody>
        </p:sp>
      </p:grpSp>
      <p:grpSp>
        <p:nvGrpSpPr>
          <p:cNvPr id="16" name="Group 15">
            <a:extLst>
              <a:ext uri="{FF2B5EF4-FFF2-40B4-BE49-F238E27FC236}">
                <a16:creationId xmlns:a16="http://schemas.microsoft.com/office/drawing/2014/main" id="{D31B0AC7-F5A5-165C-8F91-E2398B668504}"/>
              </a:ext>
            </a:extLst>
          </p:cNvPr>
          <p:cNvGrpSpPr/>
          <p:nvPr/>
        </p:nvGrpSpPr>
        <p:grpSpPr>
          <a:xfrm>
            <a:off x="7491341" y="2467372"/>
            <a:ext cx="3996716" cy="2586981"/>
            <a:chOff x="3731963" y="1964771"/>
            <a:chExt cx="2182793" cy="2517575"/>
          </a:xfrm>
        </p:grpSpPr>
        <p:sp>
          <p:nvSpPr>
            <p:cNvPr id="17" name="U-Turn Arrow 21">
              <a:extLst>
                <a:ext uri="{FF2B5EF4-FFF2-40B4-BE49-F238E27FC236}">
                  <a16:creationId xmlns:a16="http://schemas.microsoft.com/office/drawing/2014/main" id="{A4763AA4-40AE-3B93-5E53-7C1610B3A4BA}"/>
                </a:ext>
              </a:extLst>
            </p:cNvPr>
            <p:cNvSpPr/>
            <p:nvPr/>
          </p:nvSpPr>
          <p:spPr>
            <a:xfrm rot="5400000" flipH="1">
              <a:off x="4362565" y="2974440"/>
              <a:ext cx="1568227" cy="1447585"/>
            </a:xfrm>
            <a:prstGeom prst="uturnArrow">
              <a:avLst>
                <a:gd name="adj1" fmla="val 20076"/>
                <a:gd name="adj2" fmla="val 19764"/>
                <a:gd name="adj3" fmla="val 0"/>
                <a:gd name="adj4" fmla="val 49304"/>
                <a:gd name="adj5" fmla="val 99251"/>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solidFill>
                  <a:schemeClr val="tx1"/>
                </a:solidFill>
              </a:endParaRPr>
            </a:p>
          </p:txBody>
        </p:sp>
        <p:sp>
          <p:nvSpPr>
            <p:cNvPr id="18" name="U-Turn Arrow 9">
              <a:extLst>
                <a:ext uri="{FF2B5EF4-FFF2-40B4-BE49-F238E27FC236}">
                  <a16:creationId xmlns:a16="http://schemas.microsoft.com/office/drawing/2014/main" id="{C7B8F827-DC97-5AE5-303B-F0E59427F47A}"/>
                </a:ext>
              </a:extLst>
            </p:cNvPr>
            <p:cNvSpPr/>
            <p:nvPr/>
          </p:nvSpPr>
          <p:spPr>
            <a:xfrm rot="16200000" flipH="1">
              <a:off x="3671641" y="2025093"/>
              <a:ext cx="1568229" cy="1447585"/>
            </a:xfrm>
            <a:prstGeom prst="uturnArrow">
              <a:avLst>
                <a:gd name="adj1" fmla="val 20076"/>
                <a:gd name="adj2" fmla="val 19764"/>
                <a:gd name="adj3" fmla="val 0"/>
                <a:gd name="adj4" fmla="val 49304"/>
                <a:gd name="adj5" fmla="val 99251"/>
              </a:avLst>
            </a:prstGeom>
            <a:solidFill>
              <a:schemeClr val="tx2">
                <a:lumMod val="60000"/>
                <a:lumOff val="4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solidFill>
                  <a:schemeClr val="tx1"/>
                </a:solidFill>
              </a:endParaRPr>
            </a:p>
          </p:txBody>
        </p:sp>
        <p:sp>
          <p:nvSpPr>
            <p:cNvPr id="19" name="TextBox 24">
              <a:extLst>
                <a:ext uri="{FF2B5EF4-FFF2-40B4-BE49-F238E27FC236}">
                  <a16:creationId xmlns:a16="http://schemas.microsoft.com/office/drawing/2014/main" id="{5DB96AA1-E580-6F72-B429-014CFF3FB380}"/>
                </a:ext>
              </a:extLst>
            </p:cNvPr>
            <p:cNvSpPr txBox="1"/>
            <p:nvPr/>
          </p:nvSpPr>
          <p:spPr>
            <a:xfrm>
              <a:off x="4537435" y="2534941"/>
              <a:ext cx="1377321" cy="323133"/>
            </a:xfrm>
            <a:prstGeom prst="rect">
              <a:avLst/>
            </a:prstGeom>
            <a:noFill/>
          </p:spPr>
          <p:txBody>
            <a:bodyPr wrap="square" lIns="0" tIns="0" rIns="0" bIns="0" rtlCol="0" anchor="ctr" anchorCtr="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gn="r"/>
              <a:r>
                <a:rPr lang="en-US" sz="1200" b="1"/>
                <a:t>1-year Agreement extension</a:t>
              </a:r>
            </a:p>
          </p:txBody>
        </p:sp>
      </p:grpSp>
      <p:grpSp>
        <p:nvGrpSpPr>
          <p:cNvPr id="15" name="Group 14">
            <a:extLst>
              <a:ext uri="{FF2B5EF4-FFF2-40B4-BE49-F238E27FC236}">
                <a16:creationId xmlns:a16="http://schemas.microsoft.com/office/drawing/2014/main" id="{217312EE-6732-F7C3-3680-92FF26456E38}"/>
              </a:ext>
            </a:extLst>
          </p:cNvPr>
          <p:cNvGrpSpPr/>
          <p:nvPr/>
        </p:nvGrpSpPr>
        <p:grpSpPr>
          <a:xfrm>
            <a:off x="6906124" y="1366175"/>
            <a:ext cx="4416649" cy="1568229"/>
            <a:chOff x="3454037" y="827638"/>
            <a:chExt cx="2412138" cy="1568229"/>
          </a:xfrm>
        </p:grpSpPr>
        <p:grpSp>
          <p:nvGrpSpPr>
            <p:cNvPr id="20" name="Group 19">
              <a:extLst>
                <a:ext uri="{FF2B5EF4-FFF2-40B4-BE49-F238E27FC236}">
                  <a16:creationId xmlns:a16="http://schemas.microsoft.com/office/drawing/2014/main" id="{7D992F4F-7992-9B2F-3349-18912BAC558F}"/>
                </a:ext>
              </a:extLst>
            </p:cNvPr>
            <p:cNvGrpSpPr/>
            <p:nvPr/>
          </p:nvGrpSpPr>
          <p:grpSpPr>
            <a:xfrm>
              <a:off x="3454037" y="827638"/>
              <a:ext cx="2412138" cy="1568229"/>
              <a:chOff x="3454037" y="827638"/>
              <a:chExt cx="2412138" cy="1568229"/>
            </a:xfrm>
          </p:grpSpPr>
          <p:sp>
            <p:nvSpPr>
              <p:cNvPr id="22" name="U-Turn Arrow 11">
                <a:extLst>
                  <a:ext uri="{FF2B5EF4-FFF2-40B4-BE49-F238E27FC236}">
                    <a16:creationId xmlns:a16="http://schemas.microsoft.com/office/drawing/2014/main" id="{40D49C4E-E806-FB15-5A89-56AA6E711509}"/>
                  </a:ext>
                </a:extLst>
              </p:cNvPr>
              <p:cNvSpPr/>
              <p:nvPr/>
            </p:nvSpPr>
            <p:spPr>
              <a:xfrm rot="5400000">
                <a:off x="4358268" y="887960"/>
                <a:ext cx="1568229" cy="1447585"/>
              </a:xfrm>
              <a:prstGeom prst="uturnArrow">
                <a:avLst>
                  <a:gd name="adj1" fmla="val 20076"/>
                  <a:gd name="adj2" fmla="val 19764"/>
                  <a:gd name="adj3" fmla="val 0"/>
                  <a:gd name="adj4" fmla="val 49304"/>
                  <a:gd name="adj5" fmla="val 99251"/>
                </a:avLst>
              </a:prstGeom>
              <a:solidFill>
                <a:schemeClr val="bg2"/>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solidFill>
                    <a:schemeClr val="tx1"/>
                  </a:solidFill>
                </a:endParaRPr>
              </a:p>
            </p:txBody>
          </p:sp>
          <p:sp>
            <p:nvSpPr>
              <p:cNvPr id="23" name="TextBox 24">
                <a:extLst>
                  <a:ext uri="{FF2B5EF4-FFF2-40B4-BE49-F238E27FC236}">
                    <a16:creationId xmlns:a16="http://schemas.microsoft.com/office/drawing/2014/main" id="{8632D403-8F93-C9A6-47B8-A3F8C96BC104}"/>
                  </a:ext>
                </a:extLst>
              </p:cNvPr>
              <p:cNvSpPr txBox="1"/>
              <p:nvPr/>
            </p:nvSpPr>
            <p:spPr>
              <a:xfrm>
                <a:off x="4506360" y="874178"/>
                <a:ext cx="1081192" cy="294200"/>
              </a:xfrm>
              <a:prstGeom prst="rect">
                <a:avLst/>
              </a:prstGeom>
              <a:noFill/>
            </p:spPr>
            <p:txBody>
              <a:bodyPr wrap="square" lIns="0" tIns="0" rIns="0" bIns="0" rtlCol="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nSpc>
                    <a:spcPct val="150000"/>
                  </a:lnSpc>
                </a:pPr>
                <a:r>
                  <a:rPr lang="en-US" sz="900" b="1">
                    <a:solidFill>
                      <a:schemeClr val="bg1"/>
                    </a:solidFill>
                  </a:rPr>
                  <a:t>2025</a:t>
                </a:r>
              </a:p>
            </p:txBody>
          </p:sp>
          <p:sp>
            <p:nvSpPr>
              <p:cNvPr id="24" name="TextBox 24">
                <a:extLst>
                  <a:ext uri="{FF2B5EF4-FFF2-40B4-BE49-F238E27FC236}">
                    <a16:creationId xmlns:a16="http://schemas.microsoft.com/office/drawing/2014/main" id="{9303F008-70EB-812B-6503-B4D77FCA00EF}"/>
                  </a:ext>
                </a:extLst>
              </p:cNvPr>
              <p:cNvSpPr txBox="1"/>
              <p:nvPr/>
            </p:nvSpPr>
            <p:spPr>
              <a:xfrm>
                <a:off x="3454037" y="847507"/>
                <a:ext cx="920518" cy="308001"/>
              </a:xfrm>
              <a:prstGeom prst="rect">
                <a:avLst/>
              </a:prstGeom>
              <a:noFill/>
            </p:spPr>
            <p:txBody>
              <a:bodyPr wrap="square" lIns="0" tIns="0" rIns="0" bIns="0" rtlCol="0" anchor="ctr" anchorCtr="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gn="r"/>
                <a:r>
                  <a:rPr lang="en-US" sz="1050" b="1"/>
                  <a:t>PC report finalised</a:t>
                </a:r>
              </a:p>
            </p:txBody>
          </p:sp>
        </p:grpSp>
        <p:sp>
          <p:nvSpPr>
            <p:cNvPr id="21" name="TextBox 24">
              <a:extLst>
                <a:ext uri="{FF2B5EF4-FFF2-40B4-BE49-F238E27FC236}">
                  <a16:creationId xmlns:a16="http://schemas.microsoft.com/office/drawing/2014/main" id="{27AFE225-6FCE-C908-7100-92F0350A20A2}"/>
                </a:ext>
              </a:extLst>
            </p:cNvPr>
            <p:cNvSpPr txBox="1"/>
            <p:nvPr/>
          </p:nvSpPr>
          <p:spPr>
            <a:xfrm>
              <a:off x="4211358" y="1980962"/>
              <a:ext cx="1081192" cy="294200"/>
            </a:xfrm>
            <a:prstGeom prst="rect">
              <a:avLst/>
            </a:prstGeom>
            <a:noFill/>
          </p:spPr>
          <p:txBody>
            <a:bodyPr wrap="square" lIns="0" tIns="0" rIns="0" bIns="0" rtlCol="0">
              <a:noAutofit/>
            </a:bodyPr>
            <a:ls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a:lstStyle>
            <a:p>
              <a:pPr>
                <a:lnSpc>
                  <a:spcPct val="150000"/>
                </a:lnSpc>
              </a:pPr>
              <a:r>
                <a:rPr lang="en-US" sz="900" b="1">
                  <a:solidFill>
                    <a:schemeClr val="bg1"/>
                  </a:solidFill>
                </a:rPr>
                <a:t>2026</a:t>
              </a:r>
            </a:p>
          </p:txBody>
        </p:sp>
      </p:grpSp>
      <p:grpSp>
        <p:nvGrpSpPr>
          <p:cNvPr id="93" name="Group 92">
            <a:extLst>
              <a:ext uri="{FF2B5EF4-FFF2-40B4-BE49-F238E27FC236}">
                <a16:creationId xmlns:a16="http://schemas.microsoft.com/office/drawing/2014/main" id="{2F8CED71-20BC-6E76-2E17-0440C4EC98E5}"/>
              </a:ext>
            </a:extLst>
          </p:cNvPr>
          <p:cNvGrpSpPr/>
          <p:nvPr/>
        </p:nvGrpSpPr>
        <p:grpSpPr>
          <a:xfrm>
            <a:off x="10219628" y="1735180"/>
            <a:ext cx="649245" cy="649247"/>
            <a:chOff x="4828431" y="1222752"/>
            <a:chExt cx="649245" cy="649247"/>
          </a:xfrm>
        </p:grpSpPr>
        <p:sp>
          <p:nvSpPr>
            <p:cNvPr id="94" name="Freeform 23">
              <a:extLst>
                <a:ext uri="{FF2B5EF4-FFF2-40B4-BE49-F238E27FC236}">
                  <a16:creationId xmlns:a16="http://schemas.microsoft.com/office/drawing/2014/main" id="{76818493-7971-0403-3F00-10F78D88CFD2}"/>
                </a:ext>
              </a:extLst>
            </p:cNvPr>
            <p:cNvSpPr/>
            <p:nvPr/>
          </p:nvSpPr>
          <p:spPr>
            <a:xfrm rot="5400000">
              <a:off x="4828430" y="1222753"/>
              <a:ext cx="649247" cy="649245"/>
            </a:xfrm>
            <a:custGeom>
              <a:avLst/>
              <a:gdLst>
                <a:gd name="connsiteX0" fmla="*/ 0 w 905504"/>
                <a:gd name="connsiteY0" fmla="*/ 452752 h 905504"/>
                <a:gd name="connsiteX1" fmla="*/ 132608 w 905504"/>
                <a:gd name="connsiteY1" fmla="*/ 132608 h 905504"/>
                <a:gd name="connsiteX2" fmla="*/ 452752 w 905504"/>
                <a:gd name="connsiteY2" fmla="*/ 0 h 905504"/>
                <a:gd name="connsiteX3" fmla="*/ 772896 w 905504"/>
                <a:gd name="connsiteY3" fmla="*/ 132608 h 905504"/>
                <a:gd name="connsiteX4" fmla="*/ 905504 w 905504"/>
                <a:gd name="connsiteY4" fmla="*/ 452752 h 905504"/>
                <a:gd name="connsiteX5" fmla="*/ 772896 w 905504"/>
                <a:gd name="connsiteY5" fmla="*/ 772896 h 905504"/>
                <a:gd name="connsiteX6" fmla="*/ 452752 w 905504"/>
                <a:gd name="connsiteY6" fmla="*/ 905504 h 905504"/>
                <a:gd name="connsiteX7" fmla="*/ 132608 w 905504"/>
                <a:gd name="connsiteY7" fmla="*/ 772896 h 905504"/>
                <a:gd name="connsiteX8" fmla="*/ 0 w 905504"/>
                <a:gd name="connsiteY8" fmla="*/ 452752 h 905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5504" h="905504">
                  <a:moveTo>
                    <a:pt x="0" y="452752"/>
                  </a:moveTo>
                  <a:cubicBezTo>
                    <a:pt x="0" y="332675"/>
                    <a:pt x="47701" y="217515"/>
                    <a:pt x="132608" y="132608"/>
                  </a:cubicBezTo>
                  <a:cubicBezTo>
                    <a:pt x="217516" y="47701"/>
                    <a:pt x="332675" y="0"/>
                    <a:pt x="452752" y="0"/>
                  </a:cubicBezTo>
                  <a:cubicBezTo>
                    <a:pt x="572829" y="0"/>
                    <a:pt x="687989" y="47701"/>
                    <a:pt x="772896" y="132608"/>
                  </a:cubicBezTo>
                  <a:cubicBezTo>
                    <a:pt x="857803" y="217516"/>
                    <a:pt x="905504" y="332675"/>
                    <a:pt x="905504" y="452752"/>
                  </a:cubicBezTo>
                  <a:cubicBezTo>
                    <a:pt x="905504" y="572829"/>
                    <a:pt x="857803" y="687989"/>
                    <a:pt x="772896" y="772896"/>
                  </a:cubicBezTo>
                  <a:cubicBezTo>
                    <a:pt x="687988" y="857803"/>
                    <a:pt x="572829" y="905504"/>
                    <a:pt x="452752" y="905504"/>
                  </a:cubicBezTo>
                  <a:cubicBezTo>
                    <a:pt x="332675" y="905504"/>
                    <a:pt x="217515" y="857803"/>
                    <a:pt x="132608" y="772896"/>
                  </a:cubicBezTo>
                  <a:cubicBezTo>
                    <a:pt x="47701" y="687988"/>
                    <a:pt x="0" y="572829"/>
                    <a:pt x="0" y="452752"/>
                  </a:cubicBezTo>
                  <a:close/>
                </a:path>
              </a:pathLst>
            </a:custGeom>
            <a:solidFill>
              <a:schemeClr val="bg2">
                <a:lumMod val="40000"/>
                <a:lumOff val="60000"/>
              </a:schemeClr>
            </a:solidFill>
            <a:ln w="19050">
              <a:noFill/>
              <a:prstDash val="sysDot"/>
            </a:ln>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1797" tIns="91797" rIns="79313" bIns="79313" numCol="1" spcCol="1270" anchor="ctr" anchorCtr="0">
              <a:noAutofit/>
            </a:bodyPr>
            <a:lstStyle/>
            <a:p>
              <a:pPr algn="ctr" defTabSz="446291">
                <a:lnSpc>
                  <a:spcPct val="90000"/>
                </a:lnSpc>
                <a:spcAft>
                  <a:spcPct val="35000"/>
                </a:spcAft>
              </a:pPr>
              <a:endParaRPr lang="en-US" sz="900">
                <a:solidFill>
                  <a:schemeClr val="tx1"/>
                </a:solidFill>
              </a:endParaRPr>
            </a:p>
          </p:txBody>
        </p:sp>
        <p:grpSp>
          <p:nvGrpSpPr>
            <p:cNvPr id="95" name="Group 94">
              <a:extLst>
                <a:ext uri="{FF2B5EF4-FFF2-40B4-BE49-F238E27FC236}">
                  <a16:creationId xmlns:a16="http://schemas.microsoft.com/office/drawing/2014/main" id="{C22222F1-BA55-F460-1A38-3C795C43EEB8}"/>
                </a:ext>
              </a:extLst>
            </p:cNvPr>
            <p:cNvGrpSpPr/>
            <p:nvPr/>
          </p:nvGrpSpPr>
          <p:grpSpPr>
            <a:xfrm>
              <a:off x="4992542" y="1331137"/>
              <a:ext cx="327291" cy="443600"/>
              <a:chOff x="3205638" y="1423542"/>
              <a:chExt cx="364331" cy="468630"/>
            </a:xfrm>
          </p:grpSpPr>
          <p:sp>
            <p:nvSpPr>
              <p:cNvPr id="96" name="Freeform: Shape 95">
                <a:extLst>
                  <a:ext uri="{FF2B5EF4-FFF2-40B4-BE49-F238E27FC236}">
                    <a16:creationId xmlns:a16="http://schemas.microsoft.com/office/drawing/2014/main" id="{6B92EE2A-22CB-9F0E-C42D-ABA32D8FD5AE}"/>
                  </a:ext>
                </a:extLst>
              </p:cNvPr>
              <p:cNvSpPr/>
              <p:nvPr/>
            </p:nvSpPr>
            <p:spPr>
              <a:xfrm>
                <a:off x="3212687" y="1453070"/>
                <a:ext cx="311181" cy="425005"/>
              </a:xfrm>
              <a:custGeom>
                <a:avLst/>
                <a:gdLst>
                  <a:gd name="connsiteX0" fmla="*/ 0 w 311181"/>
                  <a:gd name="connsiteY0" fmla="*/ 0 h 425005"/>
                  <a:gd name="connsiteX1" fmla="*/ 311182 w 311181"/>
                  <a:gd name="connsiteY1" fmla="*/ 0 h 425005"/>
                  <a:gd name="connsiteX2" fmla="*/ 311182 w 311181"/>
                  <a:gd name="connsiteY2" fmla="*/ 425006 h 425005"/>
                  <a:gd name="connsiteX3" fmla="*/ 0 w 311181"/>
                  <a:gd name="connsiteY3" fmla="*/ 425006 h 425005"/>
                </a:gdLst>
                <a:ahLst/>
                <a:cxnLst>
                  <a:cxn ang="0">
                    <a:pos x="connsiteX0" y="connsiteY0"/>
                  </a:cxn>
                  <a:cxn ang="0">
                    <a:pos x="connsiteX1" y="connsiteY1"/>
                  </a:cxn>
                  <a:cxn ang="0">
                    <a:pos x="connsiteX2" y="connsiteY2"/>
                  </a:cxn>
                  <a:cxn ang="0">
                    <a:pos x="connsiteX3" y="connsiteY3"/>
                  </a:cxn>
                </a:cxnLst>
                <a:rect l="l" t="t" r="r" b="b"/>
                <a:pathLst>
                  <a:path w="311181" h="425005">
                    <a:moveTo>
                      <a:pt x="0" y="0"/>
                    </a:moveTo>
                    <a:lnTo>
                      <a:pt x="311182" y="0"/>
                    </a:lnTo>
                    <a:lnTo>
                      <a:pt x="311182" y="425006"/>
                    </a:lnTo>
                    <a:lnTo>
                      <a:pt x="0" y="425006"/>
                    </a:lnTo>
                    <a:close/>
                  </a:path>
                </a:pathLst>
              </a:custGeom>
              <a:solidFill>
                <a:srgbClr val="C7E4F1"/>
              </a:solidFill>
              <a:ln w="9525" cap="flat">
                <a:noFill/>
                <a:prstDash val="solid"/>
                <a:miter/>
              </a:ln>
            </p:spPr>
            <p:txBody>
              <a:bodyPr rtlCol="0" anchor="ctr"/>
              <a:lstStyle/>
              <a:p>
                <a:endParaRPr lang="en-AU" sz="153"/>
              </a:p>
            </p:txBody>
          </p:sp>
          <p:sp>
            <p:nvSpPr>
              <p:cNvPr id="97" name="Freeform: Shape 96">
                <a:extLst>
                  <a:ext uri="{FF2B5EF4-FFF2-40B4-BE49-F238E27FC236}">
                    <a16:creationId xmlns:a16="http://schemas.microsoft.com/office/drawing/2014/main" id="{E0558239-3A9D-DEA0-A531-C6DB342D93B2}"/>
                  </a:ext>
                </a:extLst>
              </p:cNvPr>
              <p:cNvSpPr/>
              <p:nvPr/>
            </p:nvSpPr>
            <p:spPr>
              <a:xfrm>
                <a:off x="3410140" y="1779682"/>
                <a:ext cx="74104" cy="74104"/>
              </a:xfrm>
              <a:custGeom>
                <a:avLst/>
                <a:gdLst>
                  <a:gd name="connsiteX0" fmla="*/ 74104 w 74104"/>
                  <a:gd name="connsiteY0" fmla="*/ 37052 h 74104"/>
                  <a:gd name="connsiteX1" fmla="*/ 37052 w 74104"/>
                  <a:gd name="connsiteY1" fmla="*/ 74105 h 74104"/>
                  <a:gd name="connsiteX2" fmla="*/ 0 w 74104"/>
                  <a:gd name="connsiteY2" fmla="*/ 37052 h 74104"/>
                  <a:gd name="connsiteX3" fmla="*/ 37052 w 74104"/>
                  <a:gd name="connsiteY3" fmla="*/ 0 h 74104"/>
                  <a:gd name="connsiteX4" fmla="*/ 74104 w 74104"/>
                  <a:gd name="connsiteY4" fmla="*/ 37052 h 741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4104" h="74104">
                    <a:moveTo>
                      <a:pt x="74104" y="37052"/>
                    </a:moveTo>
                    <a:cubicBezTo>
                      <a:pt x="74104" y="57516"/>
                      <a:pt x="57516" y="74105"/>
                      <a:pt x="37052" y="74105"/>
                    </a:cubicBezTo>
                    <a:cubicBezTo>
                      <a:pt x="16589" y="74105"/>
                      <a:pt x="0" y="57516"/>
                      <a:pt x="0" y="37052"/>
                    </a:cubicBezTo>
                    <a:cubicBezTo>
                      <a:pt x="0" y="16589"/>
                      <a:pt x="16588" y="0"/>
                      <a:pt x="37052" y="0"/>
                    </a:cubicBezTo>
                    <a:cubicBezTo>
                      <a:pt x="57515" y="0"/>
                      <a:pt x="74104" y="16589"/>
                      <a:pt x="74104" y="37052"/>
                    </a:cubicBezTo>
                    <a:close/>
                  </a:path>
                </a:pathLst>
              </a:custGeom>
              <a:solidFill>
                <a:srgbClr val="66BCDB"/>
              </a:solidFill>
              <a:ln w="9525" cap="flat">
                <a:noFill/>
                <a:prstDash val="solid"/>
                <a:miter/>
              </a:ln>
            </p:spPr>
            <p:txBody>
              <a:bodyPr rtlCol="0" anchor="ctr"/>
              <a:lstStyle/>
              <a:p>
                <a:endParaRPr lang="en-AU" sz="153"/>
              </a:p>
            </p:txBody>
          </p:sp>
          <p:sp>
            <p:nvSpPr>
              <p:cNvPr id="98" name="Freeform: Shape 97">
                <a:extLst>
                  <a:ext uri="{FF2B5EF4-FFF2-40B4-BE49-F238E27FC236}">
                    <a16:creationId xmlns:a16="http://schemas.microsoft.com/office/drawing/2014/main" id="{66D3B584-08BA-F55E-7C6C-41E5DE520CC3}"/>
                  </a:ext>
                </a:extLst>
              </p:cNvPr>
              <p:cNvSpPr/>
              <p:nvPr/>
            </p:nvSpPr>
            <p:spPr>
              <a:xfrm>
                <a:off x="3205638" y="1453451"/>
                <a:ext cx="332327" cy="438721"/>
              </a:xfrm>
              <a:custGeom>
                <a:avLst/>
                <a:gdLst>
                  <a:gd name="connsiteX0" fmla="*/ 325279 w 332327"/>
                  <a:gd name="connsiteY0" fmla="*/ 438722 h 438721"/>
                  <a:gd name="connsiteX1" fmla="*/ 7049 w 332327"/>
                  <a:gd name="connsiteY1" fmla="*/ 438722 h 438721"/>
                  <a:gd name="connsiteX2" fmla="*/ 0 w 332327"/>
                  <a:gd name="connsiteY2" fmla="*/ 431673 h 438721"/>
                  <a:gd name="connsiteX3" fmla="*/ 0 w 332327"/>
                  <a:gd name="connsiteY3" fmla="*/ 7049 h 438721"/>
                  <a:gd name="connsiteX4" fmla="*/ 7049 w 332327"/>
                  <a:gd name="connsiteY4" fmla="*/ 0 h 438721"/>
                  <a:gd name="connsiteX5" fmla="*/ 325279 w 332327"/>
                  <a:gd name="connsiteY5" fmla="*/ 0 h 438721"/>
                  <a:gd name="connsiteX6" fmla="*/ 332327 w 332327"/>
                  <a:gd name="connsiteY6" fmla="*/ 7049 h 438721"/>
                  <a:gd name="connsiteX7" fmla="*/ 332327 w 332327"/>
                  <a:gd name="connsiteY7" fmla="*/ 431673 h 438721"/>
                  <a:gd name="connsiteX8" fmla="*/ 325279 w 332327"/>
                  <a:gd name="connsiteY8" fmla="*/ 438722 h 438721"/>
                  <a:gd name="connsiteX9" fmla="*/ 13811 w 332327"/>
                  <a:gd name="connsiteY9" fmla="*/ 424624 h 438721"/>
                  <a:gd name="connsiteX10" fmla="*/ 318611 w 332327"/>
                  <a:gd name="connsiteY10" fmla="*/ 424624 h 438721"/>
                  <a:gd name="connsiteX11" fmla="*/ 318611 w 332327"/>
                  <a:gd name="connsiteY11" fmla="*/ 13716 h 438721"/>
                  <a:gd name="connsiteX12" fmla="*/ 13811 w 332327"/>
                  <a:gd name="connsiteY12" fmla="*/ 13716 h 4387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32327" h="438721">
                    <a:moveTo>
                      <a:pt x="325279" y="438722"/>
                    </a:moveTo>
                    <a:lnTo>
                      <a:pt x="7049" y="438722"/>
                    </a:lnTo>
                    <a:cubicBezTo>
                      <a:pt x="3153" y="438722"/>
                      <a:pt x="0" y="435566"/>
                      <a:pt x="0" y="431673"/>
                    </a:cubicBezTo>
                    <a:lnTo>
                      <a:pt x="0" y="7049"/>
                    </a:lnTo>
                    <a:cubicBezTo>
                      <a:pt x="0" y="3156"/>
                      <a:pt x="3153" y="0"/>
                      <a:pt x="7049" y="0"/>
                    </a:cubicBezTo>
                    <a:lnTo>
                      <a:pt x="325279" y="0"/>
                    </a:lnTo>
                    <a:cubicBezTo>
                      <a:pt x="329175" y="0"/>
                      <a:pt x="332327" y="3156"/>
                      <a:pt x="332327" y="7049"/>
                    </a:cubicBezTo>
                    <a:lnTo>
                      <a:pt x="332327" y="431673"/>
                    </a:lnTo>
                    <a:cubicBezTo>
                      <a:pt x="332327" y="435566"/>
                      <a:pt x="329175" y="438722"/>
                      <a:pt x="325279" y="438722"/>
                    </a:cubicBezTo>
                    <a:close/>
                    <a:moveTo>
                      <a:pt x="13811" y="424624"/>
                    </a:moveTo>
                    <a:lnTo>
                      <a:pt x="318611" y="424624"/>
                    </a:lnTo>
                    <a:lnTo>
                      <a:pt x="318611" y="13716"/>
                    </a:lnTo>
                    <a:lnTo>
                      <a:pt x="13811" y="13716"/>
                    </a:lnTo>
                    <a:close/>
                  </a:path>
                </a:pathLst>
              </a:custGeom>
              <a:solidFill>
                <a:srgbClr val="265A9A"/>
              </a:solidFill>
              <a:ln w="9525" cap="flat">
                <a:noFill/>
                <a:prstDash val="solid"/>
                <a:miter/>
              </a:ln>
            </p:spPr>
            <p:txBody>
              <a:bodyPr rtlCol="0" anchor="ctr"/>
              <a:lstStyle/>
              <a:p>
                <a:endParaRPr lang="en-AU" sz="153"/>
              </a:p>
            </p:txBody>
          </p:sp>
          <p:sp>
            <p:nvSpPr>
              <p:cNvPr id="99" name="Freeform: Shape 98">
                <a:extLst>
                  <a:ext uri="{FF2B5EF4-FFF2-40B4-BE49-F238E27FC236}">
                    <a16:creationId xmlns:a16="http://schemas.microsoft.com/office/drawing/2014/main" id="{86A4EFF0-E5F9-E76F-8BCC-4A7FFD8C7187}"/>
                  </a:ext>
                </a:extLst>
              </p:cNvPr>
              <p:cNvSpPr/>
              <p:nvPr/>
            </p:nvSpPr>
            <p:spPr>
              <a:xfrm>
                <a:off x="3237547" y="1423542"/>
                <a:ext cx="332422" cy="439102"/>
              </a:xfrm>
              <a:custGeom>
                <a:avLst/>
                <a:gdLst>
                  <a:gd name="connsiteX0" fmla="*/ 325374 w 332422"/>
                  <a:gd name="connsiteY0" fmla="*/ 439103 h 439102"/>
                  <a:gd name="connsiteX1" fmla="*/ 318230 w 332422"/>
                  <a:gd name="connsiteY1" fmla="*/ 432054 h 439102"/>
                  <a:gd name="connsiteX2" fmla="*/ 318230 w 332422"/>
                  <a:gd name="connsiteY2" fmla="*/ 14097 h 439102"/>
                  <a:gd name="connsiteX3" fmla="*/ 7049 w 332422"/>
                  <a:gd name="connsiteY3" fmla="*/ 14097 h 439102"/>
                  <a:gd name="connsiteX4" fmla="*/ 0 w 332422"/>
                  <a:gd name="connsiteY4" fmla="*/ 7049 h 439102"/>
                  <a:gd name="connsiteX5" fmla="*/ 7049 w 332422"/>
                  <a:gd name="connsiteY5" fmla="*/ 0 h 439102"/>
                  <a:gd name="connsiteX6" fmla="*/ 325374 w 332422"/>
                  <a:gd name="connsiteY6" fmla="*/ 0 h 439102"/>
                  <a:gd name="connsiteX7" fmla="*/ 332422 w 332422"/>
                  <a:gd name="connsiteY7" fmla="*/ 7049 h 439102"/>
                  <a:gd name="connsiteX8" fmla="*/ 332422 w 332422"/>
                  <a:gd name="connsiteY8" fmla="*/ 432054 h 439102"/>
                  <a:gd name="connsiteX9" fmla="*/ 325374 w 332422"/>
                  <a:gd name="connsiteY9" fmla="*/ 439103 h 439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32422" h="439102">
                    <a:moveTo>
                      <a:pt x="325374" y="439103"/>
                    </a:moveTo>
                    <a:cubicBezTo>
                      <a:pt x="321469" y="439103"/>
                      <a:pt x="318278" y="435962"/>
                      <a:pt x="318230" y="432054"/>
                    </a:cubicBezTo>
                    <a:lnTo>
                      <a:pt x="318230" y="14097"/>
                    </a:lnTo>
                    <a:lnTo>
                      <a:pt x="7049" y="14097"/>
                    </a:lnTo>
                    <a:cubicBezTo>
                      <a:pt x="3153" y="14097"/>
                      <a:pt x="0" y="10941"/>
                      <a:pt x="0" y="7049"/>
                    </a:cubicBezTo>
                    <a:cubicBezTo>
                      <a:pt x="0" y="3156"/>
                      <a:pt x="3153" y="0"/>
                      <a:pt x="7049" y="0"/>
                    </a:cubicBezTo>
                    <a:lnTo>
                      <a:pt x="325374" y="0"/>
                    </a:lnTo>
                    <a:cubicBezTo>
                      <a:pt x="329270" y="0"/>
                      <a:pt x="332422" y="3156"/>
                      <a:pt x="332422" y="7049"/>
                    </a:cubicBezTo>
                    <a:lnTo>
                      <a:pt x="332422" y="432054"/>
                    </a:lnTo>
                    <a:cubicBezTo>
                      <a:pt x="332422" y="435947"/>
                      <a:pt x="329270" y="439103"/>
                      <a:pt x="325374" y="439103"/>
                    </a:cubicBezTo>
                    <a:close/>
                  </a:path>
                </a:pathLst>
              </a:custGeom>
              <a:solidFill>
                <a:srgbClr val="265A9A"/>
              </a:solidFill>
              <a:ln w="9525" cap="flat">
                <a:noFill/>
                <a:prstDash val="solid"/>
                <a:miter/>
              </a:ln>
            </p:spPr>
            <p:txBody>
              <a:bodyPr rtlCol="0" anchor="ctr"/>
              <a:lstStyle/>
              <a:p>
                <a:endParaRPr lang="en-AU" sz="153"/>
              </a:p>
            </p:txBody>
          </p:sp>
          <p:sp>
            <p:nvSpPr>
              <p:cNvPr id="100" name="Freeform: Shape 99">
                <a:extLst>
                  <a:ext uri="{FF2B5EF4-FFF2-40B4-BE49-F238E27FC236}">
                    <a16:creationId xmlns:a16="http://schemas.microsoft.com/office/drawing/2014/main" id="{8F76FD71-B5DE-179C-C274-CD0D3F3E145D}"/>
                  </a:ext>
                </a:extLst>
              </p:cNvPr>
              <p:cNvSpPr/>
              <p:nvPr/>
            </p:nvSpPr>
            <p:spPr>
              <a:xfrm>
                <a:off x="3251739" y="1565846"/>
                <a:ext cx="52196" cy="14097"/>
              </a:xfrm>
              <a:custGeom>
                <a:avLst/>
                <a:gdLst>
                  <a:gd name="connsiteX0" fmla="*/ 45148 w 52196"/>
                  <a:gd name="connsiteY0" fmla="*/ 14097 h 14097"/>
                  <a:gd name="connsiteX1" fmla="*/ 7048 w 52196"/>
                  <a:gd name="connsiteY1" fmla="*/ 14097 h 14097"/>
                  <a:gd name="connsiteX2" fmla="*/ 0 w 52196"/>
                  <a:gd name="connsiteY2" fmla="*/ 7049 h 14097"/>
                  <a:gd name="connsiteX3" fmla="*/ 7048 w 52196"/>
                  <a:gd name="connsiteY3" fmla="*/ 0 h 14097"/>
                  <a:gd name="connsiteX4" fmla="*/ 45148 w 52196"/>
                  <a:gd name="connsiteY4" fmla="*/ 0 h 14097"/>
                  <a:gd name="connsiteX5" fmla="*/ 52197 w 52196"/>
                  <a:gd name="connsiteY5" fmla="*/ 7049 h 14097"/>
                  <a:gd name="connsiteX6" fmla="*/ 45148 w 52196"/>
                  <a:gd name="connsiteY6" fmla="*/ 14097 h 14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196" h="14097">
                    <a:moveTo>
                      <a:pt x="45148" y="14097"/>
                    </a:moveTo>
                    <a:lnTo>
                      <a:pt x="7048" y="14097"/>
                    </a:lnTo>
                    <a:cubicBezTo>
                      <a:pt x="3153" y="14097"/>
                      <a:pt x="0" y="10941"/>
                      <a:pt x="0" y="7049"/>
                    </a:cubicBezTo>
                    <a:cubicBezTo>
                      <a:pt x="0" y="3156"/>
                      <a:pt x="3153" y="0"/>
                      <a:pt x="7048" y="0"/>
                    </a:cubicBezTo>
                    <a:lnTo>
                      <a:pt x="45148" y="0"/>
                    </a:lnTo>
                    <a:cubicBezTo>
                      <a:pt x="49044" y="0"/>
                      <a:pt x="52197" y="3156"/>
                      <a:pt x="52197" y="7049"/>
                    </a:cubicBezTo>
                    <a:cubicBezTo>
                      <a:pt x="52197" y="10941"/>
                      <a:pt x="49044" y="14097"/>
                      <a:pt x="45148" y="14097"/>
                    </a:cubicBezTo>
                    <a:close/>
                  </a:path>
                </a:pathLst>
              </a:custGeom>
              <a:solidFill>
                <a:srgbClr val="265A9A"/>
              </a:solidFill>
              <a:ln w="9525" cap="flat">
                <a:noFill/>
                <a:prstDash val="solid"/>
                <a:miter/>
              </a:ln>
            </p:spPr>
            <p:txBody>
              <a:bodyPr rtlCol="0" anchor="ctr"/>
              <a:lstStyle/>
              <a:p>
                <a:endParaRPr lang="en-AU" sz="153"/>
              </a:p>
            </p:txBody>
          </p:sp>
          <p:sp>
            <p:nvSpPr>
              <p:cNvPr id="101" name="Freeform: Shape 100">
                <a:extLst>
                  <a:ext uri="{FF2B5EF4-FFF2-40B4-BE49-F238E27FC236}">
                    <a16:creationId xmlns:a16="http://schemas.microsoft.com/office/drawing/2014/main" id="{2898B6A3-61C2-DFB2-3E9F-A394AA2E836F}"/>
                  </a:ext>
                </a:extLst>
              </p:cNvPr>
              <p:cNvSpPr/>
              <p:nvPr/>
            </p:nvSpPr>
            <p:spPr>
              <a:xfrm>
                <a:off x="3251930" y="1605756"/>
                <a:ext cx="237362" cy="14097"/>
              </a:xfrm>
              <a:custGeom>
                <a:avLst/>
                <a:gdLst>
                  <a:gd name="connsiteX0" fmla="*/ 230314 w 237362"/>
                  <a:gd name="connsiteY0" fmla="*/ 14097 h 14097"/>
                  <a:gd name="connsiteX1" fmla="*/ 7048 w 237362"/>
                  <a:gd name="connsiteY1" fmla="*/ 14097 h 14097"/>
                  <a:gd name="connsiteX2" fmla="*/ 0 w 237362"/>
                  <a:gd name="connsiteY2" fmla="*/ 7048 h 14097"/>
                  <a:gd name="connsiteX3" fmla="*/ 7048 w 237362"/>
                  <a:gd name="connsiteY3" fmla="*/ 0 h 14097"/>
                  <a:gd name="connsiteX4" fmla="*/ 230314 w 237362"/>
                  <a:gd name="connsiteY4" fmla="*/ 0 h 14097"/>
                  <a:gd name="connsiteX5" fmla="*/ 237363 w 237362"/>
                  <a:gd name="connsiteY5" fmla="*/ 7048 h 14097"/>
                  <a:gd name="connsiteX6" fmla="*/ 230314 w 237362"/>
                  <a:gd name="connsiteY6" fmla="*/ 14097 h 14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7362" h="14097">
                    <a:moveTo>
                      <a:pt x="230314" y="14097"/>
                    </a:moveTo>
                    <a:lnTo>
                      <a:pt x="7048" y="14097"/>
                    </a:lnTo>
                    <a:cubicBezTo>
                      <a:pt x="3153" y="14097"/>
                      <a:pt x="0" y="10941"/>
                      <a:pt x="0" y="7048"/>
                    </a:cubicBezTo>
                    <a:cubicBezTo>
                      <a:pt x="0" y="3156"/>
                      <a:pt x="3153" y="0"/>
                      <a:pt x="7048" y="0"/>
                    </a:cubicBezTo>
                    <a:lnTo>
                      <a:pt x="230314" y="0"/>
                    </a:lnTo>
                    <a:cubicBezTo>
                      <a:pt x="234210" y="0"/>
                      <a:pt x="237363" y="3156"/>
                      <a:pt x="237363" y="7048"/>
                    </a:cubicBezTo>
                    <a:cubicBezTo>
                      <a:pt x="237363" y="10941"/>
                      <a:pt x="234210" y="14097"/>
                      <a:pt x="230314" y="14097"/>
                    </a:cubicBezTo>
                    <a:close/>
                  </a:path>
                </a:pathLst>
              </a:custGeom>
              <a:solidFill>
                <a:srgbClr val="265A9A"/>
              </a:solidFill>
              <a:ln w="9525" cap="flat">
                <a:noFill/>
                <a:prstDash val="solid"/>
                <a:miter/>
              </a:ln>
            </p:spPr>
            <p:txBody>
              <a:bodyPr rtlCol="0" anchor="ctr"/>
              <a:lstStyle/>
              <a:p>
                <a:endParaRPr lang="en-AU" sz="153"/>
              </a:p>
            </p:txBody>
          </p:sp>
          <p:sp>
            <p:nvSpPr>
              <p:cNvPr id="102" name="Freeform: Shape 101">
                <a:extLst>
                  <a:ext uri="{FF2B5EF4-FFF2-40B4-BE49-F238E27FC236}">
                    <a16:creationId xmlns:a16="http://schemas.microsoft.com/office/drawing/2014/main" id="{E48CDD0F-F412-4EE7-142A-5C7A28789140}"/>
                  </a:ext>
                </a:extLst>
              </p:cNvPr>
              <p:cNvSpPr/>
              <p:nvPr/>
            </p:nvSpPr>
            <p:spPr>
              <a:xfrm>
                <a:off x="3251930" y="1645666"/>
                <a:ext cx="237362" cy="14096"/>
              </a:xfrm>
              <a:custGeom>
                <a:avLst/>
                <a:gdLst>
                  <a:gd name="connsiteX0" fmla="*/ 230314 w 237362"/>
                  <a:gd name="connsiteY0" fmla="*/ 14097 h 14096"/>
                  <a:gd name="connsiteX1" fmla="*/ 7048 w 237362"/>
                  <a:gd name="connsiteY1" fmla="*/ 14097 h 14096"/>
                  <a:gd name="connsiteX2" fmla="*/ 0 w 237362"/>
                  <a:gd name="connsiteY2" fmla="*/ 7048 h 14096"/>
                  <a:gd name="connsiteX3" fmla="*/ 7048 w 237362"/>
                  <a:gd name="connsiteY3" fmla="*/ 0 h 14096"/>
                  <a:gd name="connsiteX4" fmla="*/ 230314 w 237362"/>
                  <a:gd name="connsiteY4" fmla="*/ 0 h 14096"/>
                  <a:gd name="connsiteX5" fmla="*/ 237363 w 237362"/>
                  <a:gd name="connsiteY5" fmla="*/ 7048 h 14096"/>
                  <a:gd name="connsiteX6" fmla="*/ 230314 w 237362"/>
                  <a:gd name="connsiteY6" fmla="*/ 14097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7362" h="14096">
                    <a:moveTo>
                      <a:pt x="230314" y="14097"/>
                    </a:moveTo>
                    <a:lnTo>
                      <a:pt x="7048" y="14097"/>
                    </a:lnTo>
                    <a:cubicBezTo>
                      <a:pt x="3153" y="14097"/>
                      <a:pt x="0" y="10941"/>
                      <a:pt x="0" y="7048"/>
                    </a:cubicBezTo>
                    <a:cubicBezTo>
                      <a:pt x="0" y="3156"/>
                      <a:pt x="3153" y="0"/>
                      <a:pt x="7048" y="0"/>
                    </a:cubicBezTo>
                    <a:lnTo>
                      <a:pt x="230314" y="0"/>
                    </a:lnTo>
                    <a:cubicBezTo>
                      <a:pt x="234210" y="0"/>
                      <a:pt x="237363" y="3156"/>
                      <a:pt x="237363" y="7048"/>
                    </a:cubicBezTo>
                    <a:cubicBezTo>
                      <a:pt x="237363" y="10941"/>
                      <a:pt x="234210" y="14097"/>
                      <a:pt x="230314" y="14097"/>
                    </a:cubicBezTo>
                    <a:close/>
                  </a:path>
                </a:pathLst>
              </a:custGeom>
              <a:solidFill>
                <a:srgbClr val="265A9A"/>
              </a:solidFill>
              <a:ln w="9525" cap="flat">
                <a:noFill/>
                <a:prstDash val="solid"/>
                <a:miter/>
              </a:ln>
            </p:spPr>
            <p:txBody>
              <a:bodyPr rtlCol="0" anchor="ctr"/>
              <a:lstStyle/>
              <a:p>
                <a:endParaRPr lang="en-AU" sz="153"/>
              </a:p>
            </p:txBody>
          </p:sp>
          <p:sp>
            <p:nvSpPr>
              <p:cNvPr id="103" name="Freeform: Shape 102">
                <a:extLst>
                  <a:ext uri="{FF2B5EF4-FFF2-40B4-BE49-F238E27FC236}">
                    <a16:creationId xmlns:a16="http://schemas.microsoft.com/office/drawing/2014/main" id="{3DFA9BF1-E42E-FF2D-A762-417727673A9D}"/>
                  </a:ext>
                </a:extLst>
              </p:cNvPr>
              <p:cNvSpPr/>
              <p:nvPr/>
            </p:nvSpPr>
            <p:spPr>
              <a:xfrm>
                <a:off x="3251930" y="1685480"/>
                <a:ext cx="153161" cy="14096"/>
              </a:xfrm>
              <a:custGeom>
                <a:avLst/>
                <a:gdLst>
                  <a:gd name="connsiteX0" fmla="*/ 146113 w 153161"/>
                  <a:gd name="connsiteY0" fmla="*/ 14097 h 14096"/>
                  <a:gd name="connsiteX1" fmla="*/ 7048 w 153161"/>
                  <a:gd name="connsiteY1" fmla="*/ 14097 h 14096"/>
                  <a:gd name="connsiteX2" fmla="*/ 0 w 153161"/>
                  <a:gd name="connsiteY2" fmla="*/ 7048 h 14096"/>
                  <a:gd name="connsiteX3" fmla="*/ 7048 w 153161"/>
                  <a:gd name="connsiteY3" fmla="*/ 0 h 14096"/>
                  <a:gd name="connsiteX4" fmla="*/ 146113 w 153161"/>
                  <a:gd name="connsiteY4" fmla="*/ 0 h 14096"/>
                  <a:gd name="connsiteX5" fmla="*/ 153162 w 153161"/>
                  <a:gd name="connsiteY5" fmla="*/ 7048 h 14096"/>
                  <a:gd name="connsiteX6" fmla="*/ 146113 w 153161"/>
                  <a:gd name="connsiteY6" fmla="*/ 14097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3161" h="14096">
                    <a:moveTo>
                      <a:pt x="146113" y="14097"/>
                    </a:moveTo>
                    <a:lnTo>
                      <a:pt x="7048" y="14097"/>
                    </a:lnTo>
                    <a:cubicBezTo>
                      <a:pt x="3153" y="14097"/>
                      <a:pt x="0" y="10941"/>
                      <a:pt x="0" y="7048"/>
                    </a:cubicBezTo>
                    <a:cubicBezTo>
                      <a:pt x="0" y="3156"/>
                      <a:pt x="3153" y="0"/>
                      <a:pt x="7048" y="0"/>
                    </a:cubicBezTo>
                    <a:lnTo>
                      <a:pt x="146113" y="0"/>
                    </a:lnTo>
                    <a:cubicBezTo>
                      <a:pt x="150009" y="0"/>
                      <a:pt x="153162" y="3156"/>
                      <a:pt x="153162" y="7048"/>
                    </a:cubicBezTo>
                    <a:cubicBezTo>
                      <a:pt x="153162" y="10941"/>
                      <a:pt x="150009" y="14097"/>
                      <a:pt x="146113" y="14097"/>
                    </a:cubicBezTo>
                    <a:close/>
                  </a:path>
                </a:pathLst>
              </a:custGeom>
              <a:solidFill>
                <a:srgbClr val="265A9A"/>
              </a:solidFill>
              <a:ln w="9525" cap="flat">
                <a:noFill/>
                <a:prstDash val="solid"/>
                <a:miter/>
              </a:ln>
            </p:spPr>
            <p:txBody>
              <a:bodyPr rtlCol="0" anchor="ctr"/>
              <a:lstStyle/>
              <a:p>
                <a:endParaRPr lang="en-AU" sz="153"/>
              </a:p>
            </p:txBody>
          </p:sp>
          <p:sp>
            <p:nvSpPr>
              <p:cNvPr id="104" name="Freeform: Shape 103">
                <a:extLst>
                  <a:ext uri="{FF2B5EF4-FFF2-40B4-BE49-F238E27FC236}">
                    <a16:creationId xmlns:a16="http://schemas.microsoft.com/office/drawing/2014/main" id="{C9850E72-B9FB-4D51-CFEE-27BB4F710B80}"/>
                  </a:ext>
                </a:extLst>
              </p:cNvPr>
              <p:cNvSpPr/>
              <p:nvPr/>
            </p:nvSpPr>
            <p:spPr>
              <a:xfrm>
                <a:off x="3251930" y="1725390"/>
                <a:ext cx="69056" cy="14097"/>
              </a:xfrm>
              <a:custGeom>
                <a:avLst/>
                <a:gdLst>
                  <a:gd name="connsiteX0" fmla="*/ 62008 w 69056"/>
                  <a:gd name="connsiteY0" fmla="*/ 14097 h 14097"/>
                  <a:gd name="connsiteX1" fmla="*/ 7048 w 69056"/>
                  <a:gd name="connsiteY1" fmla="*/ 14097 h 14097"/>
                  <a:gd name="connsiteX2" fmla="*/ 0 w 69056"/>
                  <a:gd name="connsiteY2" fmla="*/ 7049 h 14097"/>
                  <a:gd name="connsiteX3" fmla="*/ 7048 w 69056"/>
                  <a:gd name="connsiteY3" fmla="*/ 0 h 14097"/>
                  <a:gd name="connsiteX4" fmla="*/ 62008 w 69056"/>
                  <a:gd name="connsiteY4" fmla="*/ 0 h 14097"/>
                  <a:gd name="connsiteX5" fmla="*/ 69056 w 69056"/>
                  <a:gd name="connsiteY5" fmla="*/ 7049 h 14097"/>
                  <a:gd name="connsiteX6" fmla="*/ 62008 w 69056"/>
                  <a:gd name="connsiteY6" fmla="*/ 14097 h 14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9056" h="14097">
                    <a:moveTo>
                      <a:pt x="62008" y="14097"/>
                    </a:moveTo>
                    <a:lnTo>
                      <a:pt x="7048" y="14097"/>
                    </a:lnTo>
                    <a:cubicBezTo>
                      <a:pt x="3153" y="14097"/>
                      <a:pt x="0" y="10941"/>
                      <a:pt x="0" y="7049"/>
                    </a:cubicBezTo>
                    <a:cubicBezTo>
                      <a:pt x="0" y="3156"/>
                      <a:pt x="3153" y="0"/>
                      <a:pt x="7048" y="0"/>
                    </a:cubicBezTo>
                    <a:lnTo>
                      <a:pt x="62008" y="0"/>
                    </a:lnTo>
                    <a:cubicBezTo>
                      <a:pt x="65904" y="0"/>
                      <a:pt x="69056" y="3156"/>
                      <a:pt x="69056" y="7049"/>
                    </a:cubicBezTo>
                    <a:cubicBezTo>
                      <a:pt x="69056" y="10941"/>
                      <a:pt x="65904" y="14097"/>
                      <a:pt x="62008" y="14097"/>
                    </a:cubicBezTo>
                    <a:close/>
                  </a:path>
                </a:pathLst>
              </a:custGeom>
              <a:solidFill>
                <a:srgbClr val="265A9A"/>
              </a:solidFill>
              <a:ln w="9525" cap="flat">
                <a:noFill/>
                <a:prstDash val="solid"/>
                <a:miter/>
              </a:ln>
            </p:spPr>
            <p:txBody>
              <a:bodyPr rtlCol="0" anchor="ctr"/>
              <a:lstStyle/>
              <a:p>
                <a:endParaRPr lang="en-AU" sz="153"/>
              </a:p>
            </p:txBody>
          </p:sp>
          <p:sp>
            <p:nvSpPr>
              <p:cNvPr id="105" name="Freeform: Shape 104">
                <a:extLst>
                  <a:ext uri="{FF2B5EF4-FFF2-40B4-BE49-F238E27FC236}">
                    <a16:creationId xmlns:a16="http://schemas.microsoft.com/office/drawing/2014/main" id="{960F1B0F-9ECD-8DBD-646B-FD3379D1DF19}"/>
                  </a:ext>
                </a:extLst>
              </p:cNvPr>
              <p:cNvSpPr/>
              <p:nvPr/>
            </p:nvSpPr>
            <p:spPr>
              <a:xfrm>
                <a:off x="3251930" y="1765300"/>
                <a:ext cx="97250" cy="14097"/>
              </a:xfrm>
              <a:custGeom>
                <a:avLst/>
                <a:gdLst>
                  <a:gd name="connsiteX0" fmla="*/ 90202 w 97250"/>
                  <a:gd name="connsiteY0" fmla="*/ 14097 h 14097"/>
                  <a:gd name="connsiteX1" fmla="*/ 7048 w 97250"/>
                  <a:gd name="connsiteY1" fmla="*/ 14097 h 14097"/>
                  <a:gd name="connsiteX2" fmla="*/ 0 w 97250"/>
                  <a:gd name="connsiteY2" fmla="*/ 7048 h 14097"/>
                  <a:gd name="connsiteX3" fmla="*/ 7048 w 97250"/>
                  <a:gd name="connsiteY3" fmla="*/ 0 h 14097"/>
                  <a:gd name="connsiteX4" fmla="*/ 90202 w 97250"/>
                  <a:gd name="connsiteY4" fmla="*/ 0 h 14097"/>
                  <a:gd name="connsiteX5" fmla="*/ 97250 w 97250"/>
                  <a:gd name="connsiteY5" fmla="*/ 7048 h 14097"/>
                  <a:gd name="connsiteX6" fmla="*/ 90202 w 97250"/>
                  <a:gd name="connsiteY6" fmla="*/ 14097 h 14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7250" h="14097">
                    <a:moveTo>
                      <a:pt x="90202" y="14097"/>
                    </a:moveTo>
                    <a:lnTo>
                      <a:pt x="7048" y="14097"/>
                    </a:lnTo>
                    <a:cubicBezTo>
                      <a:pt x="3153" y="14097"/>
                      <a:pt x="0" y="10941"/>
                      <a:pt x="0" y="7048"/>
                    </a:cubicBezTo>
                    <a:cubicBezTo>
                      <a:pt x="0" y="3156"/>
                      <a:pt x="3153" y="0"/>
                      <a:pt x="7048" y="0"/>
                    </a:cubicBezTo>
                    <a:lnTo>
                      <a:pt x="90202" y="0"/>
                    </a:lnTo>
                    <a:cubicBezTo>
                      <a:pt x="94097" y="0"/>
                      <a:pt x="97250" y="3156"/>
                      <a:pt x="97250" y="7048"/>
                    </a:cubicBezTo>
                    <a:cubicBezTo>
                      <a:pt x="97250" y="10941"/>
                      <a:pt x="94097" y="14097"/>
                      <a:pt x="90202" y="14097"/>
                    </a:cubicBezTo>
                    <a:close/>
                  </a:path>
                </a:pathLst>
              </a:custGeom>
              <a:solidFill>
                <a:srgbClr val="265A9A"/>
              </a:solidFill>
              <a:ln w="9525" cap="flat">
                <a:noFill/>
                <a:prstDash val="solid"/>
                <a:miter/>
              </a:ln>
            </p:spPr>
            <p:txBody>
              <a:bodyPr rtlCol="0" anchor="ctr"/>
              <a:lstStyle/>
              <a:p>
                <a:endParaRPr lang="en-AU" sz="153"/>
              </a:p>
            </p:txBody>
          </p:sp>
          <p:sp>
            <p:nvSpPr>
              <p:cNvPr id="106" name="Freeform: Shape 105">
                <a:extLst>
                  <a:ext uri="{FF2B5EF4-FFF2-40B4-BE49-F238E27FC236}">
                    <a16:creationId xmlns:a16="http://schemas.microsoft.com/office/drawing/2014/main" id="{58FEEE79-D708-6EAC-B067-313D2C53DC3B}"/>
                  </a:ext>
                </a:extLst>
              </p:cNvPr>
              <p:cNvSpPr/>
              <p:nvPr/>
            </p:nvSpPr>
            <p:spPr>
              <a:xfrm>
                <a:off x="3398509" y="1770109"/>
                <a:ext cx="95355" cy="93155"/>
              </a:xfrm>
              <a:custGeom>
                <a:avLst/>
                <a:gdLst>
                  <a:gd name="connsiteX0" fmla="*/ 48683 w 95355"/>
                  <a:gd name="connsiteY0" fmla="*/ 93107 h 93155"/>
                  <a:gd name="connsiteX1" fmla="*/ 48 w 95355"/>
                  <a:gd name="connsiteY1" fmla="*/ 48683 h 93155"/>
                  <a:gd name="connsiteX2" fmla="*/ 44473 w 95355"/>
                  <a:gd name="connsiteY2" fmla="*/ 48 h 93155"/>
                  <a:gd name="connsiteX3" fmla="*/ 48683 w 95355"/>
                  <a:gd name="connsiteY3" fmla="*/ 48 h 93155"/>
                  <a:gd name="connsiteX4" fmla="*/ 58208 w 95355"/>
                  <a:gd name="connsiteY4" fmla="*/ 1000 h 93155"/>
                  <a:gd name="connsiteX5" fmla="*/ 63733 w 95355"/>
                  <a:gd name="connsiteY5" fmla="*/ 9382 h 93155"/>
                  <a:gd name="connsiteX6" fmla="*/ 55551 w 95355"/>
                  <a:gd name="connsiteY6" fmla="*/ 14833 h 93155"/>
                  <a:gd name="connsiteX7" fmla="*/ 55446 w 95355"/>
                  <a:gd name="connsiteY7" fmla="*/ 14812 h 93155"/>
                  <a:gd name="connsiteX8" fmla="*/ 48874 w 95355"/>
                  <a:gd name="connsiteY8" fmla="*/ 14145 h 93155"/>
                  <a:gd name="connsiteX9" fmla="*/ 16298 w 95355"/>
                  <a:gd name="connsiteY9" fmla="*/ 46530 h 93155"/>
                  <a:gd name="connsiteX10" fmla="*/ 48683 w 95355"/>
                  <a:gd name="connsiteY10" fmla="*/ 79105 h 93155"/>
                  <a:gd name="connsiteX11" fmla="*/ 81259 w 95355"/>
                  <a:gd name="connsiteY11" fmla="*/ 46720 h 93155"/>
                  <a:gd name="connsiteX12" fmla="*/ 81259 w 95355"/>
                  <a:gd name="connsiteY12" fmla="*/ 46625 h 93155"/>
                  <a:gd name="connsiteX13" fmla="*/ 80782 w 95355"/>
                  <a:gd name="connsiteY13" fmla="*/ 40815 h 93155"/>
                  <a:gd name="connsiteX14" fmla="*/ 86498 w 95355"/>
                  <a:gd name="connsiteY14" fmla="*/ 32623 h 93155"/>
                  <a:gd name="connsiteX15" fmla="*/ 94689 w 95355"/>
                  <a:gd name="connsiteY15" fmla="*/ 38338 h 93155"/>
                  <a:gd name="connsiteX16" fmla="*/ 95356 w 95355"/>
                  <a:gd name="connsiteY16" fmla="*/ 46625 h 93155"/>
                  <a:gd name="connsiteX17" fmla="*/ 48683 w 95355"/>
                  <a:gd name="connsiteY17" fmla="*/ 93107 h 93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95355" h="93155">
                    <a:moveTo>
                      <a:pt x="48683" y="93107"/>
                    </a:moveTo>
                    <a:cubicBezTo>
                      <a:pt x="22985" y="94270"/>
                      <a:pt x="1211" y="74381"/>
                      <a:pt x="48" y="48683"/>
                    </a:cubicBezTo>
                    <a:cubicBezTo>
                      <a:pt x="-1113" y="22986"/>
                      <a:pt x="18775" y="1211"/>
                      <a:pt x="44473" y="48"/>
                    </a:cubicBezTo>
                    <a:cubicBezTo>
                      <a:pt x="45873" y="-16"/>
                      <a:pt x="47283" y="-16"/>
                      <a:pt x="48683" y="48"/>
                    </a:cubicBezTo>
                    <a:cubicBezTo>
                      <a:pt x="51884" y="65"/>
                      <a:pt x="55074" y="384"/>
                      <a:pt x="58208" y="1000"/>
                    </a:cubicBezTo>
                    <a:cubicBezTo>
                      <a:pt x="62037" y="1812"/>
                      <a:pt x="64495" y="5548"/>
                      <a:pt x="63733" y="9382"/>
                    </a:cubicBezTo>
                    <a:cubicBezTo>
                      <a:pt x="62980" y="13148"/>
                      <a:pt x="59313" y="15588"/>
                      <a:pt x="55551" y="14833"/>
                    </a:cubicBezTo>
                    <a:cubicBezTo>
                      <a:pt x="55513" y="14826"/>
                      <a:pt x="55484" y="14819"/>
                      <a:pt x="55446" y="14812"/>
                    </a:cubicBezTo>
                    <a:cubicBezTo>
                      <a:pt x="53274" y="14399"/>
                      <a:pt x="51083" y="14176"/>
                      <a:pt x="48874" y="14145"/>
                    </a:cubicBezTo>
                    <a:cubicBezTo>
                      <a:pt x="30938" y="14092"/>
                      <a:pt x="16346" y="28591"/>
                      <a:pt x="16298" y="46530"/>
                    </a:cubicBezTo>
                    <a:cubicBezTo>
                      <a:pt x="16241" y="64468"/>
                      <a:pt x="30748" y="79052"/>
                      <a:pt x="48683" y="79105"/>
                    </a:cubicBezTo>
                    <a:cubicBezTo>
                      <a:pt x="66619" y="79158"/>
                      <a:pt x="81202" y="64659"/>
                      <a:pt x="81259" y="46720"/>
                    </a:cubicBezTo>
                    <a:cubicBezTo>
                      <a:pt x="81259" y="46688"/>
                      <a:pt x="81259" y="46656"/>
                      <a:pt x="81259" y="46625"/>
                    </a:cubicBezTo>
                    <a:cubicBezTo>
                      <a:pt x="81287" y="44677"/>
                      <a:pt x="81125" y="42731"/>
                      <a:pt x="80782" y="40815"/>
                    </a:cubicBezTo>
                    <a:cubicBezTo>
                      <a:pt x="80097" y="36974"/>
                      <a:pt x="82659" y="33307"/>
                      <a:pt x="86498" y="32623"/>
                    </a:cubicBezTo>
                    <a:cubicBezTo>
                      <a:pt x="90336" y="31939"/>
                      <a:pt x="94003" y="34498"/>
                      <a:pt x="94689" y="38338"/>
                    </a:cubicBezTo>
                    <a:cubicBezTo>
                      <a:pt x="95146" y="41077"/>
                      <a:pt x="95365" y="43849"/>
                      <a:pt x="95356" y="46625"/>
                    </a:cubicBezTo>
                    <a:cubicBezTo>
                      <a:pt x="95298" y="72349"/>
                      <a:pt x="74410" y="93159"/>
                      <a:pt x="48683" y="93107"/>
                    </a:cubicBezTo>
                    <a:close/>
                  </a:path>
                </a:pathLst>
              </a:custGeom>
              <a:solidFill>
                <a:srgbClr val="265A9A"/>
              </a:solidFill>
              <a:ln w="9525" cap="flat">
                <a:noFill/>
                <a:prstDash val="solid"/>
                <a:miter/>
              </a:ln>
            </p:spPr>
            <p:txBody>
              <a:bodyPr rtlCol="0" anchor="ctr"/>
              <a:lstStyle/>
              <a:p>
                <a:endParaRPr lang="en-AU" sz="153"/>
              </a:p>
            </p:txBody>
          </p:sp>
          <p:sp>
            <p:nvSpPr>
              <p:cNvPr id="107" name="Freeform: Shape 106">
                <a:extLst>
                  <a:ext uri="{FF2B5EF4-FFF2-40B4-BE49-F238E27FC236}">
                    <a16:creationId xmlns:a16="http://schemas.microsoft.com/office/drawing/2014/main" id="{94253DD6-62C7-EE05-684D-C0200D9E3AAE}"/>
                  </a:ext>
                </a:extLst>
              </p:cNvPr>
              <p:cNvSpPr/>
              <p:nvPr/>
            </p:nvSpPr>
            <p:spPr>
              <a:xfrm>
                <a:off x="3429991" y="1767224"/>
                <a:ext cx="67095" cy="62560"/>
              </a:xfrm>
              <a:custGeom>
                <a:avLst/>
                <a:gdLst>
                  <a:gd name="connsiteX0" fmla="*/ 14630 w 67095"/>
                  <a:gd name="connsiteY0" fmla="*/ 62560 h 62560"/>
                  <a:gd name="connsiteX1" fmla="*/ 9581 w 67095"/>
                  <a:gd name="connsiteY1" fmla="*/ 60465 h 62560"/>
                  <a:gd name="connsiteX2" fmla="*/ 819 w 67095"/>
                  <a:gd name="connsiteY2" fmla="*/ 51606 h 62560"/>
                  <a:gd name="connsiteX3" fmla="*/ 3762 w 67095"/>
                  <a:gd name="connsiteY3" fmla="*/ 42081 h 62560"/>
                  <a:gd name="connsiteX4" fmla="*/ 10344 w 67095"/>
                  <a:gd name="connsiteY4" fmla="*/ 42081 h 62560"/>
                  <a:gd name="connsiteX5" fmla="*/ 14058 w 67095"/>
                  <a:gd name="connsiteY5" fmla="*/ 45701 h 62560"/>
                  <a:gd name="connsiteX6" fmla="*/ 54254 w 67095"/>
                  <a:gd name="connsiteY6" fmla="*/ 3029 h 62560"/>
                  <a:gd name="connsiteX7" fmla="*/ 64064 w 67095"/>
                  <a:gd name="connsiteY7" fmla="*/ 1260 h 62560"/>
                  <a:gd name="connsiteX8" fmla="*/ 65836 w 67095"/>
                  <a:gd name="connsiteY8" fmla="*/ 11070 h 62560"/>
                  <a:gd name="connsiteX9" fmla="*/ 64445 w 67095"/>
                  <a:gd name="connsiteY9" fmla="*/ 12554 h 62560"/>
                  <a:gd name="connsiteX10" fmla="*/ 19297 w 67095"/>
                  <a:gd name="connsiteY10" fmla="*/ 60179 h 62560"/>
                  <a:gd name="connsiteX11" fmla="*/ 14344 w 67095"/>
                  <a:gd name="connsiteY11" fmla="*/ 62465 h 625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7095" h="62560">
                    <a:moveTo>
                      <a:pt x="14630" y="62560"/>
                    </a:moveTo>
                    <a:cubicBezTo>
                      <a:pt x="12734" y="62558"/>
                      <a:pt x="10925" y="61805"/>
                      <a:pt x="9581" y="60465"/>
                    </a:cubicBezTo>
                    <a:lnTo>
                      <a:pt x="819" y="51606"/>
                    </a:lnTo>
                    <a:cubicBezTo>
                      <a:pt x="-1001" y="48165"/>
                      <a:pt x="314" y="43900"/>
                      <a:pt x="3762" y="42081"/>
                    </a:cubicBezTo>
                    <a:cubicBezTo>
                      <a:pt x="5819" y="40993"/>
                      <a:pt x="8286" y="40993"/>
                      <a:pt x="10344" y="42081"/>
                    </a:cubicBezTo>
                    <a:lnTo>
                      <a:pt x="14058" y="45701"/>
                    </a:lnTo>
                    <a:lnTo>
                      <a:pt x="54254" y="3029"/>
                    </a:lnTo>
                    <a:cubicBezTo>
                      <a:pt x="56473" y="-169"/>
                      <a:pt x="60864" y="-961"/>
                      <a:pt x="64064" y="1260"/>
                    </a:cubicBezTo>
                    <a:cubicBezTo>
                      <a:pt x="67265" y="3480"/>
                      <a:pt x="68055" y="7872"/>
                      <a:pt x="65836" y="11070"/>
                    </a:cubicBezTo>
                    <a:cubicBezTo>
                      <a:pt x="65446" y="11629"/>
                      <a:pt x="64979" y="12128"/>
                      <a:pt x="64445" y="12554"/>
                    </a:cubicBezTo>
                    <a:lnTo>
                      <a:pt x="19297" y="60179"/>
                    </a:lnTo>
                    <a:cubicBezTo>
                      <a:pt x="18030" y="61584"/>
                      <a:pt x="16239" y="62410"/>
                      <a:pt x="14344" y="62465"/>
                    </a:cubicBezTo>
                    <a:close/>
                  </a:path>
                </a:pathLst>
              </a:custGeom>
              <a:solidFill>
                <a:srgbClr val="265A9A"/>
              </a:solidFill>
              <a:ln w="9525" cap="flat">
                <a:noFill/>
                <a:prstDash val="solid"/>
                <a:miter/>
              </a:ln>
            </p:spPr>
            <p:txBody>
              <a:bodyPr rtlCol="0" anchor="ctr"/>
              <a:lstStyle/>
              <a:p>
                <a:endParaRPr lang="en-AU" sz="153"/>
              </a:p>
            </p:txBody>
          </p:sp>
          <p:sp>
            <p:nvSpPr>
              <p:cNvPr id="108" name="Freeform: Shape 107">
                <a:extLst>
                  <a:ext uri="{FF2B5EF4-FFF2-40B4-BE49-F238E27FC236}">
                    <a16:creationId xmlns:a16="http://schemas.microsoft.com/office/drawing/2014/main" id="{C8A8A9EF-AE54-28AB-955D-EB9DB626E990}"/>
                  </a:ext>
                </a:extLst>
              </p:cNvPr>
              <p:cNvSpPr/>
              <p:nvPr/>
            </p:nvSpPr>
            <p:spPr>
              <a:xfrm>
                <a:off x="3390518" y="1493265"/>
                <a:ext cx="113347" cy="14096"/>
              </a:xfrm>
              <a:custGeom>
                <a:avLst/>
                <a:gdLst>
                  <a:gd name="connsiteX0" fmla="*/ 7049 w 113347"/>
                  <a:gd name="connsiteY0" fmla="*/ 0 h 14096"/>
                  <a:gd name="connsiteX1" fmla="*/ 106299 w 113347"/>
                  <a:gd name="connsiteY1" fmla="*/ 0 h 14096"/>
                  <a:gd name="connsiteX2" fmla="*/ 113347 w 113347"/>
                  <a:gd name="connsiteY2" fmla="*/ 7049 h 14096"/>
                  <a:gd name="connsiteX3" fmla="*/ 106299 w 113347"/>
                  <a:gd name="connsiteY3" fmla="*/ 14097 h 14096"/>
                  <a:gd name="connsiteX4" fmla="*/ 7049 w 113347"/>
                  <a:gd name="connsiteY4" fmla="*/ 14097 h 14096"/>
                  <a:gd name="connsiteX5" fmla="*/ 0 w 113347"/>
                  <a:gd name="connsiteY5" fmla="*/ 7049 h 14096"/>
                  <a:gd name="connsiteX6" fmla="*/ 7049 w 113347"/>
                  <a:gd name="connsiteY6" fmla="*/ 0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3347" h="14096">
                    <a:moveTo>
                      <a:pt x="7049" y="0"/>
                    </a:moveTo>
                    <a:lnTo>
                      <a:pt x="106299" y="0"/>
                    </a:lnTo>
                    <a:cubicBezTo>
                      <a:pt x="110195" y="0"/>
                      <a:pt x="113347" y="3156"/>
                      <a:pt x="113347" y="7049"/>
                    </a:cubicBezTo>
                    <a:cubicBezTo>
                      <a:pt x="113347" y="10941"/>
                      <a:pt x="110195" y="14097"/>
                      <a:pt x="106299" y="14097"/>
                    </a:cubicBezTo>
                    <a:lnTo>
                      <a:pt x="7049" y="14097"/>
                    </a:lnTo>
                    <a:cubicBezTo>
                      <a:pt x="3153" y="14097"/>
                      <a:pt x="0" y="10941"/>
                      <a:pt x="0" y="7049"/>
                    </a:cubicBezTo>
                    <a:cubicBezTo>
                      <a:pt x="0" y="3156"/>
                      <a:pt x="3153" y="0"/>
                      <a:pt x="7049" y="0"/>
                    </a:cubicBezTo>
                    <a:close/>
                  </a:path>
                </a:pathLst>
              </a:custGeom>
              <a:solidFill>
                <a:srgbClr val="265A9A"/>
              </a:solidFill>
              <a:ln w="9525" cap="flat">
                <a:noFill/>
                <a:prstDash val="solid"/>
                <a:miter/>
              </a:ln>
            </p:spPr>
            <p:txBody>
              <a:bodyPr rtlCol="0" anchor="ctr"/>
              <a:lstStyle/>
              <a:p>
                <a:endParaRPr lang="en-AU" sz="153"/>
              </a:p>
            </p:txBody>
          </p:sp>
        </p:grpSp>
      </p:grpSp>
      <p:grpSp>
        <p:nvGrpSpPr>
          <p:cNvPr id="109" name="Group 108">
            <a:extLst>
              <a:ext uri="{FF2B5EF4-FFF2-40B4-BE49-F238E27FC236}">
                <a16:creationId xmlns:a16="http://schemas.microsoft.com/office/drawing/2014/main" id="{77816B30-02DE-7327-4D23-F5A3A0FB3591}"/>
              </a:ext>
            </a:extLst>
          </p:cNvPr>
          <p:cNvGrpSpPr/>
          <p:nvPr/>
        </p:nvGrpSpPr>
        <p:grpSpPr>
          <a:xfrm>
            <a:off x="7938978" y="2872277"/>
            <a:ext cx="649245" cy="649247"/>
            <a:chOff x="4104368" y="2351943"/>
            <a:chExt cx="649245" cy="649247"/>
          </a:xfrm>
        </p:grpSpPr>
        <p:sp>
          <p:nvSpPr>
            <p:cNvPr id="110" name="Freeform 21">
              <a:extLst>
                <a:ext uri="{FF2B5EF4-FFF2-40B4-BE49-F238E27FC236}">
                  <a16:creationId xmlns:a16="http://schemas.microsoft.com/office/drawing/2014/main" id="{9092A4DF-92EE-A9C5-B6F5-5F887B588EEF}"/>
                </a:ext>
              </a:extLst>
            </p:cNvPr>
            <p:cNvSpPr/>
            <p:nvPr/>
          </p:nvSpPr>
          <p:spPr>
            <a:xfrm rot="5400000" flipH="1">
              <a:off x="4104367" y="2351944"/>
              <a:ext cx="649247" cy="649245"/>
            </a:xfrm>
            <a:custGeom>
              <a:avLst/>
              <a:gdLst>
                <a:gd name="connsiteX0" fmla="*/ 0 w 905504"/>
                <a:gd name="connsiteY0" fmla="*/ 452752 h 905504"/>
                <a:gd name="connsiteX1" fmla="*/ 132608 w 905504"/>
                <a:gd name="connsiteY1" fmla="*/ 132608 h 905504"/>
                <a:gd name="connsiteX2" fmla="*/ 452752 w 905504"/>
                <a:gd name="connsiteY2" fmla="*/ 0 h 905504"/>
                <a:gd name="connsiteX3" fmla="*/ 772896 w 905504"/>
                <a:gd name="connsiteY3" fmla="*/ 132608 h 905504"/>
                <a:gd name="connsiteX4" fmla="*/ 905504 w 905504"/>
                <a:gd name="connsiteY4" fmla="*/ 452752 h 905504"/>
                <a:gd name="connsiteX5" fmla="*/ 772896 w 905504"/>
                <a:gd name="connsiteY5" fmla="*/ 772896 h 905504"/>
                <a:gd name="connsiteX6" fmla="*/ 452752 w 905504"/>
                <a:gd name="connsiteY6" fmla="*/ 905504 h 905504"/>
                <a:gd name="connsiteX7" fmla="*/ 132608 w 905504"/>
                <a:gd name="connsiteY7" fmla="*/ 772896 h 905504"/>
                <a:gd name="connsiteX8" fmla="*/ 0 w 905504"/>
                <a:gd name="connsiteY8" fmla="*/ 452752 h 905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5504" h="905504">
                  <a:moveTo>
                    <a:pt x="0" y="452752"/>
                  </a:moveTo>
                  <a:cubicBezTo>
                    <a:pt x="0" y="332675"/>
                    <a:pt x="47701" y="217515"/>
                    <a:pt x="132608" y="132608"/>
                  </a:cubicBezTo>
                  <a:cubicBezTo>
                    <a:pt x="217516" y="47701"/>
                    <a:pt x="332675" y="0"/>
                    <a:pt x="452752" y="0"/>
                  </a:cubicBezTo>
                  <a:cubicBezTo>
                    <a:pt x="572829" y="0"/>
                    <a:pt x="687989" y="47701"/>
                    <a:pt x="772896" y="132608"/>
                  </a:cubicBezTo>
                  <a:cubicBezTo>
                    <a:pt x="857803" y="217516"/>
                    <a:pt x="905504" y="332675"/>
                    <a:pt x="905504" y="452752"/>
                  </a:cubicBezTo>
                  <a:cubicBezTo>
                    <a:pt x="905504" y="572829"/>
                    <a:pt x="857803" y="687989"/>
                    <a:pt x="772896" y="772896"/>
                  </a:cubicBezTo>
                  <a:cubicBezTo>
                    <a:pt x="687988" y="857803"/>
                    <a:pt x="572829" y="905504"/>
                    <a:pt x="452752" y="905504"/>
                  </a:cubicBezTo>
                  <a:cubicBezTo>
                    <a:pt x="332675" y="905504"/>
                    <a:pt x="217515" y="857803"/>
                    <a:pt x="132608" y="772896"/>
                  </a:cubicBezTo>
                  <a:cubicBezTo>
                    <a:pt x="47701" y="687988"/>
                    <a:pt x="0" y="572829"/>
                    <a:pt x="0" y="452752"/>
                  </a:cubicBezTo>
                  <a:close/>
                </a:path>
              </a:pathLst>
            </a:custGeom>
            <a:solidFill>
              <a:schemeClr val="tx2">
                <a:lumMod val="40000"/>
                <a:lumOff val="60000"/>
              </a:schemeClr>
            </a:solidFill>
            <a:ln w="19050">
              <a:noFill/>
              <a:prstDash val="sysDot"/>
            </a:ln>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1797" tIns="91797" rIns="79313" bIns="79313" numCol="1" spcCol="1270" anchor="ctr" anchorCtr="0">
              <a:noAutofit/>
            </a:bodyPr>
            <a:lstStyle/>
            <a:p>
              <a:pPr algn="ctr" defTabSz="446291">
                <a:lnSpc>
                  <a:spcPct val="90000"/>
                </a:lnSpc>
                <a:spcAft>
                  <a:spcPct val="35000"/>
                </a:spcAft>
              </a:pPr>
              <a:endParaRPr lang="en-US" sz="900">
                <a:solidFill>
                  <a:schemeClr val="tx1"/>
                </a:solidFill>
              </a:endParaRPr>
            </a:p>
          </p:txBody>
        </p:sp>
        <p:grpSp>
          <p:nvGrpSpPr>
            <p:cNvPr id="111" name="Group 110">
              <a:extLst>
                <a:ext uri="{FF2B5EF4-FFF2-40B4-BE49-F238E27FC236}">
                  <a16:creationId xmlns:a16="http://schemas.microsoft.com/office/drawing/2014/main" id="{9C1F5837-B3B5-5760-E353-CC5F334018D4}"/>
                </a:ext>
              </a:extLst>
            </p:cNvPr>
            <p:cNvGrpSpPr>
              <a:grpSpLocks noChangeAspect="1"/>
            </p:cNvGrpSpPr>
            <p:nvPr/>
          </p:nvGrpSpPr>
          <p:grpSpPr>
            <a:xfrm>
              <a:off x="4211914" y="2468541"/>
              <a:ext cx="441375" cy="396428"/>
              <a:chOff x="5357553" y="2681325"/>
              <a:chExt cx="627360" cy="563469"/>
            </a:xfrm>
          </p:grpSpPr>
          <p:sp>
            <p:nvSpPr>
              <p:cNvPr id="112" name="Freeform 2">
                <a:extLst>
                  <a:ext uri="{FF2B5EF4-FFF2-40B4-BE49-F238E27FC236}">
                    <a16:creationId xmlns:a16="http://schemas.microsoft.com/office/drawing/2014/main" id="{B0D1A522-1A59-BECE-3332-9047D48402D5}"/>
                  </a:ext>
                </a:extLst>
              </p:cNvPr>
              <p:cNvSpPr/>
              <p:nvPr/>
            </p:nvSpPr>
            <p:spPr>
              <a:xfrm>
                <a:off x="5575163" y="3154262"/>
                <a:ext cx="181879" cy="71492"/>
              </a:xfrm>
              <a:custGeom>
                <a:avLst/>
                <a:gdLst>
                  <a:gd name="connsiteX0" fmla="*/ 181880 w 181879"/>
                  <a:gd name="connsiteY0" fmla="*/ 30653 h 71492"/>
                  <a:gd name="connsiteX1" fmla="*/ 181880 w 181879"/>
                  <a:gd name="connsiteY1" fmla="*/ 54167 h 71492"/>
                  <a:gd name="connsiteX2" fmla="*/ 90940 w 181879"/>
                  <a:gd name="connsiteY2" fmla="*/ 71492 h 71492"/>
                  <a:gd name="connsiteX3" fmla="*/ 0 w 181879"/>
                  <a:gd name="connsiteY3" fmla="*/ 54167 h 71492"/>
                  <a:gd name="connsiteX4" fmla="*/ 0 w 181879"/>
                  <a:gd name="connsiteY4" fmla="*/ 31034 h 71492"/>
                  <a:gd name="connsiteX5" fmla="*/ 90940 w 181879"/>
                  <a:gd name="connsiteY5" fmla="*/ 0 h 71492"/>
                  <a:gd name="connsiteX6" fmla="*/ 181880 w 181879"/>
                  <a:gd name="connsiteY6" fmla="*/ 30653 h 714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1879" h="71492">
                    <a:moveTo>
                      <a:pt x="181880" y="30653"/>
                    </a:moveTo>
                    <a:lnTo>
                      <a:pt x="181880" y="54167"/>
                    </a:lnTo>
                    <a:cubicBezTo>
                      <a:pt x="148145" y="65876"/>
                      <a:pt x="124864" y="71492"/>
                      <a:pt x="90940" y="71492"/>
                    </a:cubicBezTo>
                    <a:cubicBezTo>
                      <a:pt x="57016" y="71492"/>
                      <a:pt x="33734" y="65876"/>
                      <a:pt x="0" y="54167"/>
                    </a:cubicBezTo>
                    <a:lnTo>
                      <a:pt x="0" y="31034"/>
                    </a:lnTo>
                    <a:cubicBezTo>
                      <a:pt x="2376" y="22562"/>
                      <a:pt x="46087" y="0"/>
                      <a:pt x="90940" y="0"/>
                    </a:cubicBezTo>
                    <a:cubicBezTo>
                      <a:pt x="135792" y="0"/>
                      <a:pt x="179504" y="22562"/>
                      <a:pt x="181880" y="30653"/>
                    </a:cubicBezTo>
                    <a:close/>
                  </a:path>
                </a:pathLst>
              </a:custGeom>
              <a:solidFill>
                <a:srgbClr val="C7E4F1"/>
              </a:solidFill>
              <a:ln w="0" cap="flat">
                <a:noFill/>
                <a:prstDash val="solid"/>
                <a:miter/>
              </a:ln>
            </p:spPr>
            <p:txBody>
              <a:bodyPr rtlCol="0" anchor="ctr"/>
              <a:lstStyle/>
              <a:p>
                <a:endParaRPr lang="en-US"/>
              </a:p>
            </p:txBody>
          </p:sp>
          <p:sp>
            <p:nvSpPr>
              <p:cNvPr id="113" name="Freeform 3">
                <a:extLst>
                  <a:ext uri="{FF2B5EF4-FFF2-40B4-BE49-F238E27FC236}">
                    <a16:creationId xmlns:a16="http://schemas.microsoft.com/office/drawing/2014/main" id="{8A5CEC34-D5E7-C427-1E2B-1B8766CDEF65}"/>
                  </a:ext>
                </a:extLst>
              </p:cNvPr>
              <p:cNvSpPr/>
              <p:nvPr/>
            </p:nvSpPr>
            <p:spPr>
              <a:xfrm>
                <a:off x="5614598" y="2999282"/>
                <a:ext cx="103008" cy="99290"/>
              </a:xfrm>
              <a:custGeom>
                <a:avLst/>
                <a:gdLst>
                  <a:gd name="connsiteX0" fmla="*/ 103008 w 103008"/>
                  <a:gd name="connsiteY0" fmla="*/ 49598 h 99290"/>
                  <a:gd name="connsiteX1" fmla="*/ 51504 w 103008"/>
                  <a:gd name="connsiteY1" fmla="*/ 99290 h 99290"/>
                  <a:gd name="connsiteX2" fmla="*/ 0 w 103008"/>
                  <a:gd name="connsiteY2" fmla="*/ 49598 h 99290"/>
                  <a:gd name="connsiteX3" fmla="*/ 51504 w 103008"/>
                  <a:gd name="connsiteY3" fmla="*/ 0 h 99290"/>
                  <a:gd name="connsiteX4" fmla="*/ 103008 w 103008"/>
                  <a:gd name="connsiteY4" fmla="*/ 49598 h 992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008" h="99290">
                    <a:moveTo>
                      <a:pt x="103008" y="49598"/>
                    </a:moveTo>
                    <a:cubicBezTo>
                      <a:pt x="103008" y="76919"/>
                      <a:pt x="79917" y="99290"/>
                      <a:pt x="51504" y="99290"/>
                    </a:cubicBezTo>
                    <a:cubicBezTo>
                      <a:pt x="23091" y="99290"/>
                      <a:pt x="0" y="77014"/>
                      <a:pt x="0" y="49598"/>
                    </a:cubicBezTo>
                    <a:cubicBezTo>
                      <a:pt x="0" y="22181"/>
                      <a:pt x="23091" y="0"/>
                      <a:pt x="51504" y="0"/>
                    </a:cubicBezTo>
                    <a:cubicBezTo>
                      <a:pt x="79917" y="0"/>
                      <a:pt x="103008" y="22181"/>
                      <a:pt x="103008" y="49598"/>
                    </a:cubicBezTo>
                    <a:close/>
                  </a:path>
                </a:pathLst>
              </a:custGeom>
              <a:solidFill>
                <a:srgbClr val="66BCDB"/>
              </a:solidFill>
              <a:ln w="0" cap="flat">
                <a:noFill/>
                <a:prstDash val="solid"/>
                <a:miter/>
              </a:ln>
            </p:spPr>
            <p:txBody>
              <a:bodyPr rtlCol="0" anchor="ctr"/>
              <a:lstStyle/>
              <a:p>
                <a:endParaRPr lang="en-US"/>
              </a:p>
            </p:txBody>
          </p:sp>
          <p:sp>
            <p:nvSpPr>
              <p:cNvPr id="114" name="Freeform 4">
                <a:extLst>
                  <a:ext uri="{FF2B5EF4-FFF2-40B4-BE49-F238E27FC236}">
                    <a16:creationId xmlns:a16="http://schemas.microsoft.com/office/drawing/2014/main" id="{C455C16E-296A-2FC8-D3E7-7D0F2B5CF9E0}"/>
                  </a:ext>
                </a:extLst>
              </p:cNvPr>
              <p:cNvSpPr/>
              <p:nvPr/>
            </p:nvSpPr>
            <p:spPr>
              <a:xfrm>
                <a:off x="5784030" y="2886474"/>
                <a:ext cx="181879" cy="71492"/>
              </a:xfrm>
              <a:custGeom>
                <a:avLst/>
                <a:gdLst>
                  <a:gd name="connsiteX0" fmla="*/ 181880 w 181879"/>
                  <a:gd name="connsiteY0" fmla="*/ 30653 h 71492"/>
                  <a:gd name="connsiteX1" fmla="*/ 181880 w 181879"/>
                  <a:gd name="connsiteY1" fmla="*/ 54167 h 71492"/>
                  <a:gd name="connsiteX2" fmla="*/ 90940 w 181879"/>
                  <a:gd name="connsiteY2" fmla="*/ 71493 h 71492"/>
                  <a:gd name="connsiteX3" fmla="*/ 0 w 181879"/>
                  <a:gd name="connsiteY3" fmla="*/ 54167 h 71492"/>
                  <a:gd name="connsiteX4" fmla="*/ 0 w 181879"/>
                  <a:gd name="connsiteY4" fmla="*/ 31034 h 71492"/>
                  <a:gd name="connsiteX5" fmla="*/ 90940 w 181879"/>
                  <a:gd name="connsiteY5" fmla="*/ 0 h 71492"/>
                  <a:gd name="connsiteX6" fmla="*/ 181880 w 181879"/>
                  <a:gd name="connsiteY6" fmla="*/ 30653 h 714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1879" h="71492">
                    <a:moveTo>
                      <a:pt x="181880" y="30653"/>
                    </a:moveTo>
                    <a:lnTo>
                      <a:pt x="181880" y="54167"/>
                    </a:lnTo>
                    <a:cubicBezTo>
                      <a:pt x="148145" y="65876"/>
                      <a:pt x="124864" y="71493"/>
                      <a:pt x="90940" y="71493"/>
                    </a:cubicBezTo>
                    <a:cubicBezTo>
                      <a:pt x="57016" y="71493"/>
                      <a:pt x="33734" y="65876"/>
                      <a:pt x="0" y="54167"/>
                    </a:cubicBezTo>
                    <a:lnTo>
                      <a:pt x="0" y="31034"/>
                    </a:lnTo>
                    <a:cubicBezTo>
                      <a:pt x="2376" y="22562"/>
                      <a:pt x="46088" y="0"/>
                      <a:pt x="90940" y="0"/>
                    </a:cubicBezTo>
                    <a:cubicBezTo>
                      <a:pt x="135792" y="0"/>
                      <a:pt x="179504" y="22562"/>
                      <a:pt x="181880" y="30653"/>
                    </a:cubicBezTo>
                    <a:close/>
                  </a:path>
                </a:pathLst>
              </a:custGeom>
              <a:solidFill>
                <a:srgbClr val="C7E4F1"/>
              </a:solidFill>
              <a:ln w="0" cap="flat">
                <a:noFill/>
                <a:prstDash val="solid"/>
                <a:miter/>
              </a:ln>
            </p:spPr>
            <p:txBody>
              <a:bodyPr rtlCol="0" anchor="ctr"/>
              <a:lstStyle/>
              <a:p>
                <a:endParaRPr lang="en-US"/>
              </a:p>
            </p:txBody>
          </p:sp>
          <p:sp>
            <p:nvSpPr>
              <p:cNvPr id="115" name="Freeform 5">
                <a:extLst>
                  <a:ext uri="{FF2B5EF4-FFF2-40B4-BE49-F238E27FC236}">
                    <a16:creationId xmlns:a16="http://schemas.microsoft.com/office/drawing/2014/main" id="{56A6EDFF-15FA-934C-E424-311FB80B54ED}"/>
                  </a:ext>
                </a:extLst>
              </p:cNvPr>
              <p:cNvSpPr/>
              <p:nvPr/>
            </p:nvSpPr>
            <p:spPr>
              <a:xfrm>
                <a:off x="5823370" y="2731494"/>
                <a:ext cx="103008" cy="99290"/>
              </a:xfrm>
              <a:custGeom>
                <a:avLst/>
                <a:gdLst>
                  <a:gd name="connsiteX0" fmla="*/ 103008 w 103008"/>
                  <a:gd name="connsiteY0" fmla="*/ 49598 h 99290"/>
                  <a:gd name="connsiteX1" fmla="*/ 51504 w 103008"/>
                  <a:gd name="connsiteY1" fmla="*/ 99290 h 99290"/>
                  <a:gd name="connsiteX2" fmla="*/ 0 w 103008"/>
                  <a:gd name="connsiteY2" fmla="*/ 49598 h 99290"/>
                  <a:gd name="connsiteX3" fmla="*/ 51504 w 103008"/>
                  <a:gd name="connsiteY3" fmla="*/ 0 h 99290"/>
                  <a:gd name="connsiteX4" fmla="*/ 103008 w 103008"/>
                  <a:gd name="connsiteY4" fmla="*/ 49598 h 992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008" h="99290">
                    <a:moveTo>
                      <a:pt x="103008" y="49598"/>
                    </a:moveTo>
                    <a:cubicBezTo>
                      <a:pt x="103008" y="76919"/>
                      <a:pt x="79917" y="99290"/>
                      <a:pt x="51504" y="99290"/>
                    </a:cubicBezTo>
                    <a:cubicBezTo>
                      <a:pt x="23091" y="99290"/>
                      <a:pt x="0" y="77014"/>
                      <a:pt x="0" y="49598"/>
                    </a:cubicBezTo>
                    <a:cubicBezTo>
                      <a:pt x="0" y="22181"/>
                      <a:pt x="23091" y="0"/>
                      <a:pt x="51504" y="0"/>
                    </a:cubicBezTo>
                    <a:cubicBezTo>
                      <a:pt x="79917" y="0"/>
                      <a:pt x="103008" y="22181"/>
                      <a:pt x="103008" y="49598"/>
                    </a:cubicBezTo>
                    <a:close/>
                  </a:path>
                </a:pathLst>
              </a:custGeom>
              <a:solidFill>
                <a:srgbClr val="66BCDB"/>
              </a:solidFill>
              <a:ln w="0" cap="flat">
                <a:noFill/>
                <a:prstDash val="solid"/>
                <a:miter/>
              </a:ln>
            </p:spPr>
            <p:txBody>
              <a:bodyPr rtlCol="0" anchor="ctr"/>
              <a:lstStyle/>
              <a:p>
                <a:endParaRPr lang="en-US"/>
              </a:p>
            </p:txBody>
          </p:sp>
          <p:sp>
            <p:nvSpPr>
              <p:cNvPr id="116" name="Freeform 6">
                <a:extLst>
                  <a:ext uri="{FF2B5EF4-FFF2-40B4-BE49-F238E27FC236}">
                    <a16:creationId xmlns:a16="http://schemas.microsoft.com/office/drawing/2014/main" id="{575F2114-6461-A511-C0FE-DF5F2DC0FF51}"/>
                  </a:ext>
                </a:extLst>
              </p:cNvPr>
              <p:cNvSpPr/>
              <p:nvPr/>
            </p:nvSpPr>
            <p:spPr>
              <a:xfrm>
                <a:off x="5376558" y="2889330"/>
                <a:ext cx="181879" cy="71492"/>
              </a:xfrm>
              <a:custGeom>
                <a:avLst/>
                <a:gdLst>
                  <a:gd name="connsiteX0" fmla="*/ 181880 w 181879"/>
                  <a:gd name="connsiteY0" fmla="*/ 30653 h 71492"/>
                  <a:gd name="connsiteX1" fmla="*/ 181880 w 181879"/>
                  <a:gd name="connsiteY1" fmla="*/ 54167 h 71492"/>
                  <a:gd name="connsiteX2" fmla="*/ 90940 w 181879"/>
                  <a:gd name="connsiteY2" fmla="*/ 71493 h 71492"/>
                  <a:gd name="connsiteX3" fmla="*/ 0 w 181879"/>
                  <a:gd name="connsiteY3" fmla="*/ 54167 h 71492"/>
                  <a:gd name="connsiteX4" fmla="*/ 0 w 181879"/>
                  <a:gd name="connsiteY4" fmla="*/ 31034 h 71492"/>
                  <a:gd name="connsiteX5" fmla="*/ 90940 w 181879"/>
                  <a:gd name="connsiteY5" fmla="*/ 0 h 71492"/>
                  <a:gd name="connsiteX6" fmla="*/ 181880 w 181879"/>
                  <a:gd name="connsiteY6" fmla="*/ 30653 h 714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1879" h="71492">
                    <a:moveTo>
                      <a:pt x="181880" y="30653"/>
                    </a:moveTo>
                    <a:lnTo>
                      <a:pt x="181880" y="54167"/>
                    </a:lnTo>
                    <a:cubicBezTo>
                      <a:pt x="148145" y="65876"/>
                      <a:pt x="124864" y="71493"/>
                      <a:pt x="90940" y="71493"/>
                    </a:cubicBezTo>
                    <a:cubicBezTo>
                      <a:pt x="57016" y="71493"/>
                      <a:pt x="33734" y="65876"/>
                      <a:pt x="0" y="54167"/>
                    </a:cubicBezTo>
                    <a:lnTo>
                      <a:pt x="0" y="31034"/>
                    </a:lnTo>
                    <a:cubicBezTo>
                      <a:pt x="2376" y="22562"/>
                      <a:pt x="46088" y="0"/>
                      <a:pt x="90940" y="0"/>
                    </a:cubicBezTo>
                    <a:cubicBezTo>
                      <a:pt x="135792" y="0"/>
                      <a:pt x="179504" y="22562"/>
                      <a:pt x="181880" y="30653"/>
                    </a:cubicBezTo>
                    <a:close/>
                  </a:path>
                </a:pathLst>
              </a:custGeom>
              <a:solidFill>
                <a:srgbClr val="C7E4F1"/>
              </a:solidFill>
              <a:ln w="0" cap="flat">
                <a:noFill/>
                <a:prstDash val="solid"/>
                <a:miter/>
              </a:ln>
            </p:spPr>
            <p:txBody>
              <a:bodyPr rtlCol="0" anchor="ctr"/>
              <a:lstStyle/>
              <a:p>
                <a:endParaRPr lang="en-US"/>
              </a:p>
            </p:txBody>
          </p:sp>
          <p:sp>
            <p:nvSpPr>
              <p:cNvPr id="117" name="Freeform 7">
                <a:extLst>
                  <a:ext uri="{FF2B5EF4-FFF2-40B4-BE49-F238E27FC236}">
                    <a16:creationId xmlns:a16="http://schemas.microsoft.com/office/drawing/2014/main" id="{E66DAA34-1C78-5785-0012-D9A10F596D61}"/>
                  </a:ext>
                </a:extLst>
              </p:cNvPr>
              <p:cNvSpPr/>
              <p:nvPr/>
            </p:nvSpPr>
            <p:spPr>
              <a:xfrm>
                <a:off x="5415994" y="2734350"/>
                <a:ext cx="103008" cy="99290"/>
              </a:xfrm>
              <a:custGeom>
                <a:avLst/>
                <a:gdLst>
                  <a:gd name="connsiteX0" fmla="*/ 103008 w 103008"/>
                  <a:gd name="connsiteY0" fmla="*/ 49598 h 99290"/>
                  <a:gd name="connsiteX1" fmla="*/ 51504 w 103008"/>
                  <a:gd name="connsiteY1" fmla="*/ 99290 h 99290"/>
                  <a:gd name="connsiteX2" fmla="*/ 0 w 103008"/>
                  <a:gd name="connsiteY2" fmla="*/ 49598 h 99290"/>
                  <a:gd name="connsiteX3" fmla="*/ 51504 w 103008"/>
                  <a:gd name="connsiteY3" fmla="*/ 0 h 99290"/>
                  <a:gd name="connsiteX4" fmla="*/ 103008 w 103008"/>
                  <a:gd name="connsiteY4" fmla="*/ 49598 h 9929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008" h="99290">
                    <a:moveTo>
                      <a:pt x="103008" y="49598"/>
                    </a:moveTo>
                    <a:cubicBezTo>
                      <a:pt x="103008" y="76919"/>
                      <a:pt x="79917" y="99290"/>
                      <a:pt x="51504" y="99290"/>
                    </a:cubicBezTo>
                    <a:cubicBezTo>
                      <a:pt x="23091" y="99290"/>
                      <a:pt x="0" y="76919"/>
                      <a:pt x="0" y="49598"/>
                    </a:cubicBezTo>
                    <a:cubicBezTo>
                      <a:pt x="0" y="22276"/>
                      <a:pt x="23091" y="0"/>
                      <a:pt x="51504" y="0"/>
                    </a:cubicBezTo>
                    <a:cubicBezTo>
                      <a:pt x="79917" y="0"/>
                      <a:pt x="103008" y="22276"/>
                      <a:pt x="103008" y="49598"/>
                    </a:cubicBezTo>
                    <a:close/>
                  </a:path>
                </a:pathLst>
              </a:custGeom>
              <a:solidFill>
                <a:srgbClr val="66BCDB"/>
              </a:solidFill>
              <a:ln w="0" cap="flat">
                <a:noFill/>
                <a:prstDash val="solid"/>
                <a:miter/>
              </a:ln>
            </p:spPr>
            <p:txBody>
              <a:bodyPr rtlCol="0" anchor="ctr"/>
              <a:lstStyle/>
              <a:p>
                <a:endParaRPr lang="en-US"/>
              </a:p>
            </p:txBody>
          </p:sp>
          <p:sp>
            <p:nvSpPr>
              <p:cNvPr id="118" name="Freeform 8">
                <a:extLst>
                  <a:ext uri="{FF2B5EF4-FFF2-40B4-BE49-F238E27FC236}">
                    <a16:creationId xmlns:a16="http://schemas.microsoft.com/office/drawing/2014/main" id="{382887C6-9529-A9E7-8471-1B70B21B7E2D}"/>
                  </a:ext>
                </a:extLst>
              </p:cNvPr>
              <p:cNvSpPr/>
              <p:nvPr/>
            </p:nvSpPr>
            <p:spPr>
              <a:xfrm>
                <a:off x="5389862" y="3000234"/>
                <a:ext cx="143394" cy="203625"/>
              </a:xfrm>
              <a:custGeom>
                <a:avLst/>
                <a:gdLst>
                  <a:gd name="connsiteX0" fmla="*/ 143394 w 143394"/>
                  <a:gd name="connsiteY0" fmla="*/ 187252 h 203625"/>
                  <a:gd name="connsiteX1" fmla="*/ 18815 w 143394"/>
                  <a:gd name="connsiteY1" fmla="*/ 0 h 203625"/>
                  <a:gd name="connsiteX2" fmla="*/ 0 w 143394"/>
                  <a:gd name="connsiteY2" fmla="*/ 2761 h 203625"/>
                  <a:gd name="connsiteX3" fmla="*/ 133606 w 143394"/>
                  <a:gd name="connsiteY3" fmla="*/ 203626 h 203625"/>
                  <a:gd name="connsiteX4" fmla="*/ 143394 w 143394"/>
                  <a:gd name="connsiteY4" fmla="*/ 187347 h 2036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3394" h="203625">
                    <a:moveTo>
                      <a:pt x="143394" y="187252"/>
                    </a:moveTo>
                    <a:cubicBezTo>
                      <a:pt x="75451" y="146412"/>
                      <a:pt x="30028" y="78157"/>
                      <a:pt x="18815" y="0"/>
                    </a:cubicBezTo>
                    <a:lnTo>
                      <a:pt x="0" y="2761"/>
                    </a:lnTo>
                    <a:cubicBezTo>
                      <a:pt x="12068" y="86629"/>
                      <a:pt x="60722" y="159835"/>
                      <a:pt x="133606" y="203626"/>
                    </a:cubicBezTo>
                    <a:lnTo>
                      <a:pt x="143394" y="187347"/>
                    </a:lnTo>
                    <a:close/>
                  </a:path>
                </a:pathLst>
              </a:custGeom>
              <a:solidFill>
                <a:srgbClr val="265A9A"/>
              </a:solidFill>
              <a:ln w="0" cap="flat">
                <a:noFill/>
                <a:prstDash val="solid"/>
                <a:miter/>
              </a:ln>
            </p:spPr>
            <p:txBody>
              <a:bodyPr rtlCol="0" anchor="ctr"/>
              <a:lstStyle/>
              <a:p>
                <a:endParaRPr lang="en-US"/>
              </a:p>
            </p:txBody>
          </p:sp>
          <p:sp>
            <p:nvSpPr>
              <p:cNvPr id="119" name="Freeform 9">
                <a:extLst>
                  <a:ext uri="{FF2B5EF4-FFF2-40B4-BE49-F238E27FC236}">
                    <a16:creationId xmlns:a16="http://schemas.microsoft.com/office/drawing/2014/main" id="{C85D65F7-B465-DD48-83CE-CB36505AA642}"/>
                  </a:ext>
                </a:extLst>
              </p:cNvPr>
              <p:cNvSpPr/>
              <p:nvPr/>
            </p:nvSpPr>
            <p:spPr>
              <a:xfrm>
                <a:off x="5804460" y="3000234"/>
                <a:ext cx="140923" cy="202007"/>
              </a:xfrm>
              <a:custGeom>
                <a:avLst/>
                <a:gdLst>
                  <a:gd name="connsiteX0" fmla="*/ 122108 w 140923"/>
                  <a:gd name="connsiteY0" fmla="*/ 0 h 202007"/>
                  <a:gd name="connsiteX1" fmla="*/ 0 w 140923"/>
                  <a:gd name="connsiteY1" fmla="*/ 185824 h 202007"/>
                  <a:gd name="connsiteX2" fmla="*/ 9978 w 140923"/>
                  <a:gd name="connsiteY2" fmla="*/ 202007 h 202007"/>
                  <a:gd name="connsiteX3" fmla="*/ 140923 w 140923"/>
                  <a:gd name="connsiteY3" fmla="*/ 2761 h 202007"/>
                  <a:gd name="connsiteX4" fmla="*/ 122108 w 140923"/>
                  <a:gd name="connsiteY4" fmla="*/ 0 h 20200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923" h="202007">
                    <a:moveTo>
                      <a:pt x="122108" y="0"/>
                    </a:moveTo>
                    <a:cubicBezTo>
                      <a:pt x="111085" y="77109"/>
                      <a:pt x="66518" y="144794"/>
                      <a:pt x="0" y="185824"/>
                    </a:cubicBezTo>
                    <a:lnTo>
                      <a:pt x="9978" y="202007"/>
                    </a:lnTo>
                    <a:cubicBezTo>
                      <a:pt x="81342" y="158026"/>
                      <a:pt x="129045" y="85391"/>
                      <a:pt x="140923" y="2761"/>
                    </a:cubicBezTo>
                    <a:lnTo>
                      <a:pt x="122108" y="0"/>
                    </a:lnTo>
                    <a:close/>
                  </a:path>
                </a:pathLst>
              </a:custGeom>
              <a:solidFill>
                <a:srgbClr val="265A9A"/>
              </a:solidFill>
              <a:ln w="0" cap="flat">
                <a:noFill/>
                <a:prstDash val="solid"/>
                <a:miter/>
              </a:ln>
            </p:spPr>
            <p:txBody>
              <a:bodyPr rtlCol="0" anchor="ctr"/>
              <a:lstStyle/>
              <a:p>
                <a:endParaRPr lang="en-US"/>
              </a:p>
            </p:txBody>
          </p:sp>
          <p:sp>
            <p:nvSpPr>
              <p:cNvPr id="120" name="Freeform 10">
                <a:extLst>
                  <a:ext uri="{FF2B5EF4-FFF2-40B4-BE49-F238E27FC236}">
                    <a16:creationId xmlns:a16="http://schemas.microsoft.com/office/drawing/2014/main" id="{7C6ECE50-14B4-E833-CCDA-867AB33DD201}"/>
                  </a:ext>
                </a:extLst>
              </p:cNvPr>
              <p:cNvSpPr/>
              <p:nvPr/>
            </p:nvSpPr>
            <p:spPr>
              <a:xfrm>
                <a:off x="5541428" y="2681325"/>
                <a:ext cx="252388" cy="47027"/>
              </a:xfrm>
              <a:custGeom>
                <a:avLst/>
                <a:gdLst>
                  <a:gd name="connsiteX0" fmla="*/ 126194 w 252388"/>
                  <a:gd name="connsiteY0" fmla="*/ 19134 h 47027"/>
                  <a:gd name="connsiteX1" fmla="*/ 243836 w 252388"/>
                  <a:gd name="connsiteY1" fmla="*/ 47027 h 47027"/>
                  <a:gd name="connsiteX2" fmla="*/ 252389 w 252388"/>
                  <a:gd name="connsiteY2" fmla="*/ 29987 h 47027"/>
                  <a:gd name="connsiteX3" fmla="*/ 126194 w 252388"/>
                  <a:gd name="connsiteY3" fmla="*/ 0 h 47027"/>
                  <a:gd name="connsiteX4" fmla="*/ 0 w 252388"/>
                  <a:gd name="connsiteY4" fmla="*/ 29987 h 47027"/>
                  <a:gd name="connsiteX5" fmla="*/ 8552 w 252388"/>
                  <a:gd name="connsiteY5" fmla="*/ 47027 h 47027"/>
                  <a:gd name="connsiteX6" fmla="*/ 126194 w 252388"/>
                  <a:gd name="connsiteY6" fmla="*/ 19134 h 470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52388" h="47027">
                    <a:moveTo>
                      <a:pt x="126194" y="19134"/>
                    </a:moveTo>
                    <a:cubicBezTo>
                      <a:pt x="167531" y="19134"/>
                      <a:pt x="207156" y="28559"/>
                      <a:pt x="243836" y="47027"/>
                    </a:cubicBezTo>
                    <a:lnTo>
                      <a:pt x="252389" y="29987"/>
                    </a:lnTo>
                    <a:cubicBezTo>
                      <a:pt x="213048" y="10091"/>
                      <a:pt x="170571" y="0"/>
                      <a:pt x="126194" y="0"/>
                    </a:cubicBezTo>
                    <a:cubicBezTo>
                      <a:pt x="81817" y="0"/>
                      <a:pt x="39341" y="10091"/>
                      <a:pt x="0" y="29987"/>
                    </a:cubicBezTo>
                    <a:lnTo>
                      <a:pt x="8552" y="47027"/>
                    </a:lnTo>
                    <a:cubicBezTo>
                      <a:pt x="45232" y="28464"/>
                      <a:pt x="84763" y="19134"/>
                      <a:pt x="126194" y="19134"/>
                    </a:cubicBezTo>
                    <a:close/>
                  </a:path>
                </a:pathLst>
              </a:custGeom>
              <a:solidFill>
                <a:srgbClr val="265A9A"/>
              </a:solidFill>
              <a:ln w="0" cap="flat">
                <a:noFill/>
                <a:prstDash val="solid"/>
                <a:miter/>
              </a:ln>
            </p:spPr>
            <p:txBody>
              <a:bodyPr rtlCol="0" anchor="ctr"/>
              <a:lstStyle/>
              <a:p>
                <a:endParaRPr lang="en-US"/>
              </a:p>
            </p:txBody>
          </p:sp>
          <p:sp>
            <p:nvSpPr>
              <p:cNvPr id="121" name="Freeform 11">
                <a:extLst>
                  <a:ext uri="{FF2B5EF4-FFF2-40B4-BE49-F238E27FC236}">
                    <a16:creationId xmlns:a16="http://schemas.microsoft.com/office/drawing/2014/main" id="{B1ACF451-A9A8-7D08-4460-BA82146B78BC}"/>
                  </a:ext>
                </a:extLst>
              </p:cNvPr>
              <p:cNvSpPr/>
              <p:nvPr/>
            </p:nvSpPr>
            <p:spPr>
              <a:xfrm>
                <a:off x="5556157" y="3135223"/>
                <a:ext cx="219889" cy="109571"/>
              </a:xfrm>
              <a:custGeom>
                <a:avLst/>
                <a:gdLst>
                  <a:gd name="connsiteX0" fmla="*/ 109945 w 219889"/>
                  <a:gd name="connsiteY0" fmla="*/ 0 h 109571"/>
                  <a:gd name="connsiteX1" fmla="*/ 0 w 219889"/>
                  <a:gd name="connsiteY1" fmla="*/ 49692 h 109571"/>
                  <a:gd name="connsiteX2" fmla="*/ 0 w 219889"/>
                  <a:gd name="connsiteY2" fmla="*/ 79394 h 109571"/>
                  <a:gd name="connsiteX3" fmla="*/ 6937 w 219889"/>
                  <a:gd name="connsiteY3" fmla="*/ 88818 h 109571"/>
                  <a:gd name="connsiteX4" fmla="*/ 109945 w 219889"/>
                  <a:gd name="connsiteY4" fmla="*/ 109571 h 109571"/>
                  <a:gd name="connsiteX5" fmla="*/ 214473 w 219889"/>
                  <a:gd name="connsiteY5" fmla="*/ 88342 h 109571"/>
                  <a:gd name="connsiteX6" fmla="*/ 219890 w 219889"/>
                  <a:gd name="connsiteY6" fmla="*/ 81012 h 109571"/>
                  <a:gd name="connsiteX7" fmla="*/ 219890 w 219889"/>
                  <a:gd name="connsiteY7" fmla="*/ 49692 h 109571"/>
                  <a:gd name="connsiteX8" fmla="*/ 109945 w 219889"/>
                  <a:gd name="connsiteY8" fmla="*/ 0 h 109571"/>
                  <a:gd name="connsiteX9" fmla="*/ 200885 w 219889"/>
                  <a:gd name="connsiteY9" fmla="*/ 73206 h 109571"/>
                  <a:gd name="connsiteX10" fmla="*/ 109945 w 219889"/>
                  <a:gd name="connsiteY10" fmla="*/ 90532 h 109571"/>
                  <a:gd name="connsiteX11" fmla="*/ 19005 w 219889"/>
                  <a:gd name="connsiteY11" fmla="*/ 73206 h 109571"/>
                  <a:gd name="connsiteX12" fmla="*/ 19005 w 219889"/>
                  <a:gd name="connsiteY12" fmla="*/ 50073 h 109571"/>
                  <a:gd name="connsiteX13" fmla="*/ 109945 w 219889"/>
                  <a:gd name="connsiteY13" fmla="*/ 19039 h 109571"/>
                  <a:gd name="connsiteX14" fmla="*/ 200885 w 219889"/>
                  <a:gd name="connsiteY14" fmla="*/ 49692 h 109571"/>
                  <a:gd name="connsiteX15" fmla="*/ 200885 w 219889"/>
                  <a:gd name="connsiteY15" fmla="*/ 73206 h 109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19889" h="109571">
                    <a:moveTo>
                      <a:pt x="109945" y="0"/>
                    </a:moveTo>
                    <a:cubicBezTo>
                      <a:pt x="67563" y="0"/>
                      <a:pt x="0" y="22752"/>
                      <a:pt x="0" y="49692"/>
                    </a:cubicBezTo>
                    <a:lnTo>
                      <a:pt x="0" y="79394"/>
                    </a:lnTo>
                    <a:cubicBezTo>
                      <a:pt x="0" y="83678"/>
                      <a:pt x="2851" y="87485"/>
                      <a:pt x="6937" y="88818"/>
                    </a:cubicBezTo>
                    <a:cubicBezTo>
                      <a:pt x="25752" y="94435"/>
                      <a:pt x="78491" y="109571"/>
                      <a:pt x="109945" y="109571"/>
                    </a:cubicBezTo>
                    <a:cubicBezTo>
                      <a:pt x="141399" y="109571"/>
                      <a:pt x="197179" y="93578"/>
                      <a:pt x="214473" y="88342"/>
                    </a:cubicBezTo>
                    <a:cubicBezTo>
                      <a:pt x="217704" y="87295"/>
                      <a:pt x="219890" y="84344"/>
                      <a:pt x="219890" y="81012"/>
                    </a:cubicBezTo>
                    <a:lnTo>
                      <a:pt x="219890" y="49692"/>
                    </a:lnTo>
                    <a:cubicBezTo>
                      <a:pt x="219890" y="22752"/>
                      <a:pt x="152326" y="0"/>
                      <a:pt x="109945" y="0"/>
                    </a:cubicBezTo>
                    <a:close/>
                    <a:moveTo>
                      <a:pt x="200885" y="73206"/>
                    </a:moveTo>
                    <a:cubicBezTo>
                      <a:pt x="167151" y="84915"/>
                      <a:pt x="143869" y="90532"/>
                      <a:pt x="109945" y="90532"/>
                    </a:cubicBezTo>
                    <a:cubicBezTo>
                      <a:pt x="76021" y="90532"/>
                      <a:pt x="52739" y="84915"/>
                      <a:pt x="19005" y="73206"/>
                    </a:cubicBezTo>
                    <a:lnTo>
                      <a:pt x="19005" y="50073"/>
                    </a:lnTo>
                    <a:cubicBezTo>
                      <a:pt x="21381" y="41601"/>
                      <a:pt x="65093" y="19039"/>
                      <a:pt x="109945" y="19039"/>
                    </a:cubicBezTo>
                    <a:cubicBezTo>
                      <a:pt x="154797" y="19039"/>
                      <a:pt x="198509" y="41601"/>
                      <a:pt x="200885" y="49692"/>
                    </a:cubicBezTo>
                    <a:lnTo>
                      <a:pt x="200885" y="73206"/>
                    </a:lnTo>
                    <a:close/>
                  </a:path>
                </a:pathLst>
              </a:custGeom>
              <a:solidFill>
                <a:srgbClr val="265A9A"/>
              </a:solidFill>
              <a:ln w="0" cap="flat">
                <a:noFill/>
                <a:prstDash val="solid"/>
                <a:miter/>
              </a:ln>
            </p:spPr>
            <p:txBody>
              <a:bodyPr rtlCol="0" anchor="ctr"/>
              <a:lstStyle/>
              <a:p>
                <a:endParaRPr lang="en-US"/>
              </a:p>
            </p:txBody>
          </p:sp>
          <p:sp>
            <p:nvSpPr>
              <p:cNvPr id="122" name="Freeform 12">
                <a:extLst>
                  <a:ext uri="{FF2B5EF4-FFF2-40B4-BE49-F238E27FC236}">
                    <a16:creationId xmlns:a16="http://schemas.microsoft.com/office/drawing/2014/main" id="{FAE19409-194C-3EA3-6CA6-E7A0CC2E220A}"/>
                  </a:ext>
                </a:extLst>
              </p:cNvPr>
              <p:cNvSpPr/>
              <p:nvPr/>
            </p:nvSpPr>
            <p:spPr>
              <a:xfrm>
                <a:off x="5597114" y="2981670"/>
                <a:ext cx="137977" cy="134417"/>
              </a:xfrm>
              <a:custGeom>
                <a:avLst/>
                <a:gdLst>
                  <a:gd name="connsiteX0" fmla="*/ 68989 w 137977"/>
                  <a:gd name="connsiteY0" fmla="*/ 0 h 134417"/>
                  <a:gd name="connsiteX1" fmla="*/ 0 w 137977"/>
                  <a:gd name="connsiteY1" fmla="*/ 67209 h 134417"/>
                  <a:gd name="connsiteX2" fmla="*/ 68989 w 137977"/>
                  <a:gd name="connsiteY2" fmla="*/ 134418 h 134417"/>
                  <a:gd name="connsiteX3" fmla="*/ 137978 w 137977"/>
                  <a:gd name="connsiteY3" fmla="*/ 67209 h 134417"/>
                  <a:gd name="connsiteX4" fmla="*/ 68989 w 137977"/>
                  <a:gd name="connsiteY4" fmla="*/ 0 h 134417"/>
                  <a:gd name="connsiteX5" fmla="*/ 68989 w 137977"/>
                  <a:gd name="connsiteY5" fmla="*/ 114236 h 134417"/>
                  <a:gd name="connsiteX6" fmla="*/ 20241 w 137977"/>
                  <a:gd name="connsiteY6" fmla="*/ 67209 h 134417"/>
                  <a:gd name="connsiteX7" fmla="*/ 68989 w 137977"/>
                  <a:gd name="connsiteY7" fmla="*/ 20277 h 134417"/>
                  <a:gd name="connsiteX8" fmla="*/ 117737 w 137977"/>
                  <a:gd name="connsiteY8" fmla="*/ 67209 h 134417"/>
                  <a:gd name="connsiteX9" fmla="*/ 68989 w 137977"/>
                  <a:gd name="connsiteY9" fmla="*/ 114236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977" h="134417">
                    <a:moveTo>
                      <a:pt x="68989" y="0"/>
                    </a:moveTo>
                    <a:cubicBezTo>
                      <a:pt x="30978" y="0"/>
                      <a:pt x="0" y="30177"/>
                      <a:pt x="0" y="67209"/>
                    </a:cubicBezTo>
                    <a:cubicBezTo>
                      <a:pt x="0" y="104240"/>
                      <a:pt x="30978" y="134418"/>
                      <a:pt x="68989" y="134418"/>
                    </a:cubicBezTo>
                    <a:cubicBezTo>
                      <a:pt x="106999" y="134418"/>
                      <a:pt x="137978" y="104240"/>
                      <a:pt x="137978" y="67209"/>
                    </a:cubicBezTo>
                    <a:cubicBezTo>
                      <a:pt x="137978" y="30177"/>
                      <a:pt x="106999" y="0"/>
                      <a:pt x="68989" y="0"/>
                    </a:cubicBezTo>
                    <a:close/>
                    <a:moveTo>
                      <a:pt x="68989" y="114236"/>
                    </a:moveTo>
                    <a:cubicBezTo>
                      <a:pt x="42096" y="114236"/>
                      <a:pt x="20241" y="93102"/>
                      <a:pt x="20241" y="67209"/>
                    </a:cubicBezTo>
                    <a:cubicBezTo>
                      <a:pt x="20241" y="41315"/>
                      <a:pt x="42096" y="20277"/>
                      <a:pt x="68989" y="20277"/>
                    </a:cubicBezTo>
                    <a:cubicBezTo>
                      <a:pt x="95881" y="20277"/>
                      <a:pt x="117737" y="41315"/>
                      <a:pt x="117737" y="67209"/>
                    </a:cubicBezTo>
                    <a:cubicBezTo>
                      <a:pt x="117737" y="93102"/>
                      <a:pt x="95881" y="114236"/>
                      <a:pt x="68989" y="114236"/>
                    </a:cubicBezTo>
                    <a:close/>
                  </a:path>
                </a:pathLst>
              </a:custGeom>
              <a:solidFill>
                <a:srgbClr val="265A9A"/>
              </a:solidFill>
              <a:ln w="0" cap="flat">
                <a:noFill/>
                <a:prstDash val="solid"/>
                <a:miter/>
              </a:ln>
            </p:spPr>
            <p:txBody>
              <a:bodyPr rtlCol="0" anchor="ctr"/>
              <a:lstStyle/>
              <a:p>
                <a:endParaRPr lang="en-US"/>
              </a:p>
            </p:txBody>
          </p:sp>
          <p:sp>
            <p:nvSpPr>
              <p:cNvPr id="123" name="Freeform 13">
                <a:extLst>
                  <a:ext uri="{FF2B5EF4-FFF2-40B4-BE49-F238E27FC236}">
                    <a16:creationId xmlns:a16="http://schemas.microsoft.com/office/drawing/2014/main" id="{A8D2CF07-4555-92F6-09DB-EC7059E587B7}"/>
                  </a:ext>
                </a:extLst>
              </p:cNvPr>
              <p:cNvSpPr/>
              <p:nvPr/>
            </p:nvSpPr>
            <p:spPr>
              <a:xfrm>
                <a:off x="5765024" y="2867434"/>
                <a:ext cx="219889" cy="109571"/>
              </a:xfrm>
              <a:custGeom>
                <a:avLst/>
                <a:gdLst>
                  <a:gd name="connsiteX0" fmla="*/ 109945 w 219889"/>
                  <a:gd name="connsiteY0" fmla="*/ 0 h 109571"/>
                  <a:gd name="connsiteX1" fmla="*/ 0 w 219889"/>
                  <a:gd name="connsiteY1" fmla="*/ 49693 h 109571"/>
                  <a:gd name="connsiteX2" fmla="*/ 0 w 219889"/>
                  <a:gd name="connsiteY2" fmla="*/ 79394 h 109571"/>
                  <a:gd name="connsiteX3" fmla="*/ 6937 w 219889"/>
                  <a:gd name="connsiteY3" fmla="*/ 88818 h 109571"/>
                  <a:gd name="connsiteX4" fmla="*/ 109945 w 219889"/>
                  <a:gd name="connsiteY4" fmla="*/ 109571 h 109571"/>
                  <a:gd name="connsiteX5" fmla="*/ 214473 w 219889"/>
                  <a:gd name="connsiteY5" fmla="*/ 88342 h 109571"/>
                  <a:gd name="connsiteX6" fmla="*/ 219890 w 219889"/>
                  <a:gd name="connsiteY6" fmla="*/ 81012 h 109571"/>
                  <a:gd name="connsiteX7" fmla="*/ 219890 w 219889"/>
                  <a:gd name="connsiteY7" fmla="*/ 49693 h 109571"/>
                  <a:gd name="connsiteX8" fmla="*/ 109945 w 219889"/>
                  <a:gd name="connsiteY8" fmla="*/ 0 h 109571"/>
                  <a:gd name="connsiteX9" fmla="*/ 200885 w 219889"/>
                  <a:gd name="connsiteY9" fmla="*/ 73206 h 109571"/>
                  <a:gd name="connsiteX10" fmla="*/ 109945 w 219889"/>
                  <a:gd name="connsiteY10" fmla="*/ 90532 h 109571"/>
                  <a:gd name="connsiteX11" fmla="*/ 19005 w 219889"/>
                  <a:gd name="connsiteY11" fmla="*/ 73206 h 109571"/>
                  <a:gd name="connsiteX12" fmla="*/ 19005 w 219889"/>
                  <a:gd name="connsiteY12" fmla="*/ 50074 h 109571"/>
                  <a:gd name="connsiteX13" fmla="*/ 109945 w 219889"/>
                  <a:gd name="connsiteY13" fmla="*/ 19039 h 109571"/>
                  <a:gd name="connsiteX14" fmla="*/ 200885 w 219889"/>
                  <a:gd name="connsiteY14" fmla="*/ 49693 h 109571"/>
                  <a:gd name="connsiteX15" fmla="*/ 200885 w 219889"/>
                  <a:gd name="connsiteY15" fmla="*/ 73206 h 109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19889" h="109571">
                    <a:moveTo>
                      <a:pt x="109945" y="0"/>
                    </a:moveTo>
                    <a:cubicBezTo>
                      <a:pt x="67563" y="0"/>
                      <a:pt x="0" y="22752"/>
                      <a:pt x="0" y="49693"/>
                    </a:cubicBezTo>
                    <a:lnTo>
                      <a:pt x="0" y="79394"/>
                    </a:lnTo>
                    <a:cubicBezTo>
                      <a:pt x="0" y="83678"/>
                      <a:pt x="2851" y="87486"/>
                      <a:pt x="6937" y="88818"/>
                    </a:cubicBezTo>
                    <a:cubicBezTo>
                      <a:pt x="25752" y="94435"/>
                      <a:pt x="78491" y="109571"/>
                      <a:pt x="109945" y="109571"/>
                    </a:cubicBezTo>
                    <a:cubicBezTo>
                      <a:pt x="141399" y="109571"/>
                      <a:pt x="197179" y="93578"/>
                      <a:pt x="214473" y="88342"/>
                    </a:cubicBezTo>
                    <a:cubicBezTo>
                      <a:pt x="217704" y="87295"/>
                      <a:pt x="219890" y="84344"/>
                      <a:pt x="219890" y="81012"/>
                    </a:cubicBezTo>
                    <a:lnTo>
                      <a:pt x="219890" y="49693"/>
                    </a:lnTo>
                    <a:cubicBezTo>
                      <a:pt x="219890" y="22752"/>
                      <a:pt x="152326" y="0"/>
                      <a:pt x="109945" y="0"/>
                    </a:cubicBezTo>
                    <a:close/>
                    <a:moveTo>
                      <a:pt x="200885" y="73206"/>
                    </a:moveTo>
                    <a:cubicBezTo>
                      <a:pt x="167151" y="84915"/>
                      <a:pt x="143869" y="90532"/>
                      <a:pt x="109945" y="90532"/>
                    </a:cubicBezTo>
                    <a:cubicBezTo>
                      <a:pt x="76021" y="90532"/>
                      <a:pt x="52739" y="84915"/>
                      <a:pt x="19005" y="73206"/>
                    </a:cubicBezTo>
                    <a:lnTo>
                      <a:pt x="19005" y="50074"/>
                    </a:lnTo>
                    <a:cubicBezTo>
                      <a:pt x="21381" y="41601"/>
                      <a:pt x="65093" y="19039"/>
                      <a:pt x="109945" y="19039"/>
                    </a:cubicBezTo>
                    <a:cubicBezTo>
                      <a:pt x="154797" y="19039"/>
                      <a:pt x="198509" y="41601"/>
                      <a:pt x="200885" y="49693"/>
                    </a:cubicBezTo>
                    <a:lnTo>
                      <a:pt x="200885" y="73206"/>
                    </a:lnTo>
                    <a:close/>
                  </a:path>
                </a:pathLst>
              </a:custGeom>
              <a:solidFill>
                <a:srgbClr val="265A9A"/>
              </a:solidFill>
              <a:ln w="0" cap="flat">
                <a:noFill/>
                <a:prstDash val="solid"/>
                <a:miter/>
              </a:ln>
            </p:spPr>
            <p:txBody>
              <a:bodyPr rtlCol="0" anchor="ctr"/>
              <a:lstStyle/>
              <a:p>
                <a:endParaRPr lang="en-US"/>
              </a:p>
            </p:txBody>
          </p:sp>
          <p:sp>
            <p:nvSpPr>
              <p:cNvPr id="124" name="Freeform 14">
                <a:extLst>
                  <a:ext uri="{FF2B5EF4-FFF2-40B4-BE49-F238E27FC236}">
                    <a16:creationId xmlns:a16="http://schemas.microsoft.com/office/drawing/2014/main" id="{1C6BD28E-BA36-0911-5778-21AC9FF80B8E}"/>
                  </a:ext>
                </a:extLst>
              </p:cNvPr>
              <p:cNvSpPr/>
              <p:nvPr/>
            </p:nvSpPr>
            <p:spPr>
              <a:xfrm>
                <a:off x="5805980" y="2713882"/>
                <a:ext cx="137977" cy="134417"/>
              </a:xfrm>
              <a:custGeom>
                <a:avLst/>
                <a:gdLst>
                  <a:gd name="connsiteX0" fmla="*/ 68989 w 137977"/>
                  <a:gd name="connsiteY0" fmla="*/ 0 h 134417"/>
                  <a:gd name="connsiteX1" fmla="*/ 0 w 137977"/>
                  <a:gd name="connsiteY1" fmla="*/ 67209 h 134417"/>
                  <a:gd name="connsiteX2" fmla="*/ 68989 w 137977"/>
                  <a:gd name="connsiteY2" fmla="*/ 134418 h 134417"/>
                  <a:gd name="connsiteX3" fmla="*/ 137978 w 137977"/>
                  <a:gd name="connsiteY3" fmla="*/ 67209 h 134417"/>
                  <a:gd name="connsiteX4" fmla="*/ 68989 w 137977"/>
                  <a:gd name="connsiteY4" fmla="*/ 0 h 134417"/>
                  <a:gd name="connsiteX5" fmla="*/ 68989 w 137977"/>
                  <a:gd name="connsiteY5" fmla="*/ 114236 h 134417"/>
                  <a:gd name="connsiteX6" fmla="*/ 20241 w 137977"/>
                  <a:gd name="connsiteY6" fmla="*/ 67209 h 134417"/>
                  <a:gd name="connsiteX7" fmla="*/ 68989 w 137977"/>
                  <a:gd name="connsiteY7" fmla="*/ 20277 h 134417"/>
                  <a:gd name="connsiteX8" fmla="*/ 117737 w 137977"/>
                  <a:gd name="connsiteY8" fmla="*/ 67209 h 134417"/>
                  <a:gd name="connsiteX9" fmla="*/ 68989 w 137977"/>
                  <a:gd name="connsiteY9" fmla="*/ 114236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977" h="134417">
                    <a:moveTo>
                      <a:pt x="68989" y="0"/>
                    </a:moveTo>
                    <a:cubicBezTo>
                      <a:pt x="30979" y="0"/>
                      <a:pt x="0" y="30177"/>
                      <a:pt x="0" y="67209"/>
                    </a:cubicBezTo>
                    <a:cubicBezTo>
                      <a:pt x="0" y="104240"/>
                      <a:pt x="30979" y="134418"/>
                      <a:pt x="68989" y="134418"/>
                    </a:cubicBezTo>
                    <a:cubicBezTo>
                      <a:pt x="106999" y="134418"/>
                      <a:pt x="137978" y="104240"/>
                      <a:pt x="137978" y="67209"/>
                    </a:cubicBezTo>
                    <a:cubicBezTo>
                      <a:pt x="137978" y="30177"/>
                      <a:pt x="106999" y="0"/>
                      <a:pt x="68989" y="0"/>
                    </a:cubicBezTo>
                    <a:close/>
                    <a:moveTo>
                      <a:pt x="68989" y="114236"/>
                    </a:moveTo>
                    <a:cubicBezTo>
                      <a:pt x="42097" y="114236"/>
                      <a:pt x="20241" y="93102"/>
                      <a:pt x="20241" y="67209"/>
                    </a:cubicBezTo>
                    <a:cubicBezTo>
                      <a:pt x="20241" y="41315"/>
                      <a:pt x="42097" y="20277"/>
                      <a:pt x="68989" y="20277"/>
                    </a:cubicBezTo>
                    <a:cubicBezTo>
                      <a:pt x="95881" y="20277"/>
                      <a:pt x="117737" y="41315"/>
                      <a:pt x="117737" y="67209"/>
                    </a:cubicBezTo>
                    <a:cubicBezTo>
                      <a:pt x="117737" y="93102"/>
                      <a:pt x="95881" y="114236"/>
                      <a:pt x="68989" y="114236"/>
                    </a:cubicBezTo>
                    <a:close/>
                  </a:path>
                </a:pathLst>
              </a:custGeom>
              <a:solidFill>
                <a:srgbClr val="265A9A"/>
              </a:solidFill>
              <a:ln w="0" cap="flat">
                <a:noFill/>
                <a:prstDash val="solid"/>
                <a:miter/>
              </a:ln>
            </p:spPr>
            <p:txBody>
              <a:bodyPr rtlCol="0" anchor="ctr"/>
              <a:lstStyle/>
              <a:p>
                <a:endParaRPr lang="en-US"/>
              </a:p>
            </p:txBody>
          </p:sp>
          <p:sp>
            <p:nvSpPr>
              <p:cNvPr id="125" name="Freeform 15">
                <a:extLst>
                  <a:ext uri="{FF2B5EF4-FFF2-40B4-BE49-F238E27FC236}">
                    <a16:creationId xmlns:a16="http://schemas.microsoft.com/office/drawing/2014/main" id="{B3FA36C7-9D59-6BDC-0130-EFE28F18C316}"/>
                  </a:ext>
                </a:extLst>
              </p:cNvPr>
              <p:cNvSpPr/>
              <p:nvPr/>
            </p:nvSpPr>
            <p:spPr>
              <a:xfrm>
                <a:off x="5357553" y="2870290"/>
                <a:ext cx="219889" cy="109571"/>
              </a:xfrm>
              <a:custGeom>
                <a:avLst/>
                <a:gdLst>
                  <a:gd name="connsiteX0" fmla="*/ 109945 w 219889"/>
                  <a:gd name="connsiteY0" fmla="*/ 0 h 109571"/>
                  <a:gd name="connsiteX1" fmla="*/ 0 w 219889"/>
                  <a:gd name="connsiteY1" fmla="*/ 49693 h 109571"/>
                  <a:gd name="connsiteX2" fmla="*/ 0 w 219889"/>
                  <a:gd name="connsiteY2" fmla="*/ 79394 h 109571"/>
                  <a:gd name="connsiteX3" fmla="*/ 6937 w 219889"/>
                  <a:gd name="connsiteY3" fmla="*/ 88818 h 109571"/>
                  <a:gd name="connsiteX4" fmla="*/ 109945 w 219889"/>
                  <a:gd name="connsiteY4" fmla="*/ 109571 h 109571"/>
                  <a:gd name="connsiteX5" fmla="*/ 214473 w 219889"/>
                  <a:gd name="connsiteY5" fmla="*/ 88342 h 109571"/>
                  <a:gd name="connsiteX6" fmla="*/ 219890 w 219889"/>
                  <a:gd name="connsiteY6" fmla="*/ 81012 h 109571"/>
                  <a:gd name="connsiteX7" fmla="*/ 219890 w 219889"/>
                  <a:gd name="connsiteY7" fmla="*/ 49693 h 109571"/>
                  <a:gd name="connsiteX8" fmla="*/ 109945 w 219889"/>
                  <a:gd name="connsiteY8" fmla="*/ 0 h 109571"/>
                  <a:gd name="connsiteX9" fmla="*/ 200885 w 219889"/>
                  <a:gd name="connsiteY9" fmla="*/ 73206 h 109571"/>
                  <a:gd name="connsiteX10" fmla="*/ 109945 w 219889"/>
                  <a:gd name="connsiteY10" fmla="*/ 90532 h 109571"/>
                  <a:gd name="connsiteX11" fmla="*/ 19005 w 219889"/>
                  <a:gd name="connsiteY11" fmla="*/ 73206 h 109571"/>
                  <a:gd name="connsiteX12" fmla="*/ 19005 w 219889"/>
                  <a:gd name="connsiteY12" fmla="*/ 50074 h 109571"/>
                  <a:gd name="connsiteX13" fmla="*/ 109945 w 219889"/>
                  <a:gd name="connsiteY13" fmla="*/ 19039 h 109571"/>
                  <a:gd name="connsiteX14" fmla="*/ 200885 w 219889"/>
                  <a:gd name="connsiteY14" fmla="*/ 49693 h 109571"/>
                  <a:gd name="connsiteX15" fmla="*/ 200885 w 219889"/>
                  <a:gd name="connsiteY15" fmla="*/ 73206 h 109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19889" h="109571">
                    <a:moveTo>
                      <a:pt x="109945" y="0"/>
                    </a:moveTo>
                    <a:cubicBezTo>
                      <a:pt x="67563" y="0"/>
                      <a:pt x="0" y="22752"/>
                      <a:pt x="0" y="49693"/>
                    </a:cubicBezTo>
                    <a:lnTo>
                      <a:pt x="0" y="79394"/>
                    </a:lnTo>
                    <a:cubicBezTo>
                      <a:pt x="0" y="83678"/>
                      <a:pt x="2851" y="87486"/>
                      <a:pt x="6937" y="88818"/>
                    </a:cubicBezTo>
                    <a:cubicBezTo>
                      <a:pt x="25752" y="94435"/>
                      <a:pt x="78491" y="109571"/>
                      <a:pt x="109945" y="109571"/>
                    </a:cubicBezTo>
                    <a:cubicBezTo>
                      <a:pt x="141399" y="109571"/>
                      <a:pt x="197179" y="93578"/>
                      <a:pt x="214473" y="88342"/>
                    </a:cubicBezTo>
                    <a:cubicBezTo>
                      <a:pt x="217704" y="87295"/>
                      <a:pt x="219890" y="84344"/>
                      <a:pt x="219890" y="81012"/>
                    </a:cubicBezTo>
                    <a:lnTo>
                      <a:pt x="219890" y="49693"/>
                    </a:lnTo>
                    <a:cubicBezTo>
                      <a:pt x="219890" y="22752"/>
                      <a:pt x="152327" y="0"/>
                      <a:pt x="109945" y="0"/>
                    </a:cubicBezTo>
                    <a:close/>
                    <a:moveTo>
                      <a:pt x="200885" y="73206"/>
                    </a:moveTo>
                    <a:cubicBezTo>
                      <a:pt x="167151" y="84915"/>
                      <a:pt x="143869" y="90532"/>
                      <a:pt x="109945" y="90532"/>
                    </a:cubicBezTo>
                    <a:cubicBezTo>
                      <a:pt x="76021" y="90532"/>
                      <a:pt x="52739" y="84915"/>
                      <a:pt x="19005" y="73206"/>
                    </a:cubicBezTo>
                    <a:lnTo>
                      <a:pt x="19005" y="50074"/>
                    </a:lnTo>
                    <a:cubicBezTo>
                      <a:pt x="21381" y="41601"/>
                      <a:pt x="65093" y="19039"/>
                      <a:pt x="109945" y="19039"/>
                    </a:cubicBezTo>
                    <a:cubicBezTo>
                      <a:pt x="154797" y="19039"/>
                      <a:pt x="198509" y="41601"/>
                      <a:pt x="200885" y="49693"/>
                    </a:cubicBezTo>
                    <a:lnTo>
                      <a:pt x="200885" y="73206"/>
                    </a:lnTo>
                    <a:close/>
                  </a:path>
                </a:pathLst>
              </a:custGeom>
              <a:solidFill>
                <a:srgbClr val="265A9A"/>
              </a:solidFill>
              <a:ln w="0" cap="flat">
                <a:noFill/>
                <a:prstDash val="solid"/>
                <a:miter/>
              </a:ln>
            </p:spPr>
            <p:txBody>
              <a:bodyPr rtlCol="0" anchor="ctr"/>
              <a:lstStyle/>
              <a:p>
                <a:endParaRPr lang="en-US"/>
              </a:p>
            </p:txBody>
          </p:sp>
          <p:sp>
            <p:nvSpPr>
              <p:cNvPr id="126" name="Freeform 16">
                <a:extLst>
                  <a:ext uri="{FF2B5EF4-FFF2-40B4-BE49-F238E27FC236}">
                    <a16:creationId xmlns:a16="http://schemas.microsoft.com/office/drawing/2014/main" id="{5EDE42EB-01C4-5397-190D-6B987CEEB428}"/>
                  </a:ext>
                </a:extLst>
              </p:cNvPr>
              <p:cNvSpPr/>
              <p:nvPr/>
            </p:nvSpPr>
            <p:spPr>
              <a:xfrm>
                <a:off x="5398510" y="2716738"/>
                <a:ext cx="137977" cy="134417"/>
              </a:xfrm>
              <a:custGeom>
                <a:avLst/>
                <a:gdLst>
                  <a:gd name="connsiteX0" fmla="*/ 68989 w 137977"/>
                  <a:gd name="connsiteY0" fmla="*/ 0 h 134417"/>
                  <a:gd name="connsiteX1" fmla="*/ 0 w 137977"/>
                  <a:gd name="connsiteY1" fmla="*/ 67209 h 134417"/>
                  <a:gd name="connsiteX2" fmla="*/ 68989 w 137977"/>
                  <a:gd name="connsiteY2" fmla="*/ 134418 h 134417"/>
                  <a:gd name="connsiteX3" fmla="*/ 137977 w 137977"/>
                  <a:gd name="connsiteY3" fmla="*/ 67209 h 134417"/>
                  <a:gd name="connsiteX4" fmla="*/ 68989 w 137977"/>
                  <a:gd name="connsiteY4" fmla="*/ 0 h 134417"/>
                  <a:gd name="connsiteX5" fmla="*/ 68989 w 137977"/>
                  <a:gd name="connsiteY5" fmla="*/ 116902 h 134417"/>
                  <a:gd name="connsiteX6" fmla="*/ 17485 w 137977"/>
                  <a:gd name="connsiteY6" fmla="*/ 67209 h 134417"/>
                  <a:gd name="connsiteX7" fmla="*/ 68989 w 137977"/>
                  <a:gd name="connsiteY7" fmla="*/ 17611 h 134417"/>
                  <a:gd name="connsiteX8" fmla="*/ 120493 w 137977"/>
                  <a:gd name="connsiteY8" fmla="*/ 67209 h 134417"/>
                  <a:gd name="connsiteX9" fmla="*/ 68989 w 137977"/>
                  <a:gd name="connsiteY9" fmla="*/ 116902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977" h="134417">
                    <a:moveTo>
                      <a:pt x="68989" y="0"/>
                    </a:moveTo>
                    <a:cubicBezTo>
                      <a:pt x="30978" y="0"/>
                      <a:pt x="0" y="30177"/>
                      <a:pt x="0" y="67209"/>
                    </a:cubicBezTo>
                    <a:cubicBezTo>
                      <a:pt x="0" y="104240"/>
                      <a:pt x="30978" y="134418"/>
                      <a:pt x="68989" y="134418"/>
                    </a:cubicBezTo>
                    <a:cubicBezTo>
                      <a:pt x="106999" y="134418"/>
                      <a:pt x="137977" y="104240"/>
                      <a:pt x="137977" y="67209"/>
                    </a:cubicBezTo>
                    <a:cubicBezTo>
                      <a:pt x="137977" y="30177"/>
                      <a:pt x="106999" y="0"/>
                      <a:pt x="68989" y="0"/>
                    </a:cubicBezTo>
                    <a:close/>
                    <a:moveTo>
                      <a:pt x="68989" y="116902"/>
                    </a:moveTo>
                    <a:cubicBezTo>
                      <a:pt x="40576" y="116902"/>
                      <a:pt x="17485" y="94530"/>
                      <a:pt x="17485" y="67209"/>
                    </a:cubicBezTo>
                    <a:cubicBezTo>
                      <a:pt x="17485" y="39887"/>
                      <a:pt x="40576" y="17611"/>
                      <a:pt x="68989" y="17611"/>
                    </a:cubicBezTo>
                    <a:cubicBezTo>
                      <a:pt x="97402" y="17611"/>
                      <a:pt x="120493" y="39887"/>
                      <a:pt x="120493" y="67209"/>
                    </a:cubicBezTo>
                    <a:cubicBezTo>
                      <a:pt x="120493" y="94530"/>
                      <a:pt x="97402" y="116902"/>
                      <a:pt x="68989" y="116902"/>
                    </a:cubicBezTo>
                    <a:close/>
                  </a:path>
                </a:pathLst>
              </a:custGeom>
              <a:solidFill>
                <a:srgbClr val="265A9A"/>
              </a:solidFill>
              <a:ln w="0" cap="flat">
                <a:noFill/>
                <a:prstDash val="solid"/>
                <a:miter/>
              </a:ln>
            </p:spPr>
            <p:txBody>
              <a:bodyPr rtlCol="0" anchor="ctr"/>
              <a:lstStyle/>
              <a:p>
                <a:endParaRPr lang="en-US"/>
              </a:p>
            </p:txBody>
          </p:sp>
        </p:grpSp>
      </p:grpSp>
      <p:grpSp>
        <p:nvGrpSpPr>
          <p:cNvPr id="127" name="Group 126">
            <a:extLst>
              <a:ext uri="{FF2B5EF4-FFF2-40B4-BE49-F238E27FC236}">
                <a16:creationId xmlns:a16="http://schemas.microsoft.com/office/drawing/2014/main" id="{19692BA1-0D85-81E9-96D9-C231889F8A9A}"/>
              </a:ext>
            </a:extLst>
          </p:cNvPr>
          <p:cNvGrpSpPr/>
          <p:nvPr/>
        </p:nvGrpSpPr>
        <p:grpSpPr>
          <a:xfrm>
            <a:off x="10318040" y="4006963"/>
            <a:ext cx="649245" cy="649247"/>
            <a:chOff x="4828431" y="3495810"/>
            <a:chExt cx="649245" cy="649247"/>
          </a:xfrm>
        </p:grpSpPr>
        <p:sp>
          <p:nvSpPr>
            <p:cNvPr id="128" name="Freeform 19">
              <a:extLst>
                <a:ext uri="{FF2B5EF4-FFF2-40B4-BE49-F238E27FC236}">
                  <a16:creationId xmlns:a16="http://schemas.microsoft.com/office/drawing/2014/main" id="{54C7E733-80A8-AAED-5E77-F920F9B92578}"/>
                </a:ext>
              </a:extLst>
            </p:cNvPr>
            <p:cNvSpPr/>
            <p:nvPr/>
          </p:nvSpPr>
          <p:spPr>
            <a:xfrm rot="5400000">
              <a:off x="4828430" y="3495811"/>
              <a:ext cx="649247" cy="649245"/>
            </a:xfrm>
            <a:custGeom>
              <a:avLst/>
              <a:gdLst>
                <a:gd name="connsiteX0" fmla="*/ 0 w 905504"/>
                <a:gd name="connsiteY0" fmla="*/ 452752 h 905504"/>
                <a:gd name="connsiteX1" fmla="*/ 132608 w 905504"/>
                <a:gd name="connsiteY1" fmla="*/ 132608 h 905504"/>
                <a:gd name="connsiteX2" fmla="*/ 452752 w 905504"/>
                <a:gd name="connsiteY2" fmla="*/ 0 h 905504"/>
                <a:gd name="connsiteX3" fmla="*/ 772896 w 905504"/>
                <a:gd name="connsiteY3" fmla="*/ 132608 h 905504"/>
                <a:gd name="connsiteX4" fmla="*/ 905504 w 905504"/>
                <a:gd name="connsiteY4" fmla="*/ 452752 h 905504"/>
                <a:gd name="connsiteX5" fmla="*/ 772896 w 905504"/>
                <a:gd name="connsiteY5" fmla="*/ 772896 h 905504"/>
                <a:gd name="connsiteX6" fmla="*/ 452752 w 905504"/>
                <a:gd name="connsiteY6" fmla="*/ 905504 h 905504"/>
                <a:gd name="connsiteX7" fmla="*/ 132608 w 905504"/>
                <a:gd name="connsiteY7" fmla="*/ 772896 h 905504"/>
                <a:gd name="connsiteX8" fmla="*/ 0 w 905504"/>
                <a:gd name="connsiteY8" fmla="*/ 452752 h 905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5504" h="905504">
                  <a:moveTo>
                    <a:pt x="0" y="452752"/>
                  </a:moveTo>
                  <a:cubicBezTo>
                    <a:pt x="0" y="332675"/>
                    <a:pt x="47701" y="217515"/>
                    <a:pt x="132608" y="132608"/>
                  </a:cubicBezTo>
                  <a:cubicBezTo>
                    <a:pt x="217516" y="47701"/>
                    <a:pt x="332675" y="0"/>
                    <a:pt x="452752" y="0"/>
                  </a:cubicBezTo>
                  <a:cubicBezTo>
                    <a:pt x="572829" y="0"/>
                    <a:pt x="687989" y="47701"/>
                    <a:pt x="772896" y="132608"/>
                  </a:cubicBezTo>
                  <a:cubicBezTo>
                    <a:pt x="857803" y="217516"/>
                    <a:pt x="905504" y="332675"/>
                    <a:pt x="905504" y="452752"/>
                  </a:cubicBezTo>
                  <a:cubicBezTo>
                    <a:pt x="905504" y="572829"/>
                    <a:pt x="857803" y="687989"/>
                    <a:pt x="772896" y="772896"/>
                  </a:cubicBezTo>
                  <a:cubicBezTo>
                    <a:pt x="687988" y="857803"/>
                    <a:pt x="572829" y="905504"/>
                    <a:pt x="452752" y="905504"/>
                  </a:cubicBezTo>
                  <a:cubicBezTo>
                    <a:pt x="332675" y="905504"/>
                    <a:pt x="217515" y="857803"/>
                    <a:pt x="132608" y="772896"/>
                  </a:cubicBezTo>
                  <a:cubicBezTo>
                    <a:pt x="47701" y="687988"/>
                    <a:pt x="0" y="572829"/>
                    <a:pt x="0" y="452752"/>
                  </a:cubicBezTo>
                  <a:close/>
                </a:path>
              </a:pathLst>
            </a:custGeom>
            <a:solidFill>
              <a:schemeClr val="accent1">
                <a:lumMod val="40000"/>
                <a:lumOff val="60000"/>
              </a:schemeClr>
            </a:solidFill>
            <a:ln w="19050">
              <a:noFill/>
              <a:prstDash val="sysDot"/>
            </a:ln>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1797" tIns="91797" rIns="79313" bIns="79313" numCol="1" spcCol="1270" anchor="ctr" anchorCtr="0">
              <a:noAutofit/>
            </a:bodyPr>
            <a:lstStyle/>
            <a:p>
              <a:pPr algn="ctr" defTabSz="446291">
                <a:lnSpc>
                  <a:spcPct val="90000"/>
                </a:lnSpc>
                <a:spcAft>
                  <a:spcPct val="35000"/>
                </a:spcAft>
              </a:pPr>
              <a:endParaRPr lang="en-US" sz="900">
                <a:solidFill>
                  <a:schemeClr val="tx1"/>
                </a:solidFill>
              </a:endParaRPr>
            </a:p>
          </p:txBody>
        </p:sp>
        <p:grpSp>
          <p:nvGrpSpPr>
            <p:cNvPr id="129" name="Group 128">
              <a:extLst>
                <a:ext uri="{FF2B5EF4-FFF2-40B4-BE49-F238E27FC236}">
                  <a16:creationId xmlns:a16="http://schemas.microsoft.com/office/drawing/2014/main" id="{896B5302-9323-154E-2E0F-390A44F45C7A}"/>
                </a:ext>
              </a:extLst>
            </p:cNvPr>
            <p:cNvGrpSpPr>
              <a:grpSpLocks noChangeAspect="1"/>
            </p:cNvGrpSpPr>
            <p:nvPr/>
          </p:nvGrpSpPr>
          <p:grpSpPr>
            <a:xfrm>
              <a:off x="4951171" y="3620341"/>
              <a:ext cx="429316" cy="394771"/>
              <a:chOff x="5338073" y="3618536"/>
              <a:chExt cx="631542" cy="580732"/>
            </a:xfrm>
          </p:grpSpPr>
          <p:sp>
            <p:nvSpPr>
              <p:cNvPr id="130" name="Freeform 2">
                <a:extLst>
                  <a:ext uri="{FF2B5EF4-FFF2-40B4-BE49-F238E27FC236}">
                    <a16:creationId xmlns:a16="http://schemas.microsoft.com/office/drawing/2014/main" id="{9C858B7A-79C6-B214-C51D-A49336530D21}"/>
                  </a:ext>
                </a:extLst>
              </p:cNvPr>
              <p:cNvSpPr/>
              <p:nvPr/>
            </p:nvSpPr>
            <p:spPr>
              <a:xfrm>
                <a:off x="5387582" y="3826541"/>
                <a:ext cx="233288" cy="369077"/>
              </a:xfrm>
              <a:custGeom>
                <a:avLst/>
                <a:gdLst>
                  <a:gd name="connsiteX0" fmla="*/ 198129 w 233288"/>
                  <a:gd name="connsiteY0" fmla="*/ 204768 h 369077"/>
                  <a:gd name="connsiteX1" fmla="*/ 150711 w 233288"/>
                  <a:gd name="connsiteY1" fmla="*/ 171068 h 369077"/>
                  <a:gd name="connsiteX2" fmla="*/ 90465 w 233288"/>
                  <a:gd name="connsiteY2" fmla="*/ 171068 h 369077"/>
                  <a:gd name="connsiteX3" fmla="*/ 90465 w 233288"/>
                  <a:gd name="connsiteY3" fmla="*/ 100623 h 369077"/>
                  <a:gd name="connsiteX4" fmla="*/ 110515 w 233288"/>
                  <a:gd name="connsiteY4" fmla="*/ 120709 h 369077"/>
                  <a:gd name="connsiteX5" fmla="*/ 180834 w 233288"/>
                  <a:gd name="connsiteY5" fmla="*/ 120709 h 369077"/>
                  <a:gd name="connsiteX6" fmla="*/ 221030 w 233288"/>
                  <a:gd name="connsiteY6" fmla="*/ 70445 h 369077"/>
                  <a:gd name="connsiteX7" fmla="*/ 150711 w 233288"/>
                  <a:gd name="connsiteY7" fmla="*/ 70445 h 369077"/>
                  <a:gd name="connsiteX8" fmla="*/ 80392 w 233288"/>
                  <a:gd name="connsiteY8" fmla="*/ 0 h 369077"/>
                  <a:gd name="connsiteX9" fmla="*/ 40196 w 233288"/>
                  <a:gd name="connsiteY9" fmla="*/ 0 h 369077"/>
                  <a:gd name="connsiteX10" fmla="*/ 0 w 233288"/>
                  <a:gd name="connsiteY10" fmla="*/ 40268 h 369077"/>
                  <a:gd name="connsiteX11" fmla="*/ 0 w 233288"/>
                  <a:gd name="connsiteY11" fmla="*/ 191155 h 369077"/>
                  <a:gd name="connsiteX12" fmla="*/ 60246 w 233288"/>
                  <a:gd name="connsiteY12" fmla="*/ 251509 h 369077"/>
                  <a:gd name="connsiteX13" fmla="*/ 140543 w 233288"/>
                  <a:gd name="connsiteY13" fmla="*/ 251509 h 369077"/>
                  <a:gd name="connsiteX14" fmla="*/ 177603 w 233288"/>
                  <a:gd name="connsiteY14" fmla="*/ 369077 h 369077"/>
                  <a:gd name="connsiteX15" fmla="*/ 233289 w 233288"/>
                  <a:gd name="connsiteY15" fmla="*/ 369077 h 369077"/>
                  <a:gd name="connsiteX16" fmla="*/ 198034 w 233288"/>
                  <a:gd name="connsiteY16" fmla="*/ 204673 h 369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3288" h="369077">
                    <a:moveTo>
                      <a:pt x="198129" y="204768"/>
                    </a:moveTo>
                    <a:cubicBezTo>
                      <a:pt x="191097" y="184586"/>
                      <a:pt x="172092" y="171068"/>
                      <a:pt x="150711" y="171068"/>
                    </a:cubicBezTo>
                    <a:lnTo>
                      <a:pt x="90465" y="171068"/>
                    </a:lnTo>
                    <a:lnTo>
                      <a:pt x="90465" y="100623"/>
                    </a:lnTo>
                    <a:lnTo>
                      <a:pt x="110515" y="120709"/>
                    </a:lnTo>
                    <a:lnTo>
                      <a:pt x="180834" y="120709"/>
                    </a:lnTo>
                    <a:cubicBezTo>
                      <a:pt x="226732" y="120709"/>
                      <a:pt x="221030" y="70445"/>
                      <a:pt x="221030" y="70445"/>
                    </a:cubicBezTo>
                    <a:lnTo>
                      <a:pt x="150711" y="70445"/>
                    </a:lnTo>
                    <a:lnTo>
                      <a:pt x="80392" y="0"/>
                    </a:lnTo>
                    <a:lnTo>
                      <a:pt x="40196" y="0"/>
                    </a:lnTo>
                    <a:cubicBezTo>
                      <a:pt x="18055" y="0"/>
                      <a:pt x="0" y="17992"/>
                      <a:pt x="0" y="40268"/>
                    </a:cubicBezTo>
                    <a:lnTo>
                      <a:pt x="0" y="191155"/>
                    </a:lnTo>
                    <a:cubicBezTo>
                      <a:pt x="0" y="224474"/>
                      <a:pt x="26987" y="251509"/>
                      <a:pt x="60246" y="251509"/>
                    </a:cubicBezTo>
                    <a:lnTo>
                      <a:pt x="140543" y="251509"/>
                    </a:lnTo>
                    <a:lnTo>
                      <a:pt x="177603" y="369077"/>
                    </a:lnTo>
                    <a:lnTo>
                      <a:pt x="233289" y="369077"/>
                    </a:lnTo>
                    <a:lnTo>
                      <a:pt x="198034" y="204673"/>
                    </a:lnTo>
                    <a:close/>
                  </a:path>
                </a:pathLst>
              </a:custGeom>
              <a:solidFill>
                <a:srgbClr val="C7E4F1"/>
              </a:solidFill>
              <a:ln w="0" cap="flat">
                <a:noFill/>
                <a:prstDash val="solid"/>
                <a:miter/>
              </a:ln>
            </p:spPr>
            <p:txBody>
              <a:bodyPr rtlCol="0" anchor="ctr"/>
              <a:lstStyle/>
              <a:p>
                <a:endParaRPr lang="en-US"/>
              </a:p>
            </p:txBody>
          </p:sp>
          <p:sp>
            <p:nvSpPr>
              <p:cNvPr id="131" name="Freeform 3">
                <a:extLst>
                  <a:ext uri="{FF2B5EF4-FFF2-40B4-BE49-F238E27FC236}">
                    <a16:creationId xmlns:a16="http://schemas.microsoft.com/office/drawing/2014/main" id="{135EED00-E5CA-59B7-4171-C8D50B84CE33}"/>
                  </a:ext>
                </a:extLst>
              </p:cNvPr>
              <p:cNvSpPr/>
              <p:nvPr/>
            </p:nvSpPr>
            <p:spPr>
              <a:xfrm>
                <a:off x="5678076" y="3826636"/>
                <a:ext cx="239465" cy="369267"/>
              </a:xfrm>
              <a:custGeom>
                <a:avLst/>
                <a:gdLst>
                  <a:gd name="connsiteX0" fmla="*/ 199364 w 239465"/>
                  <a:gd name="connsiteY0" fmla="*/ 0 h 369267"/>
                  <a:gd name="connsiteX1" fmla="*/ 159168 w 239465"/>
                  <a:gd name="connsiteY1" fmla="*/ 0 h 369267"/>
                  <a:gd name="connsiteX2" fmla="*/ 88849 w 239465"/>
                  <a:gd name="connsiteY2" fmla="*/ 70446 h 369267"/>
                  <a:gd name="connsiteX3" fmla="*/ 18530 w 239465"/>
                  <a:gd name="connsiteY3" fmla="*/ 70446 h 369267"/>
                  <a:gd name="connsiteX4" fmla="*/ 58726 w 239465"/>
                  <a:gd name="connsiteY4" fmla="*/ 120710 h 369267"/>
                  <a:gd name="connsiteX5" fmla="*/ 129045 w 239465"/>
                  <a:gd name="connsiteY5" fmla="*/ 120710 h 369267"/>
                  <a:gd name="connsiteX6" fmla="*/ 149096 w 239465"/>
                  <a:gd name="connsiteY6" fmla="*/ 100623 h 369267"/>
                  <a:gd name="connsiteX7" fmla="*/ 149096 w 239465"/>
                  <a:gd name="connsiteY7" fmla="*/ 171068 h 369267"/>
                  <a:gd name="connsiteX8" fmla="*/ 88849 w 239465"/>
                  <a:gd name="connsiteY8" fmla="*/ 171068 h 369267"/>
                  <a:gd name="connsiteX9" fmla="*/ 41431 w 239465"/>
                  <a:gd name="connsiteY9" fmla="*/ 204768 h 369267"/>
                  <a:gd name="connsiteX10" fmla="*/ 0 w 239465"/>
                  <a:gd name="connsiteY10" fmla="*/ 369268 h 369267"/>
                  <a:gd name="connsiteX11" fmla="*/ 55685 w 239465"/>
                  <a:gd name="connsiteY11" fmla="*/ 369268 h 369267"/>
                  <a:gd name="connsiteX12" fmla="*/ 98922 w 239465"/>
                  <a:gd name="connsiteY12" fmla="*/ 251605 h 369267"/>
                  <a:gd name="connsiteX13" fmla="*/ 179219 w 239465"/>
                  <a:gd name="connsiteY13" fmla="*/ 251605 h 369267"/>
                  <a:gd name="connsiteX14" fmla="*/ 239465 w 239465"/>
                  <a:gd name="connsiteY14" fmla="*/ 191250 h 369267"/>
                  <a:gd name="connsiteX15" fmla="*/ 239465 w 239465"/>
                  <a:gd name="connsiteY15" fmla="*/ 40364 h 369267"/>
                  <a:gd name="connsiteX16" fmla="*/ 199269 w 239465"/>
                  <a:gd name="connsiteY16" fmla="*/ 95 h 369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9465" h="369267">
                    <a:moveTo>
                      <a:pt x="199364" y="0"/>
                    </a:moveTo>
                    <a:lnTo>
                      <a:pt x="159168" y="0"/>
                    </a:lnTo>
                    <a:lnTo>
                      <a:pt x="88849" y="70446"/>
                    </a:lnTo>
                    <a:lnTo>
                      <a:pt x="18530" y="70446"/>
                    </a:lnTo>
                    <a:cubicBezTo>
                      <a:pt x="18530" y="70446"/>
                      <a:pt x="12733" y="120710"/>
                      <a:pt x="58726" y="120710"/>
                    </a:cubicBezTo>
                    <a:lnTo>
                      <a:pt x="129045" y="120710"/>
                    </a:lnTo>
                    <a:lnTo>
                      <a:pt x="149096" y="100623"/>
                    </a:lnTo>
                    <a:lnTo>
                      <a:pt x="149096" y="171068"/>
                    </a:lnTo>
                    <a:lnTo>
                      <a:pt x="88849" y="171068"/>
                    </a:lnTo>
                    <a:cubicBezTo>
                      <a:pt x="67468" y="171068"/>
                      <a:pt x="48463" y="184586"/>
                      <a:pt x="41431" y="204768"/>
                    </a:cubicBezTo>
                    <a:lnTo>
                      <a:pt x="0" y="369268"/>
                    </a:lnTo>
                    <a:lnTo>
                      <a:pt x="55685" y="369268"/>
                    </a:lnTo>
                    <a:lnTo>
                      <a:pt x="98922" y="251605"/>
                    </a:lnTo>
                    <a:lnTo>
                      <a:pt x="179219" y="251605"/>
                    </a:lnTo>
                    <a:cubicBezTo>
                      <a:pt x="212478" y="251605"/>
                      <a:pt x="239465" y="224569"/>
                      <a:pt x="239465" y="191250"/>
                    </a:cubicBezTo>
                    <a:lnTo>
                      <a:pt x="239465" y="40364"/>
                    </a:lnTo>
                    <a:cubicBezTo>
                      <a:pt x="239465" y="18183"/>
                      <a:pt x="221505" y="95"/>
                      <a:pt x="199269" y="95"/>
                    </a:cubicBezTo>
                    <a:close/>
                  </a:path>
                </a:pathLst>
              </a:custGeom>
              <a:solidFill>
                <a:srgbClr val="C7E4F1"/>
              </a:solidFill>
              <a:ln w="0" cap="flat">
                <a:noFill/>
                <a:prstDash val="solid"/>
                <a:miter/>
              </a:ln>
            </p:spPr>
            <p:txBody>
              <a:bodyPr rtlCol="0" anchor="ctr"/>
              <a:lstStyle/>
              <a:p>
                <a:endParaRPr lang="en-US"/>
              </a:p>
            </p:txBody>
          </p:sp>
          <p:sp>
            <p:nvSpPr>
              <p:cNvPr id="132" name="Freeform 4">
                <a:extLst>
                  <a:ext uri="{FF2B5EF4-FFF2-40B4-BE49-F238E27FC236}">
                    <a16:creationId xmlns:a16="http://schemas.microsoft.com/office/drawing/2014/main" id="{4D697D87-6F5F-70F0-70E4-9155FD7AA8A5}"/>
                  </a:ext>
                </a:extLst>
              </p:cNvPr>
              <p:cNvSpPr/>
              <p:nvPr/>
            </p:nvSpPr>
            <p:spPr>
              <a:xfrm>
                <a:off x="5547795" y="3785797"/>
                <a:ext cx="201930" cy="152029"/>
              </a:xfrm>
              <a:custGeom>
                <a:avLst/>
                <a:gdLst>
                  <a:gd name="connsiteX0" fmla="*/ 201930 w 201930"/>
                  <a:gd name="connsiteY0" fmla="*/ 50835 h 152029"/>
                  <a:gd name="connsiteX1" fmla="*/ 201930 w 201930"/>
                  <a:gd name="connsiteY1" fmla="*/ 92150 h 152029"/>
                  <a:gd name="connsiteX2" fmla="*/ 192427 w 201930"/>
                  <a:gd name="connsiteY2" fmla="*/ 101670 h 152029"/>
                  <a:gd name="connsiteX3" fmla="*/ 180264 w 201930"/>
                  <a:gd name="connsiteY3" fmla="*/ 101670 h 152029"/>
                  <a:gd name="connsiteX4" fmla="*/ 170762 w 201930"/>
                  <a:gd name="connsiteY4" fmla="*/ 92150 h 152029"/>
                  <a:gd name="connsiteX5" fmla="*/ 170762 w 201930"/>
                  <a:gd name="connsiteY5" fmla="*/ 70445 h 152029"/>
                  <a:gd name="connsiteX6" fmla="*/ 161259 w 201930"/>
                  <a:gd name="connsiteY6" fmla="*/ 60926 h 152029"/>
                  <a:gd name="connsiteX7" fmla="*/ 161259 w 201930"/>
                  <a:gd name="connsiteY7" fmla="*/ 60926 h 152029"/>
                  <a:gd name="connsiteX8" fmla="*/ 151756 w 201930"/>
                  <a:gd name="connsiteY8" fmla="*/ 70445 h 152029"/>
                  <a:gd name="connsiteX9" fmla="*/ 151756 w 201930"/>
                  <a:gd name="connsiteY9" fmla="*/ 92150 h 152029"/>
                  <a:gd name="connsiteX10" fmla="*/ 142254 w 201930"/>
                  <a:gd name="connsiteY10" fmla="*/ 101670 h 152029"/>
                  <a:gd name="connsiteX11" fmla="*/ 138168 w 201930"/>
                  <a:gd name="connsiteY11" fmla="*/ 101670 h 152029"/>
                  <a:gd name="connsiteX12" fmla="*/ 137217 w 201930"/>
                  <a:gd name="connsiteY12" fmla="*/ 110142 h 152029"/>
                  <a:gd name="connsiteX13" fmla="*/ 140543 w 201930"/>
                  <a:gd name="connsiteY13" fmla="*/ 139272 h 152029"/>
                  <a:gd name="connsiteX14" fmla="*/ 131611 w 201930"/>
                  <a:gd name="connsiteY14" fmla="*/ 152029 h 152029"/>
                  <a:gd name="connsiteX15" fmla="*/ 75831 w 201930"/>
                  <a:gd name="connsiteY15" fmla="*/ 152029 h 152029"/>
                  <a:gd name="connsiteX16" fmla="*/ 66993 w 201930"/>
                  <a:gd name="connsiteY16" fmla="*/ 139177 h 152029"/>
                  <a:gd name="connsiteX17" fmla="*/ 70224 w 201930"/>
                  <a:gd name="connsiteY17" fmla="*/ 110142 h 152029"/>
                  <a:gd name="connsiteX18" fmla="*/ 69274 w 201930"/>
                  <a:gd name="connsiteY18" fmla="*/ 101670 h 152029"/>
                  <a:gd name="connsiteX19" fmla="*/ 59771 w 201930"/>
                  <a:gd name="connsiteY19" fmla="*/ 101670 h 152029"/>
                  <a:gd name="connsiteX20" fmla="*/ 50269 w 201930"/>
                  <a:gd name="connsiteY20" fmla="*/ 92150 h 152029"/>
                  <a:gd name="connsiteX21" fmla="*/ 50269 w 201930"/>
                  <a:gd name="connsiteY21" fmla="*/ 70445 h 152029"/>
                  <a:gd name="connsiteX22" fmla="*/ 40766 w 201930"/>
                  <a:gd name="connsiteY22" fmla="*/ 60926 h 152029"/>
                  <a:gd name="connsiteX23" fmla="*/ 40766 w 201930"/>
                  <a:gd name="connsiteY23" fmla="*/ 60926 h 152029"/>
                  <a:gd name="connsiteX24" fmla="*/ 31264 w 201930"/>
                  <a:gd name="connsiteY24" fmla="*/ 70445 h 152029"/>
                  <a:gd name="connsiteX25" fmla="*/ 31264 w 201930"/>
                  <a:gd name="connsiteY25" fmla="*/ 92150 h 152029"/>
                  <a:gd name="connsiteX26" fmla="*/ 21761 w 201930"/>
                  <a:gd name="connsiteY26" fmla="*/ 101670 h 152029"/>
                  <a:gd name="connsiteX27" fmla="*/ 9503 w 201930"/>
                  <a:gd name="connsiteY27" fmla="*/ 101670 h 152029"/>
                  <a:gd name="connsiteX28" fmla="*/ 0 w 201930"/>
                  <a:gd name="connsiteY28" fmla="*/ 92150 h 152029"/>
                  <a:gd name="connsiteX29" fmla="*/ 0 w 201930"/>
                  <a:gd name="connsiteY29" fmla="*/ 50835 h 152029"/>
                  <a:gd name="connsiteX30" fmla="*/ 101013 w 201930"/>
                  <a:gd name="connsiteY30" fmla="*/ 0 h 152029"/>
                  <a:gd name="connsiteX31" fmla="*/ 201930 w 201930"/>
                  <a:gd name="connsiteY31" fmla="*/ 50835 h 1520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01930" h="152029">
                    <a:moveTo>
                      <a:pt x="201930" y="50835"/>
                    </a:moveTo>
                    <a:lnTo>
                      <a:pt x="201930" y="92150"/>
                    </a:lnTo>
                    <a:cubicBezTo>
                      <a:pt x="201930" y="97386"/>
                      <a:pt x="197654" y="101670"/>
                      <a:pt x="192427" y="101670"/>
                    </a:cubicBezTo>
                    <a:lnTo>
                      <a:pt x="180264" y="101670"/>
                    </a:lnTo>
                    <a:cubicBezTo>
                      <a:pt x="175038" y="101670"/>
                      <a:pt x="170762" y="97386"/>
                      <a:pt x="170762" y="92150"/>
                    </a:cubicBezTo>
                    <a:lnTo>
                      <a:pt x="170762" y="70445"/>
                    </a:lnTo>
                    <a:cubicBezTo>
                      <a:pt x="170762" y="65209"/>
                      <a:pt x="166485" y="60926"/>
                      <a:pt x="161259" y="60926"/>
                    </a:cubicBezTo>
                    <a:lnTo>
                      <a:pt x="161259" y="60926"/>
                    </a:lnTo>
                    <a:cubicBezTo>
                      <a:pt x="156032" y="60926"/>
                      <a:pt x="151756" y="65209"/>
                      <a:pt x="151756" y="70445"/>
                    </a:cubicBezTo>
                    <a:lnTo>
                      <a:pt x="151756" y="92150"/>
                    </a:lnTo>
                    <a:cubicBezTo>
                      <a:pt x="151756" y="97386"/>
                      <a:pt x="147480" y="101670"/>
                      <a:pt x="142254" y="101670"/>
                    </a:cubicBezTo>
                    <a:lnTo>
                      <a:pt x="138168" y="101670"/>
                    </a:lnTo>
                    <a:lnTo>
                      <a:pt x="137217" y="110142"/>
                    </a:lnTo>
                    <a:cubicBezTo>
                      <a:pt x="137217" y="110904"/>
                      <a:pt x="135697" y="124898"/>
                      <a:pt x="140543" y="139272"/>
                    </a:cubicBezTo>
                    <a:cubicBezTo>
                      <a:pt x="142634" y="145555"/>
                      <a:pt x="138263" y="152029"/>
                      <a:pt x="131611" y="152029"/>
                    </a:cubicBezTo>
                    <a:lnTo>
                      <a:pt x="75831" y="152029"/>
                    </a:lnTo>
                    <a:cubicBezTo>
                      <a:pt x="69179" y="152029"/>
                      <a:pt x="64808" y="145460"/>
                      <a:pt x="66993" y="139177"/>
                    </a:cubicBezTo>
                    <a:cubicBezTo>
                      <a:pt x="71840" y="124803"/>
                      <a:pt x="70414" y="110904"/>
                      <a:pt x="70224" y="110142"/>
                    </a:cubicBezTo>
                    <a:lnTo>
                      <a:pt x="69274" y="101670"/>
                    </a:lnTo>
                    <a:lnTo>
                      <a:pt x="59771" y="101670"/>
                    </a:lnTo>
                    <a:cubicBezTo>
                      <a:pt x="54545" y="101670"/>
                      <a:pt x="50269" y="97386"/>
                      <a:pt x="50269" y="92150"/>
                    </a:cubicBezTo>
                    <a:lnTo>
                      <a:pt x="50269" y="70445"/>
                    </a:lnTo>
                    <a:cubicBezTo>
                      <a:pt x="50269" y="65209"/>
                      <a:pt x="45992" y="60926"/>
                      <a:pt x="40766" y="60926"/>
                    </a:cubicBezTo>
                    <a:lnTo>
                      <a:pt x="40766" y="60926"/>
                    </a:lnTo>
                    <a:cubicBezTo>
                      <a:pt x="35540" y="60926"/>
                      <a:pt x="31264" y="65209"/>
                      <a:pt x="31264" y="70445"/>
                    </a:cubicBezTo>
                    <a:lnTo>
                      <a:pt x="31264" y="92150"/>
                    </a:lnTo>
                    <a:cubicBezTo>
                      <a:pt x="31264" y="97386"/>
                      <a:pt x="26987" y="101670"/>
                      <a:pt x="21761" y="101670"/>
                    </a:cubicBezTo>
                    <a:lnTo>
                      <a:pt x="9503" y="101670"/>
                    </a:lnTo>
                    <a:cubicBezTo>
                      <a:pt x="4276" y="101670"/>
                      <a:pt x="0" y="97386"/>
                      <a:pt x="0" y="92150"/>
                    </a:cubicBezTo>
                    <a:lnTo>
                      <a:pt x="0" y="50835"/>
                    </a:lnTo>
                    <a:cubicBezTo>
                      <a:pt x="0" y="19325"/>
                      <a:pt x="65378" y="0"/>
                      <a:pt x="101013" y="0"/>
                    </a:cubicBezTo>
                    <a:cubicBezTo>
                      <a:pt x="136647" y="0"/>
                      <a:pt x="201930" y="19325"/>
                      <a:pt x="201930" y="50835"/>
                    </a:cubicBezTo>
                    <a:close/>
                  </a:path>
                </a:pathLst>
              </a:custGeom>
              <a:solidFill>
                <a:srgbClr val="66BCDB"/>
              </a:solidFill>
              <a:ln w="0" cap="flat">
                <a:noFill/>
                <a:prstDash val="solid"/>
                <a:miter/>
              </a:ln>
            </p:spPr>
            <p:txBody>
              <a:bodyPr rtlCol="0" anchor="ctr"/>
              <a:lstStyle/>
              <a:p>
                <a:endParaRPr lang="en-US"/>
              </a:p>
            </p:txBody>
          </p:sp>
          <p:sp>
            <p:nvSpPr>
              <p:cNvPr id="133" name="Freeform 5">
                <a:extLst>
                  <a:ext uri="{FF2B5EF4-FFF2-40B4-BE49-F238E27FC236}">
                    <a16:creationId xmlns:a16="http://schemas.microsoft.com/office/drawing/2014/main" id="{05EE602A-D231-A23B-F9A0-446680F08C46}"/>
                  </a:ext>
                </a:extLst>
              </p:cNvPr>
              <p:cNvSpPr/>
              <p:nvPr/>
            </p:nvSpPr>
            <p:spPr>
              <a:xfrm>
                <a:off x="5814628" y="3685745"/>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134" name="Freeform 6">
                <a:extLst>
                  <a:ext uri="{FF2B5EF4-FFF2-40B4-BE49-F238E27FC236}">
                    <a16:creationId xmlns:a16="http://schemas.microsoft.com/office/drawing/2014/main" id="{C3C1A27B-7CC2-ACDA-E44B-9B1558166716}"/>
                  </a:ext>
                </a:extLst>
              </p:cNvPr>
              <p:cNvSpPr/>
              <p:nvPr/>
            </p:nvSpPr>
            <p:spPr>
              <a:xfrm>
                <a:off x="5601580" y="3635386"/>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135" name="Freeform 7">
                <a:extLst>
                  <a:ext uri="{FF2B5EF4-FFF2-40B4-BE49-F238E27FC236}">
                    <a16:creationId xmlns:a16="http://schemas.microsoft.com/office/drawing/2014/main" id="{2B6F0164-1E33-ACA8-ED42-31105235B61B}"/>
                  </a:ext>
                </a:extLst>
              </p:cNvPr>
              <p:cNvSpPr/>
              <p:nvPr/>
            </p:nvSpPr>
            <p:spPr>
              <a:xfrm>
                <a:off x="5383210" y="3685745"/>
                <a:ext cx="104338" cy="100718"/>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136" name="Freeform 8">
                <a:extLst>
                  <a:ext uri="{FF2B5EF4-FFF2-40B4-BE49-F238E27FC236}">
                    <a16:creationId xmlns:a16="http://schemas.microsoft.com/office/drawing/2014/main" id="{3DE8DE22-A350-96EA-9458-517DDEFEFA1D}"/>
                  </a:ext>
                </a:extLst>
              </p:cNvPr>
              <p:cNvSpPr/>
              <p:nvPr/>
            </p:nvSpPr>
            <p:spPr>
              <a:xfrm>
                <a:off x="5378174" y="3766757"/>
                <a:ext cx="551054" cy="432511"/>
              </a:xfrm>
              <a:custGeom>
                <a:avLst/>
                <a:gdLst>
                  <a:gd name="connsiteX0" fmla="*/ 496985 w 551054"/>
                  <a:gd name="connsiteY0" fmla="*/ 50359 h 432511"/>
                  <a:gd name="connsiteX1" fmla="*/ 456789 w 551054"/>
                  <a:gd name="connsiteY1" fmla="*/ 50359 h 432511"/>
                  <a:gd name="connsiteX2" fmla="*/ 450138 w 551054"/>
                  <a:gd name="connsiteY2" fmla="*/ 53120 h 432511"/>
                  <a:gd name="connsiteX3" fmla="*/ 390556 w 551054"/>
                  <a:gd name="connsiteY3" fmla="*/ 112808 h 432511"/>
                  <a:gd name="connsiteX4" fmla="*/ 390556 w 551054"/>
                  <a:gd name="connsiteY4" fmla="*/ 69874 h 432511"/>
                  <a:gd name="connsiteX5" fmla="*/ 270634 w 551054"/>
                  <a:gd name="connsiteY5" fmla="*/ 0 h 432511"/>
                  <a:gd name="connsiteX6" fmla="*/ 150616 w 551054"/>
                  <a:gd name="connsiteY6" fmla="*/ 69874 h 432511"/>
                  <a:gd name="connsiteX7" fmla="*/ 150616 w 551054"/>
                  <a:gd name="connsiteY7" fmla="*/ 107287 h 432511"/>
                  <a:gd name="connsiteX8" fmla="*/ 96546 w 551054"/>
                  <a:gd name="connsiteY8" fmla="*/ 53120 h 432511"/>
                  <a:gd name="connsiteX9" fmla="*/ 89894 w 551054"/>
                  <a:gd name="connsiteY9" fmla="*/ 50359 h 432511"/>
                  <a:gd name="connsiteX10" fmla="*/ 59201 w 551054"/>
                  <a:gd name="connsiteY10" fmla="*/ 50359 h 432511"/>
                  <a:gd name="connsiteX11" fmla="*/ 0 w 551054"/>
                  <a:gd name="connsiteY11" fmla="*/ 109666 h 432511"/>
                  <a:gd name="connsiteX12" fmla="*/ 0 w 551054"/>
                  <a:gd name="connsiteY12" fmla="*/ 250938 h 432511"/>
                  <a:gd name="connsiteX13" fmla="*/ 69749 w 551054"/>
                  <a:gd name="connsiteY13" fmla="*/ 320813 h 432511"/>
                  <a:gd name="connsiteX14" fmla="*/ 136457 w 551054"/>
                  <a:gd name="connsiteY14" fmla="*/ 320813 h 432511"/>
                  <a:gd name="connsiteX15" fmla="*/ 145485 w 551054"/>
                  <a:gd name="connsiteY15" fmla="*/ 327286 h 432511"/>
                  <a:gd name="connsiteX16" fmla="*/ 178363 w 551054"/>
                  <a:gd name="connsiteY16" fmla="*/ 426005 h 432511"/>
                  <a:gd name="connsiteX17" fmla="*/ 190337 w 551054"/>
                  <a:gd name="connsiteY17" fmla="*/ 432002 h 432511"/>
                  <a:gd name="connsiteX18" fmla="*/ 190337 w 551054"/>
                  <a:gd name="connsiteY18" fmla="*/ 432002 h 432511"/>
                  <a:gd name="connsiteX19" fmla="*/ 196323 w 551054"/>
                  <a:gd name="connsiteY19" fmla="*/ 420008 h 432511"/>
                  <a:gd name="connsiteX20" fmla="*/ 159168 w 551054"/>
                  <a:gd name="connsiteY20" fmla="*/ 308246 h 432511"/>
                  <a:gd name="connsiteX21" fmla="*/ 150141 w 551054"/>
                  <a:gd name="connsiteY21" fmla="*/ 301773 h 432511"/>
                  <a:gd name="connsiteX22" fmla="*/ 79156 w 551054"/>
                  <a:gd name="connsiteY22" fmla="*/ 301773 h 432511"/>
                  <a:gd name="connsiteX23" fmla="*/ 18910 w 551054"/>
                  <a:gd name="connsiteY23" fmla="*/ 241419 h 432511"/>
                  <a:gd name="connsiteX24" fmla="*/ 18910 w 551054"/>
                  <a:gd name="connsiteY24" fmla="*/ 109476 h 432511"/>
                  <a:gd name="connsiteX25" fmla="*/ 59011 w 551054"/>
                  <a:gd name="connsiteY25" fmla="*/ 69303 h 432511"/>
                  <a:gd name="connsiteX26" fmla="*/ 81912 w 551054"/>
                  <a:gd name="connsiteY26" fmla="*/ 69303 h 432511"/>
                  <a:gd name="connsiteX27" fmla="*/ 88564 w 551054"/>
                  <a:gd name="connsiteY27" fmla="*/ 72064 h 432511"/>
                  <a:gd name="connsiteX28" fmla="*/ 153372 w 551054"/>
                  <a:gd name="connsiteY28" fmla="*/ 136893 h 432511"/>
                  <a:gd name="connsiteX29" fmla="*/ 160024 w 551054"/>
                  <a:gd name="connsiteY29" fmla="*/ 139653 h 432511"/>
                  <a:gd name="connsiteX30" fmla="*/ 209532 w 551054"/>
                  <a:gd name="connsiteY30" fmla="*/ 139653 h 432511"/>
                  <a:gd name="connsiteX31" fmla="*/ 218560 w 551054"/>
                  <a:gd name="connsiteY31" fmla="*/ 151934 h 432511"/>
                  <a:gd name="connsiteX32" fmla="*/ 212668 w 551054"/>
                  <a:gd name="connsiteY32" fmla="*/ 162500 h 432511"/>
                  <a:gd name="connsiteX33" fmla="*/ 190052 w 551054"/>
                  <a:gd name="connsiteY33" fmla="*/ 170973 h 432511"/>
                  <a:gd name="connsiteX34" fmla="*/ 127620 w 551054"/>
                  <a:gd name="connsiteY34" fmla="*/ 170973 h 432511"/>
                  <a:gd name="connsiteX35" fmla="*/ 120968 w 551054"/>
                  <a:gd name="connsiteY35" fmla="*/ 168212 h 432511"/>
                  <a:gd name="connsiteX36" fmla="*/ 72980 w 551054"/>
                  <a:gd name="connsiteY36" fmla="*/ 120138 h 432511"/>
                  <a:gd name="connsiteX37" fmla="*/ 59581 w 551054"/>
                  <a:gd name="connsiteY37" fmla="*/ 120138 h 432511"/>
                  <a:gd name="connsiteX38" fmla="*/ 59581 w 551054"/>
                  <a:gd name="connsiteY38" fmla="*/ 120138 h 432511"/>
                  <a:gd name="connsiteX39" fmla="*/ 59581 w 551054"/>
                  <a:gd name="connsiteY39" fmla="*/ 133561 h 432511"/>
                  <a:gd name="connsiteX40" fmla="*/ 87519 w 551054"/>
                  <a:gd name="connsiteY40" fmla="*/ 161549 h 432511"/>
                  <a:gd name="connsiteX41" fmla="*/ 90275 w 551054"/>
                  <a:gd name="connsiteY41" fmla="*/ 168212 h 432511"/>
                  <a:gd name="connsiteX42" fmla="*/ 90275 w 551054"/>
                  <a:gd name="connsiteY42" fmla="*/ 230757 h 432511"/>
                  <a:gd name="connsiteX43" fmla="*/ 99777 w 551054"/>
                  <a:gd name="connsiteY43" fmla="*/ 240276 h 432511"/>
                  <a:gd name="connsiteX44" fmla="*/ 160024 w 551054"/>
                  <a:gd name="connsiteY44" fmla="*/ 240276 h 432511"/>
                  <a:gd name="connsiteX45" fmla="*/ 198319 w 551054"/>
                  <a:gd name="connsiteY45" fmla="*/ 267122 h 432511"/>
                  <a:gd name="connsiteX46" fmla="*/ 234524 w 551054"/>
                  <a:gd name="connsiteY46" fmla="*/ 424862 h 432511"/>
                  <a:gd name="connsiteX47" fmla="*/ 245927 w 551054"/>
                  <a:gd name="connsiteY47" fmla="*/ 432002 h 432511"/>
                  <a:gd name="connsiteX48" fmla="*/ 245927 w 551054"/>
                  <a:gd name="connsiteY48" fmla="*/ 432002 h 432511"/>
                  <a:gd name="connsiteX49" fmla="*/ 253054 w 551054"/>
                  <a:gd name="connsiteY49" fmla="*/ 420579 h 432511"/>
                  <a:gd name="connsiteX50" fmla="*/ 216754 w 551054"/>
                  <a:gd name="connsiteY50" fmla="*/ 262267 h 432511"/>
                  <a:gd name="connsiteX51" fmla="*/ 216374 w 551054"/>
                  <a:gd name="connsiteY51" fmla="*/ 261315 h 432511"/>
                  <a:gd name="connsiteX52" fmla="*/ 160024 w 551054"/>
                  <a:gd name="connsiteY52" fmla="*/ 221237 h 432511"/>
                  <a:gd name="connsiteX53" fmla="*/ 118782 w 551054"/>
                  <a:gd name="connsiteY53" fmla="*/ 221237 h 432511"/>
                  <a:gd name="connsiteX54" fmla="*/ 109280 w 551054"/>
                  <a:gd name="connsiteY54" fmla="*/ 211717 h 432511"/>
                  <a:gd name="connsiteX55" fmla="*/ 109280 w 551054"/>
                  <a:gd name="connsiteY55" fmla="*/ 199437 h 432511"/>
                  <a:gd name="connsiteX56" fmla="*/ 118782 w 551054"/>
                  <a:gd name="connsiteY56" fmla="*/ 189917 h 432511"/>
                  <a:gd name="connsiteX57" fmla="*/ 432368 w 551054"/>
                  <a:gd name="connsiteY57" fmla="*/ 189917 h 432511"/>
                  <a:gd name="connsiteX58" fmla="*/ 441870 w 551054"/>
                  <a:gd name="connsiteY58" fmla="*/ 199437 h 432511"/>
                  <a:gd name="connsiteX59" fmla="*/ 441870 w 551054"/>
                  <a:gd name="connsiteY59" fmla="*/ 211717 h 432511"/>
                  <a:gd name="connsiteX60" fmla="*/ 432368 w 551054"/>
                  <a:gd name="connsiteY60" fmla="*/ 221237 h 432511"/>
                  <a:gd name="connsiteX61" fmla="*/ 386565 w 551054"/>
                  <a:gd name="connsiteY61" fmla="*/ 221237 h 432511"/>
                  <a:gd name="connsiteX62" fmla="*/ 330215 w 551054"/>
                  <a:gd name="connsiteY62" fmla="*/ 261315 h 432511"/>
                  <a:gd name="connsiteX63" fmla="*/ 295721 w 551054"/>
                  <a:gd name="connsiteY63" fmla="*/ 420674 h 432511"/>
                  <a:gd name="connsiteX64" fmla="*/ 302942 w 551054"/>
                  <a:gd name="connsiteY64" fmla="*/ 431907 h 432511"/>
                  <a:gd name="connsiteX65" fmla="*/ 302942 w 551054"/>
                  <a:gd name="connsiteY65" fmla="*/ 431907 h 432511"/>
                  <a:gd name="connsiteX66" fmla="*/ 314251 w 551054"/>
                  <a:gd name="connsiteY66" fmla="*/ 424672 h 432511"/>
                  <a:gd name="connsiteX67" fmla="*/ 348365 w 551054"/>
                  <a:gd name="connsiteY67" fmla="*/ 267026 h 432511"/>
                  <a:gd name="connsiteX68" fmla="*/ 386565 w 551054"/>
                  <a:gd name="connsiteY68" fmla="*/ 240276 h 432511"/>
                  <a:gd name="connsiteX69" fmla="*/ 451373 w 551054"/>
                  <a:gd name="connsiteY69" fmla="*/ 240276 h 432511"/>
                  <a:gd name="connsiteX70" fmla="*/ 460876 w 551054"/>
                  <a:gd name="connsiteY70" fmla="*/ 230757 h 432511"/>
                  <a:gd name="connsiteX71" fmla="*/ 460876 w 551054"/>
                  <a:gd name="connsiteY71" fmla="*/ 160311 h 432511"/>
                  <a:gd name="connsiteX72" fmla="*/ 460305 w 551054"/>
                  <a:gd name="connsiteY72" fmla="*/ 160311 h 432511"/>
                  <a:gd name="connsiteX73" fmla="*/ 487008 w 551054"/>
                  <a:gd name="connsiteY73" fmla="*/ 133561 h 432511"/>
                  <a:gd name="connsiteX74" fmla="*/ 487008 w 551054"/>
                  <a:gd name="connsiteY74" fmla="*/ 120138 h 432511"/>
                  <a:gd name="connsiteX75" fmla="*/ 487008 w 551054"/>
                  <a:gd name="connsiteY75" fmla="*/ 120138 h 432511"/>
                  <a:gd name="connsiteX76" fmla="*/ 473609 w 551054"/>
                  <a:gd name="connsiteY76" fmla="*/ 120138 h 432511"/>
                  <a:gd name="connsiteX77" fmla="*/ 425526 w 551054"/>
                  <a:gd name="connsiteY77" fmla="*/ 168308 h 432511"/>
                  <a:gd name="connsiteX78" fmla="*/ 418874 w 551054"/>
                  <a:gd name="connsiteY78" fmla="*/ 171068 h 432511"/>
                  <a:gd name="connsiteX79" fmla="*/ 356442 w 551054"/>
                  <a:gd name="connsiteY79" fmla="*/ 171068 h 432511"/>
                  <a:gd name="connsiteX80" fmla="*/ 333921 w 551054"/>
                  <a:gd name="connsiteY80" fmla="*/ 162596 h 432511"/>
                  <a:gd name="connsiteX81" fmla="*/ 328029 w 551054"/>
                  <a:gd name="connsiteY81" fmla="*/ 152124 h 432511"/>
                  <a:gd name="connsiteX82" fmla="*/ 337057 w 551054"/>
                  <a:gd name="connsiteY82" fmla="*/ 139749 h 432511"/>
                  <a:gd name="connsiteX83" fmla="*/ 386470 w 551054"/>
                  <a:gd name="connsiteY83" fmla="*/ 139749 h 432511"/>
                  <a:gd name="connsiteX84" fmla="*/ 393122 w 551054"/>
                  <a:gd name="connsiteY84" fmla="*/ 136988 h 432511"/>
                  <a:gd name="connsiteX85" fmla="*/ 457930 w 551054"/>
                  <a:gd name="connsiteY85" fmla="*/ 72159 h 432511"/>
                  <a:gd name="connsiteX86" fmla="*/ 464582 w 551054"/>
                  <a:gd name="connsiteY86" fmla="*/ 69398 h 432511"/>
                  <a:gd name="connsiteX87" fmla="*/ 496890 w 551054"/>
                  <a:gd name="connsiteY87" fmla="*/ 69398 h 432511"/>
                  <a:gd name="connsiteX88" fmla="*/ 532145 w 551054"/>
                  <a:gd name="connsiteY88" fmla="*/ 100051 h 432511"/>
                  <a:gd name="connsiteX89" fmla="*/ 532145 w 551054"/>
                  <a:gd name="connsiteY89" fmla="*/ 250938 h 432511"/>
                  <a:gd name="connsiteX90" fmla="*/ 476840 w 551054"/>
                  <a:gd name="connsiteY90" fmla="*/ 301773 h 432511"/>
                  <a:gd name="connsiteX91" fmla="*/ 396543 w 551054"/>
                  <a:gd name="connsiteY91" fmla="*/ 301773 h 432511"/>
                  <a:gd name="connsiteX92" fmla="*/ 387516 w 551054"/>
                  <a:gd name="connsiteY92" fmla="*/ 308246 h 432511"/>
                  <a:gd name="connsiteX93" fmla="*/ 350265 w 551054"/>
                  <a:gd name="connsiteY93" fmla="*/ 420008 h 432511"/>
                  <a:gd name="connsiteX94" fmla="*/ 356252 w 551054"/>
                  <a:gd name="connsiteY94" fmla="*/ 432002 h 432511"/>
                  <a:gd name="connsiteX95" fmla="*/ 356252 w 551054"/>
                  <a:gd name="connsiteY95" fmla="*/ 432002 h 432511"/>
                  <a:gd name="connsiteX96" fmla="*/ 368225 w 551054"/>
                  <a:gd name="connsiteY96" fmla="*/ 426005 h 432511"/>
                  <a:gd name="connsiteX97" fmla="*/ 401104 w 551054"/>
                  <a:gd name="connsiteY97" fmla="*/ 327286 h 432511"/>
                  <a:gd name="connsiteX98" fmla="*/ 410132 w 551054"/>
                  <a:gd name="connsiteY98" fmla="*/ 320813 h 432511"/>
                  <a:gd name="connsiteX99" fmla="*/ 476745 w 551054"/>
                  <a:gd name="connsiteY99" fmla="*/ 320813 h 432511"/>
                  <a:gd name="connsiteX100" fmla="*/ 551055 w 551054"/>
                  <a:gd name="connsiteY100" fmla="*/ 250938 h 432511"/>
                  <a:gd name="connsiteX101" fmla="*/ 551055 w 551054"/>
                  <a:gd name="connsiteY101" fmla="*/ 100051 h 432511"/>
                  <a:gd name="connsiteX102" fmla="*/ 496795 w 551054"/>
                  <a:gd name="connsiteY102" fmla="*/ 50359 h 432511"/>
                  <a:gd name="connsiteX103" fmla="*/ 362049 w 551054"/>
                  <a:gd name="connsiteY103" fmla="*/ 120709 h 432511"/>
                  <a:gd name="connsiteX104" fmla="*/ 349790 w 551054"/>
                  <a:gd name="connsiteY104" fmla="*/ 120709 h 432511"/>
                  <a:gd name="connsiteX105" fmla="*/ 340288 w 551054"/>
                  <a:gd name="connsiteY105" fmla="*/ 111190 h 432511"/>
                  <a:gd name="connsiteX106" fmla="*/ 340288 w 551054"/>
                  <a:gd name="connsiteY106" fmla="*/ 89389 h 432511"/>
                  <a:gd name="connsiteX107" fmla="*/ 330785 w 551054"/>
                  <a:gd name="connsiteY107" fmla="*/ 79870 h 432511"/>
                  <a:gd name="connsiteX108" fmla="*/ 330785 w 551054"/>
                  <a:gd name="connsiteY108" fmla="*/ 79870 h 432511"/>
                  <a:gd name="connsiteX109" fmla="*/ 321283 w 551054"/>
                  <a:gd name="connsiteY109" fmla="*/ 89389 h 432511"/>
                  <a:gd name="connsiteX110" fmla="*/ 321283 w 551054"/>
                  <a:gd name="connsiteY110" fmla="*/ 111190 h 432511"/>
                  <a:gd name="connsiteX111" fmla="*/ 311780 w 551054"/>
                  <a:gd name="connsiteY111" fmla="*/ 120709 h 432511"/>
                  <a:gd name="connsiteX112" fmla="*/ 307694 w 551054"/>
                  <a:gd name="connsiteY112" fmla="*/ 120709 h 432511"/>
                  <a:gd name="connsiteX113" fmla="*/ 306744 w 551054"/>
                  <a:gd name="connsiteY113" fmla="*/ 129182 h 432511"/>
                  <a:gd name="connsiteX114" fmla="*/ 310069 w 551054"/>
                  <a:gd name="connsiteY114" fmla="*/ 158312 h 432511"/>
                  <a:gd name="connsiteX115" fmla="*/ 301232 w 551054"/>
                  <a:gd name="connsiteY115" fmla="*/ 171068 h 432511"/>
                  <a:gd name="connsiteX116" fmla="*/ 245357 w 551054"/>
                  <a:gd name="connsiteY116" fmla="*/ 171068 h 432511"/>
                  <a:gd name="connsiteX117" fmla="*/ 236519 w 551054"/>
                  <a:gd name="connsiteY117" fmla="*/ 158312 h 432511"/>
                  <a:gd name="connsiteX118" fmla="*/ 239750 w 551054"/>
                  <a:gd name="connsiteY118" fmla="*/ 129182 h 432511"/>
                  <a:gd name="connsiteX119" fmla="*/ 238800 w 551054"/>
                  <a:gd name="connsiteY119" fmla="*/ 120709 h 432511"/>
                  <a:gd name="connsiteX120" fmla="*/ 229297 w 551054"/>
                  <a:gd name="connsiteY120" fmla="*/ 120709 h 432511"/>
                  <a:gd name="connsiteX121" fmla="*/ 219795 w 551054"/>
                  <a:gd name="connsiteY121" fmla="*/ 111190 h 432511"/>
                  <a:gd name="connsiteX122" fmla="*/ 219795 w 551054"/>
                  <a:gd name="connsiteY122" fmla="*/ 89389 h 432511"/>
                  <a:gd name="connsiteX123" fmla="*/ 210292 w 551054"/>
                  <a:gd name="connsiteY123" fmla="*/ 79870 h 432511"/>
                  <a:gd name="connsiteX124" fmla="*/ 210292 w 551054"/>
                  <a:gd name="connsiteY124" fmla="*/ 79870 h 432511"/>
                  <a:gd name="connsiteX125" fmla="*/ 200790 w 551054"/>
                  <a:gd name="connsiteY125" fmla="*/ 89389 h 432511"/>
                  <a:gd name="connsiteX126" fmla="*/ 200790 w 551054"/>
                  <a:gd name="connsiteY126" fmla="*/ 111190 h 432511"/>
                  <a:gd name="connsiteX127" fmla="*/ 191287 w 551054"/>
                  <a:gd name="connsiteY127" fmla="*/ 120709 h 432511"/>
                  <a:gd name="connsiteX128" fmla="*/ 178934 w 551054"/>
                  <a:gd name="connsiteY128" fmla="*/ 120709 h 432511"/>
                  <a:gd name="connsiteX129" fmla="*/ 169431 w 551054"/>
                  <a:gd name="connsiteY129" fmla="*/ 111190 h 432511"/>
                  <a:gd name="connsiteX130" fmla="*/ 169431 w 551054"/>
                  <a:gd name="connsiteY130" fmla="*/ 69874 h 432511"/>
                  <a:gd name="connsiteX131" fmla="*/ 270444 w 551054"/>
                  <a:gd name="connsiteY131" fmla="*/ 19039 h 432511"/>
                  <a:gd name="connsiteX132" fmla="*/ 371361 w 551054"/>
                  <a:gd name="connsiteY132" fmla="*/ 69874 h 432511"/>
                  <a:gd name="connsiteX133" fmla="*/ 371361 w 551054"/>
                  <a:gd name="connsiteY133" fmla="*/ 111190 h 432511"/>
                  <a:gd name="connsiteX134" fmla="*/ 361858 w 551054"/>
                  <a:gd name="connsiteY134" fmla="*/ 120709 h 4325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Lst>
                <a:rect l="l" t="t" r="r" b="b"/>
                <a:pathLst>
                  <a:path w="551054" h="432511">
                    <a:moveTo>
                      <a:pt x="496985" y="50359"/>
                    </a:moveTo>
                    <a:lnTo>
                      <a:pt x="456789" y="50359"/>
                    </a:lnTo>
                    <a:cubicBezTo>
                      <a:pt x="454319" y="50359"/>
                      <a:pt x="451848" y="51311"/>
                      <a:pt x="450138" y="53120"/>
                    </a:cubicBezTo>
                    <a:lnTo>
                      <a:pt x="390556" y="112808"/>
                    </a:lnTo>
                    <a:lnTo>
                      <a:pt x="390556" y="69874"/>
                    </a:lnTo>
                    <a:cubicBezTo>
                      <a:pt x="390556" y="23418"/>
                      <a:pt x="313680" y="0"/>
                      <a:pt x="270634" y="0"/>
                    </a:cubicBezTo>
                    <a:cubicBezTo>
                      <a:pt x="227587" y="0"/>
                      <a:pt x="150616" y="23418"/>
                      <a:pt x="150616" y="69874"/>
                    </a:cubicBezTo>
                    <a:lnTo>
                      <a:pt x="150616" y="107287"/>
                    </a:lnTo>
                    <a:lnTo>
                      <a:pt x="96546" y="53120"/>
                    </a:lnTo>
                    <a:cubicBezTo>
                      <a:pt x="94741" y="51311"/>
                      <a:pt x="92365" y="50359"/>
                      <a:pt x="89894" y="50359"/>
                    </a:cubicBezTo>
                    <a:lnTo>
                      <a:pt x="59201" y="50359"/>
                    </a:lnTo>
                    <a:cubicBezTo>
                      <a:pt x="26702" y="50359"/>
                      <a:pt x="0" y="77014"/>
                      <a:pt x="0" y="109666"/>
                    </a:cubicBezTo>
                    <a:lnTo>
                      <a:pt x="0" y="250938"/>
                    </a:lnTo>
                    <a:cubicBezTo>
                      <a:pt x="0" y="289493"/>
                      <a:pt x="31358" y="320813"/>
                      <a:pt x="69749" y="320813"/>
                    </a:cubicBezTo>
                    <a:lnTo>
                      <a:pt x="136457" y="320813"/>
                    </a:lnTo>
                    <a:cubicBezTo>
                      <a:pt x="140543" y="320813"/>
                      <a:pt x="144154" y="323383"/>
                      <a:pt x="145485" y="327286"/>
                    </a:cubicBezTo>
                    <a:lnTo>
                      <a:pt x="178363" y="426005"/>
                    </a:lnTo>
                    <a:cubicBezTo>
                      <a:pt x="179979" y="430955"/>
                      <a:pt x="185395" y="433621"/>
                      <a:pt x="190337" y="432002"/>
                    </a:cubicBezTo>
                    <a:lnTo>
                      <a:pt x="190337" y="432002"/>
                    </a:lnTo>
                    <a:cubicBezTo>
                      <a:pt x="195278" y="430384"/>
                      <a:pt x="197939" y="424958"/>
                      <a:pt x="196323" y="420008"/>
                    </a:cubicBezTo>
                    <a:lnTo>
                      <a:pt x="159168" y="308246"/>
                    </a:lnTo>
                    <a:cubicBezTo>
                      <a:pt x="157838" y="304344"/>
                      <a:pt x="154227" y="301773"/>
                      <a:pt x="150141" y="301773"/>
                    </a:cubicBezTo>
                    <a:lnTo>
                      <a:pt x="79156" y="301773"/>
                    </a:lnTo>
                    <a:cubicBezTo>
                      <a:pt x="45897" y="301773"/>
                      <a:pt x="18910" y="274737"/>
                      <a:pt x="18910" y="241419"/>
                    </a:cubicBezTo>
                    <a:lnTo>
                      <a:pt x="18910" y="109476"/>
                    </a:lnTo>
                    <a:cubicBezTo>
                      <a:pt x="18910" y="87295"/>
                      <a:pt x="36870" y="69303"/>
                      <a:pt x="59011" y="69303"/>
                    </a:cubicBezTo>
                    <a:lnTo>
                      <a:pt x="81912" y="69303"/>
                    </a:lnTo>
                    <a:cubicBezTo>
                      <a:pt x="84383" y="69303"/>
                      <a:pt x="86854" y="70255"/>
                      <a:pt x="88564" y="72064"/>
                    </a:cubicBezTo>
                    <a:lnTo>
                      <a:pt x="153372" y="136893"/>
                    </a:lnTo>
                    <a:cubicBezTo>
                      <a:pt x="155177" y="138701"/>
                      <a:pt x="157553" y="139653"/>
                      <a:pt x="160024" y="139653"/>
                    </a:cubicBezTo>
                    <a:lnTo>
                      <a:pt x="209532" y="139653"/>
                    </a:lnTo>
                    <a:cubicBezTo>
                      <a:pt x="215899" y="139653"/>
                      <a:pt x="220650" y="145936"/>
                      <a:pt x="218560" y="151934"/>
                    </a:cubicBezTo>
                    <a:cubicBezTo>
                      <a:pt x="217324" y="155646"/>
                      <a:pt x="215424" y="159359"/>
                      <a:pt x="212668" y="162500"/>
                    </a:cubicBezTo>
                    <a:cubicBezTo>
                      <a:pt x="207631" y="168212"/>
                      <a:pt x="200219" y="170973"/>
                      <a:pt x="190052" y="170973"/>
                    </a:cubicBezTo>
                    <a:lnTo>
                      <a:pt x="127620" y="170973"/>
                    </a:lnTo>
                    <a:cubicBezTo>
                      <a:pt x="125149" y="170973"/>
                      <a:pt x="122678" y="170021"/>
                      <a:pt x="120968" y="168212"/>
                    </a:cubicBezTo>
                    <a:lnTo>
                      <a:pt x="72980" y="120138"/>
                    </a:lnTo>
                    <a:cubicBezTo>
                      <a:pt x="69274" y="116425"/>
                      <a:pt x="63287" y="116425"/>
                      <a:pt x="59581" y="120138"/>
                    </a:cubicBezTo>
                    <a:lnTo>
                      <a:pt x="59581" y="120138"/>
                    </a:lnTo>
                    <a:cubicBezTo>
                      <a:pt x="55875" y="123851"/>
                      <a:pt x="55875" y="129848"/>
                      <a:pt x="59581" y="133561"/>
                    </a:cubicBezTo>
                    <a:lnTo>
                      <a:pt x="87519" y="161549"/>
                    </a:lnTo>
                    <a:cubicBezTo>
                      <a:pt x="89324" y="163357"/>
                      <a:pt x="90275" y="165737"/>
                      <a:pt x="90275" y="168212"/>
                    </a:cubicBezTo>
                    <a:lnTo>
                      <a:pt x="90275" y="230757"/>
                    </a:lnTo>
                    <a:cubicBezTo>
                      <a:pt x="90275" y="235992"/>
                      <a:pt x="94551" y="240276"/>
                      <a:pt x="99777" y="240276"/>
                    </a:cubicBezTo>
                    <a:lnTo>
                      <a:pt x="160024" y="240276"/>
                    </a:lnTo>
                    <a:cubicBezTo>
                      <a:pt x="177128" y="240276"/>
                      <a:pt x="192522" y="251033"/>
                      <a:pt x="198319" y="267122"/>
                    </a:cubicBezTo>
                    <a:lnTo>
                      <a:pt x="234524" y="424862"/>
                    </a:lnTo>
                    <a:cubicBezTo>
                      <a:pt x="235664" y="430003"/>
                      <a:pt x="240796" y="433145"/>
                      <a:pt x="245927" y="432002"/>
                    </a:cubicBezTo>
                    <a:lnTo>
                      <a:pt x="245927" y="432002"/>
                    </a:lnTo>
                    <a:cubicBezTo>
                      <a:pt x="251058" y="430765"/>
                      <a:pt x="254194" y="425719"/>
                      <a:pt x="253054" y="420579"/>
                    </a:cubicBezTo>
                    <a:lnTo>
                      <a:pt x="216754" y="262267"/>
                    </a:lnTo>
                    <a:lnTo>
                      <a:pt x="216374" y="261315"/>
                    </a:lnTo>
                    <a:cubicBezTo>
                      <a:pt x="208012" y="237325"/>
                      <a:pt x="185395" y="221237"/>
                      <a:pt x="160024" y="221237"/>
                    </a:cubicBezTo>
                    <a:lnTo>
                      <a:pt x="118782" y="221237"/>
                    </a:lnTo>
                    <a:cubicBezTo>
                      <a:pt x="113556" y="221237"/>
                      <a:pt x="109280" y="216953"/>
                      <a:pt x="109280" y="211717"/>
                    </a:cubicBezTo>
                    <a:lnTo>
                      <a:pt x="109280" y="199437"/>
                    </a:lnTo>
                    <a:cubicBezTo>
                      <a:pt x="109280" y="194201"/>
                      <a:pt x="113556" y="189917"/>
                      <a:pt x="118782" y="189917"/>
                    </a:cubicBezTo>
                    <a:lnTo>
                      <a:pt x="432368" y="189917"/>
                    </a:lnTo>
                    <a:cubicBezTo>
                      <a:pt x="437594" y="189917"/>
                      <a:pt x="441870" y="194201"/>
                      <a:pt x="441870" y="199437"/>
                    </a:cubicBezTo>
                    <a:lnTo>
                      <a:pt x="441870" y="211717"/>
                    </a:lnTo>
                    <a:cubicBezTo>
                      <a:pt x="441870" y="216953"/>
                      <a:pt x="437594" y="221237"/>
                      <a:pt x="432368" y="221237"/>
                    </a:cubicBezTo>
                    <a:lnTo>
                      <a:pt x="386565" y="221237"/>
                    </a:lnTo>
                    <a:cubicBezTo>
                      <a:pt x="361193" y="221237"/>
                      <a:pt x="338577" y="237325"/>
                      <a:pt x="330215" y="261315"/>
                    </a:cubicBezTo>
                    <a:lnTo>
                      <a:pt x="295721" y="420674"/>
                    </a:lnTo>
                    <a:cubicBezTo>
                      <a:pt x="294580" y="425814"/>
                      <a:pt x="297811" y="430860"/>
                      <a:pt x="302942" y="431907"/>
                    </a:cubicBezTo>
                    <a:lnTo>
                      <a:pt x="302942" y="431907"/>
                    </a:lnTo>
                    <a:cubicBezTo>
                      <a:pt x="308074" y="433049"/>
                      <a:pt x="313110" y="429813"/>
                      <a:pt x="314251" y="424672"/>
                    </a:cubicBezTo>
                    <a:lnTo>
                      <a:pt x="348365" y="267026"/>
                    </a:lnTo>
                    <a:cubicBezTo>
                      <a:pt x="354161" y="251033"/>
                      <a:pt x="369461" y="240276"/>
                      <a:pt x="386565" y="240276"/>
                    </a:cubicBezTo>
                    <a:lnTo>
                      <a:pt x="451373" y="240276"/>
                    </a:lnTo>
                    <a:cubicBezTo>
                      <a:pt x="456599" y="240276"/>
                      <a:pt x="460876" y="235992"/>
                      <a:pt x="460876" y="230757"/>
                    </a:cubicBezTo>
                    <a:lnTo>
                      <a:pt x="460876" y="160311"/>
                    </a:lnTo>
                    <a:lnTo>
                      <a:pt x="460305" y="160311"/>
                    </a:lnTo>
                    <a:lnTo>
                      <a:pt x="487008" y="133561"/>
                    </a:lnTo>
                    <a:cubicBezTo>
                      <a:pt x="490714" y="129848"/>
                      <a:pt x="490714" y="123851"/>
                      <a:pt x="487008" y="120138"/>
                    </a:cubicBezTo>
                    <a:lnTo>
                      <a:pt x="487008" y="120138"/>
                    </a:lnTo>
                    <a:cubicBezTo>
                      <a:pt x="483302" y="116425"/>
                      <a:pt x="477315" y="116425"/>
                      <a:pt x="473609" y="120138"/>
                    </a:cubicBezTo>
                    <a:lnTo>
                      <a:pt x="425526" y="168308"/>
                    </a:lnTo>
                    <a:cubicBezTo>
                      <a:pt x="423720" y="170116"/>
                      <a:pt x="421345" y="171068"/>
                      <a:pt x="418874" y="171068"/>
                    </a:cubicBezTo>
                    <a:lnTo>
                      <a:pt x="356442" y="171068"/>
                    </a:lnTo>
                    <a:cubicBezTo>
                      <a:pt x="346369" y="171068"/>
                      <a:pt x="338957" y="168308"/>
                      <a:pt x="333921" y="162596"/>
                    </a:cubicBezTo>
                    <a:cubicBezTo>
                      <a:pt x="331165" y="159549"/>
                      <a:pt x="329265" y="155837"/>
                      <a:pt x="328029" y="152124"/>
                    </a:cubicBezTo>
                    <a:cubicBezTo>
                      <a:pt x="325939" y="146032"/>
                      <a:pt x="330690" y="139749"/>
                      <a:pt x="337057" y="139749"/>
                    </a:cubicBezTo>
                    <a:lnTo>
                      <a:pt x="386470" y="139749"/>
                    </a:lnTo>
                    <a:cubicBezTo>
                      <a:pt x="388941" y="139749"/>
                      <a:pt x="391412" y="138797"/>
                      <a:pt x="393122" y="136988"/>
                    </a:cubicBezTo>
                    <a:lnTo>
                      <a:pt x="457930" y="72159"/>
                    </a:lnTo>
                    <a:cubicBezTo>
                      <a:pt x="459735" y="70350"/>
                      <a:pt x="462111" y="69398"/>
                      <a:pt x="464582" y="69398"/>
                    </a:cubicBezTo>
                    <a:lnTo>
                      <a:pt x="496890" y="69398"/>
                    </a:lnTo>
                    <a:cubicBezTo>
                      <a:pt x="513235" y="69398"/>
                      <a:pt x="532145" y="82821"/>
                      <a:pt x="532145" y="100051"/>
                    </a:cubicBezTo>
                    <a:lnTo>
                      <a:pt x="532145" y="250938"/>
                    </a:lnTo>
                    <a:cubicBezTo>
                      <a:pt x="532145" y="278069"/>
                      <a:pt x="506298" y="301773"/>
                      <a:pt x="476840" y="301773"/>
                    </a:cubicBezTo>
                    <a:lnTo>
                      <a:pt x="396543" y="301773"/>
                    </a:lnTo>
                    <a:cubicBezTo>
                      <a:pt x="392457" y="301773"/>
                      <a:pt x="388846" y="304344"/>
                      <a:pt x="387516" y="308246"/>
                    </a:cubicBezTo>
                    <a:lnTo>
                      <a:pt x="350265" y="420008"/>
                    </a:lnTo>
                    <a:cubicBezTo>
                      <a:pt x="348650" y="424958"/>
                      <a:pt x="351311" y="430384"/>
                      <a:pt x="356252" y="432002"/>
                    </a:cubicBezTo>
                    <a:lnTo>
                      <a:pt x="356252" y="432002"/>
                    </a:lnTo>
                    <a:cubicBezTo>
                      <a:pt x="361193" y="433716"/>
                      <a:pt x="366515" y="430955"/>
                      <a:pt x="368225" y="426005"/>
                    </a:cubicBezTo>
                    <a:lnTo>
                      <a:pt x="401104" y="327286"/>
                    </a:lnTo>
                    <a:cubicBezTo>
                      <a:pt x="402435" y="323383"/>
                      <a:pt x="406046" y="320813"/>
                      <a:pt x="410132" y="320813"/>
                    </a:cubicBezTo>
                    <a:lnTo>
                      <a:pt x="476745" y="320813"/>
                    </a:lnTo>
                    <a:cubicBezTo>
                      <a:pt x="516371" y="320813"/>
                      <a:pt x="551055" y="288160"/>
                      <a:pt x="551055" y="250938"/>
                    </a:cubicBezTo>
                    <a:lnTo>
                      <a:pt x="551055" y="100051"/>
                    </a:lnTo>
                    <a:cubicBezTo>
                      <a:pt x="551055" y="73587"/>
                      <a:pt x="525683" y="50359"/>
                      <a:pt x="496795" y="50359"/>
                    </a:cubicBezTo>
                    <a:close/>
                    <a:moveTo>
                      <a:pt x="362049" y="120709"/>
                    </a:moveTo>
                    <a:lnTo>
                      <a:pt x="349790" y="120709"/>
                    </a:lnTo>
                    <a:cubicBezTo>
                      <a:pt x="344564" y="120709"/>
                      <a:pt x="340288" y="116425"/>
                      <a:pt x="340288" y="111190"/>
                    </a:cubicBezTo>
                    <a:lnTo>
                      <a:pt x="340288" y="89389"/>
                    </a:lnTo>
                    <a:cubicBezTo>
                      <a:pt x="340288" y="84154"/>
                      <a:pt x="336012" y="79870"/>
                      <a:pt x="330785" y="79870"/>
                    </a:cubicBezTo>
                    <a:lnTo>
                      <a:pt x="330785" y="79870"/>
                    </a:lnTo>
                    <a:cubicBezTo>
                      <a:pt x="325559" y="79870"/>
                      <a:pt x="321283" y="84154"/>
                      <a:pt x="321283" y="89389"/>
                    </a:cubicBezTo>
                    <a:lnTo>
                      <a:pt x="321283" y="111190"/>
                    </a:lnTo>
                    <a:cubicBezTo>
                      <a:pt x="321283" y="116425"/>
                      <a:pt x="317006" y="120709"/>
                      <a:pt x="311780" y="120709"/>
                    </a:cubicBezTo>
                    <a:lnTo>
                      <a:pt x="307694" y="120709"/>
                    </a:lnTo>
                    <a:lnTo>
                      <a:pt x="306744" y="129182"/>
                    </a:lnTo>
                    <a:cubicBezTo>
                      <a:pt x="306744" y="129943"/>
                      <a:pt x="305223" y="143937"/>
                      <a:pt x="310069" y="158312"/>
                    </a:cubicBezTo>
                    <a:cubicBezTo>
                      <a:pt x="312160" y="164595"/>
                      <a:pt x="307789" y="171068"/>
                      <a:pt x="301232" y="171068"/>
                    </a:cubicBezTo>
                    <a:lnTo>
                      <a:pt x="245357" y="171068"/>
                    </a:lnTo>
                    <a:cubicBezTo>
                      <a:pt x="238800" y="171068"/>
                      <a:pt x="234429" y="164595"/>
                      <a:pt x="236519" y="158312"/>
                    </a:cubicBezTo>
                    <a:cubicBezTo>
                      <a:pt x="241366" y="143937"/>
                      <a:pt x="239940" y="129943"/>
                      <a:pt x="239750" y="129182"/>
                    </a:cubicBezTo>
                    <a:lnTo>
                      <a:pt x="238800" y="120709"/>
                    </a:lnTo>
                    <a:lnTo>
                      <a:pt x="229297" y="120709"/>
                    </a:lnTo>
                    <a:cubicBezTo>
                      <a:pt x="224071" y="120709"/>
                      <a:pt x="219795" y="116425"/>
                      <a:pt x="219795" y="111190"/>
                    </a:cubicBezTo>
                    <a:lnTo>
                      <a:pt x="219795" y="89389"/>
                    </a:lnTo>
                    <a:cubicBezTo>
                      <a:pt x="219795" y="84154"/>
                      <a:pt x="215519" y="79870"/>
                      <a:pt x="210292" y="79870"/>
                    </a:cubicBezTo>
                    <a:lnTo>
                      <a:pt x="210292" y="79870"/>
                    </a:lnTo>
                    <a:cubicBezTo>
                      <a:pt x="205066" y="79870"/>
                      <a:pt x="200790" y="84154"/>
                      <a:pt x="200790" y="89389"/>
                    </a:cubicBezTo>
                    <a:lnTo>
                      <a:pt x="200790" y="111190"/>
                    </a:lnTo>
                    <a:cubicBezTo>
                      <a:pt x="200790" y="116425"/>
                      <a:pt x="196513" y="120709"/>
                      <a:pt x="191287" y="120709"/>
                    </a:cubicBezTo>
                    <a:lnTo>
                      <a:pt x="178934" y="120709"/>
                    </a:lnTo>
                    <a:cubicBezTo>
                      <a:pt x="173707" y="120709"/>
                      <a:pt x="169431" y="116425"/>
                      <a:pt x="169431" y="111190"/>
                    </a:cubicBezTo>
                    <a:lnTo>
                      <a:pt x="169431" y="69874"/>
                    </a:lnTo>
                    <a:cubicBezTo>
                      <a:pt x="169431" y="38364"/>
                      <a:pt x="234809" y="19039"/>
                      <a:pt x="270444" y="19039"/>
                    </a:cubicBezTo>
                    <a:cubicBezTo>
                      <a:pt x="306078" y="19039"/>
                      <a:pt x="371361" y="38364"/>
                      <a:pt x="371361" y="69874"/>
                    </a:cubicBezTo>
                    <a:lnTo>
                      <a:pt x="371361" y="111190"/>
                    </a:lnTo>
                    <a:cubicBezTo>
                      <a:pt x="371361" y="116425"/>
                      <a:pt x="367085" y="120709"/>
                      <a:pt x="361858" y="120709"/>
                    </a:cubicBezTo>
                    <a:close/>
                  </a:path>
                </a:pathLst>
              </a:custGeom>
              <a:solidFill>
                <a:srgbClr val="265A9A"/>
              </a:solidFill>
              <a:ln w="0" cap="flat">
                <a:noFill/>
                <a:prstDash val="solid"/>
                <a:miter/>
              </a:ln>
            </p:spPr>
            <p:txBody>
              <a:bodyPr rtlCol="0" anchor="ctr"/>
              <a:lstStyle/>
              <a:p>
                <a:endParaRPr lang="en-US"/>
              </a:p>
            </p:txBody>
          </p:sp>
          <p:sp>
            <p:nvSpPr>
              <p:cNvPr id="137" name="Freeform 9">
                <a:extLst>
                  <a:ext uri="{FF2B5EF4-FFF2-40B4-BE49-F238E27FC236}">
                    <a16:creationId xmlns:a16="http://schemas.microsoft.com/office/drawing/2014/main" id="{E30BA203-C7E9-0161-5E81-5220DD40C05F}"/>
                  </a:ext>
                </a:extLst>
              </p:cNvPr>
              <p:cNvSpPr/>
              <p:nvPr/>
            </p:nvSpPr>
            <p:spPr>
              <a:xfrm>
                <a:off x="5799424" y="3826636"/>
                <a:ext cx="170191" cy="301297"/>
              </a:xfrm>
              <a:custGeom>
                <a:avLst/>
                <a:gdLst>
                  <a:gd name="connsiteX0" fmla="*/ 151186 w 170191"/>
                  <a:gd name="connsiteY0" fmla="*/ 191155 h 301297"/>
                  <a:gd name="connsiteX1" fmla="*/ 60247 w 170191"/>
                  <a:gd name="connsiteY1" fmla="*/ 282258 h 301297"/>
                  <a:gd name="connsiteX2" fmla="*/ 0 w 170191"/>
                  <a:gd name="connsiteY2" fmla="*/ 282258 h 301297"/>
                  <a:gd name="connsiteX3" fmla="*/ 0 w 170191"/>
                  <a:gd name="connsiteY3" fmla="*/ 301298 h 301297"/>
                  <a:gd name="connsiteX4" fmla="*/ 60247 w 170191"/>
                  <a:gd name="connsiteY4" fmla="*/ 301298 h 301297"/>
                  <a:gd name="connsiteX5" fmla="*/ 170191 w 170191"/>
                  <a:gd name="connsiteY5" fmla="*/ 191155 h 301297"/>
                  <a:gd name="connsiteX6" fmla="*/ 170191 w 170191"/>
                  <a:gd name="connsiteY6" fmla="*/ 0 h 301297"/>
                  <a:gd name="connsiteX7" fmla="*/ 151186 w 170191"/>
                  <a:gd name="connsiteY7" fmla="*/ 0 h 301297"/>
                  <a:gd name="connsiteX8" fmla="*/ 151186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51186" y="191155"/>
                    </a:moveTo>
                    <a:cubicBezTo>
                      <a:pt x="151186" y="241419"/>
                      <a:pt x="110420" y="282258"/>
                      <a:pt x="60247" y="282258"/>
                    </a:cubicBezTo>
                    <a:lnTo>
                      <a:pt x="0" y="282258"/>
                    </a:lnTo>
                    <a:lnTo>
                      <a:pt x="0" y="301298"/>
                    </a:lnTo>
                    <a:lnTo>
                      <a:pt x="60247" y="301298"/>
                    </a:lnTo>
                    <a:cubicBezTo>
                      <a:pt x="120873" y="301298"/>
                      <a:pt x="170191" y="251891"/>
                      <a:pt x="170191" y="191155"/>
                    </a:cubicBezTo>
                    <a:lnTo>
                      <a:pt x="170191" y="0"/>
                    </a:lnTo>
                    <a:lnTo>
                      <a:pt x="151186" y="0"/>
                    </a:lnTo>
                    <a:lnTo>
                      <a:pt x="151186" y="191155"/>
                    </a:lnTo>
                    <a:close/>
                  </a:path>
                </a:pathLst>
              </a:custGeom>
              <a:solidFill>
                <a:srgbClr val="265A9A"/>
              </a:solidFill>
              <a:ln w="0" cap="flat">
                <a:noFill/>
                <a:prstDash val="solid"/>
                <a:miter/>
              </a:ln>
            </p:spPr>
            <p:txBody>
              <a:bodyPr rtlCol="0" anchor="ctr"/>
              <a:lstStyle/>
              <a:p>
                <a:endParaRPr lang="en-US"/>
              </a:p>
            </p:txBody>
          </p:sp>
          <p:sp>
            <p:nvSpPr>
              <p:cNvPr id="138" name="Freeform 10">
                <a:extLst>
                  <a:ext uri="{FF2B5EF4-FFF2-40B4-BE49-F238E27FC236}">
                    <a16:creationId xmlns:a16="http://schemas.microsoft.com/office/drawing/2014/main" id="{F36BE740-7835-AF32-BE53-0AD5EDC22DAF}"/>
                  </a:ext>
                </a:extLst>
              </p:cNvPr>
              <p:cNvSpPr/>
              <p:nvPr/>
            </p:nvSpPr>
            <p:spPr>
              <a:xfrm>
                <a:off x="5338073" y="3826636"/>
                <a:ext cx="170191" cy="301297"/>
              </a:xfrm>
              <a:custGeom>
                <a:avLst/>
                <a:gdLst>
                  <a:gd name="connsiteX0" fmla="*/ 19005 w 170191"/>
                  <a:gd name="connsiteY0" fmla="*/ 191155 h 301297"/>
                  <a:gd name="connsiteX1" fmla="*/ 19005 w 170191"/>
                  <a:gd name="connsiteY1" fmla="*/ 0 h 301297"/>
                  <a:gd name="connsiteX2" fmla="*/ 0 w 170191"/>
                  <a:gd name="connsiteY2" fmla="*/ 0 h 301297"/>
                  <a:gd name="connsiteX3" fmla="*/ 0 w 170191"/>
                  <a:gd name="connsiteY3" fmla="*/ 191155 h 301297"/>
                  <a:gd name="connsiteX4" fmla="*/ 109945 w 170191"/>
                  <a:gd name="connsiteY4" fmla="*/ 301298 h 301297"/>
                  <a:gd name="connsiteX5" fmla="*/ 170191 w 170191"/>
                  <a:gd name="connsiteY5" fmla="*/ 301298 h 301297"/>
                  <a:gd name="connsiteX6" fmla="*/ 170191 w 170191"/>
                  <a:gd name="connsiteY6" fmla="*/ 282258 h 301297"/>
                  <a:gd name="connsiteX7" fmla="*/ 109945 w 170191"/>
                  <a:gd name="connsiteY7" fmla="*/ 282258 h 301297"/>
                  <a:gd name="connsiteX8" fmla="*/ 19005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9005" y="191155"/>
                    </a:moveTo>
                    <a:lnTo>
                      <a:pt x="19005" y="0"/>
                    </a:lnTo>
                    <a:lnTo>
                      <a:pt x="0" y="0"/>
                    </a:lnTo>
                    <a:lnTo>
                      <a:pt x="0" y="191155"/>
                    </a:lnTo>
                    <a:cubicBezTo>
                      <a:pt x="0" y="251891"/>
                      <a:pt x="49318" y="301298"/>
                      <a:pt x="109945" y="301298"/>
                    </a:cubicBezTo>
                    <a:lnTo>
                      <a:pt x="170191" y="301298"/>
                    </a:lnTo>
                    <a:lnTo>
                      <a:pt x="170191" y="282258"/>
                    </a:lnTo>
                    <a:lnTo>
                      <a:pt x="109945" y="282258"/>
                    </a:lnTo>
                    <a:cubicBezTo>
                      <a:pt x="59771" y="282258"/>
                      <a:pt x="19005" y="241419"/>
                      <a:pt x="19005" y="191155"/>
                    </a:cubicBezTo>
                    <a:close/>
                  </a:path>
                </a:pathLst>
              </a:custGeom>
              <a:solidFill>
                <a:srgbClr val="265A9A"/>
              </a:solidFill>
              <a:ln w="0" cap="flat">
                <a:noFill/>
                <a:prstDash val="solid"/>
                <a:miter/>
              </a:ln>
            </p:spPr>
            <p:txBody>
              <a:bodyPr rtlCol="0" anchor="ctr"/>
              <a:lstStyle/>
              <a:p>
                <a:endParaRPr lang="en-US"/>
              </a:p>
            </p:txBody>
          </p:sp>
          <p:sp>
            <p:nvSpPr>
              <p:cNvPr id="139" name="Freeform 11">
                <a:extLst>
                  <a:ext uri="{FF2B5EF4-FFF2-40B4-BE49-F238E27FC236}">
                    <a16:creationId xmlns:a16="http://schemas.microsoft.com/office/drawing/2014/main" id="{566E6B13-CAB2-C6B9-F6F3-D25B387C9DFB}"/>
                  </a:ext>
                </a:extLst>
              </p:cNvPr>
              <p:cNvSpPr/>
              <p:nvPr/>
            </p:nvSpPr>
            <p:spPr>
              <a:xfrm>
                <a:off x="5797903" y="366889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140" name="Freeform 12">
                <a:extLst>
                  <a:ext uri="{FF2B5EF4-FFF2-40B4-BE49-F238E27FC236}">
                    <a16:creationId xmlns:a16="http://schemas.microsoft.com/office/drawing/2014/main" id="{1F576C95-BCFD-E4B4-F076-2988EAB1882B}"/>
                  </a:ext>
                </a:extLst>
              </p:cNvPr>
              <p:cNvSpPr/>
              <p:nvPr/>
            </p:nvSpPr>
            <p:spPr>
              <a:xfrm>
                <a:off x="5584855" y="3618536"/>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141" name="Freeform 13">
                <a:extLst>
                  <a:ext uri="{FF2B5EF4-FFF2-40B4-BE49-F238E27FC236}">
                    <a16:creationId xmlns:a16="http://schemas.microsoft.com/office/drawing/2014/main" id="{3AA218BB-2594-6547-F991-912F0983D27C}"/>
                  </a:ext>
                </a:extLst>
              </p:cNvPr>
              <p:cNvSpPr/>
              <p:nvPr/>
            </p:nvSpPr>
            <p:spPr>
              <a:xfrm>
                <a:off x="5366486" y="366889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grpSp>
      </p:grpSp>
      <p:grpSp>
        <p:nvGrpSpPr>
          <p:cNvPr id="142" name="Group 141">
            <a:extLst>
              <a:ext uri="{FF2B5EF4-FFF2-40B4-BE49-F238E27FC236}">
                <a16:creationId xmlns:a16="http://schemas.microsoft.com/office/drawing/2014/main" id="{9A38872B-7D61-6804-B4F1-06B13BBE27A2}"/>
              </a:ext>
            </a:extLst>
          </p:cNvPr>
          <p:cNvGrpSpPr/>
          <p:nvPr/>
        </p:nvGrpSpPr>
        <p:grpSpPr>
          <a:xfrm>
            <a:off x="7938978" y="5124225"/>
            <a:ext cx="649245" cy="649247"/>
            <a:chOff x="4171439" y="4679746"/>
            <a:chExt cx="649245" cy="649247"/>
          </a:xfrm>
        </p:grpSpPr>
        <p:sp>
          <p:nvSpPr>
            <p:cNvPr id="143" name="Freeform 18">
              <a:extLst>
                <a:ext uri="{FF2B5EF4-FFF2-40B4-BE49-F238E27FC236}">
                  <a16:creationId xmlns:a16="http://schemas.microsoft.com/office/drawing/2014/main" id="{E4C4C2BD-46BD-E2AF-A5CF-09339CF7B765}"/>
                </a:ext>
              </a:extLst>
            </p:cNvPr>
            <p:cNvSpPr/>
            <p:nvPr/>
          </p:nvSpPr>
          <p:spPr>
            <a:xfrm rot="5400000" flipH="1">
              <a:off x="4171438" y="4679747"/>
              <a:ext cx="649247" cy="649245"/>
            </a:xfrm>
            <a:custGeom>
              <a:avLst/>
              <a:gdLst>
                <a:gd name="connsiteX0" fmla="*/ 0 w 905504"/>
                <a:gd name="connsiteY0" fmla="*/ 452752 h 905504"/>
                <a:gd name="connsiteX1" fmla="*/ 132608 w 905504"/>
                <a:gd name="connsiteY1" fmla="*/ 132608 h 905504"/>
                <a:gd name="connsiteX2" fmla="*/ 452752 w 905504"/>
                <a:gd name="connsiteY2" fmla="*/ 0 h 905504"/>
                <a:gd name="connsiteX3" fmla="*/ 772896 w 905504"/>
                <a:gd name="connsiteY3" fmla="*/ 132608 h 905504"/>
                <a:gd name="connsiteX4" fmla="*/ 905504 w 905504"/>
                <a:gd name="connsiteY4" fmla="*/ 452752 h 905504"/>
                <a:gd name="connsiteX5" fmla="*/ 772896 w 905504"/>
                <a:gd name="connsiteY5" fmla="*/ 772896 h 905504"/>
                <a:gd name="connsiteX6" fmla="*/ 452752 w 905504"/>
                <a:gd name="connsiteY6" fmla="*/ 905504 h 905504"/>
                <a:gd name="connsiteX7" fmla="*/ 132608 w 905504"/>
                <a:gd name="connsiteY7" fmla="*/ 772896 h 905504"/>
                <a:gd name="connsiteX8" fmla="*/ 0 w 905504"/>
                <a:gd name="connsiteY8" fmla="*/ 452752 h 905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5504" h="905504">
                  <a:moveTo>
                    <a:pt x="0" y="452752"/>
                  </a:moveTo>
                  <a:cubicBezTo>
                    <a:pt x="0" y="332675"/>
                    <a:pt x="47701" y="217515"/>
                    <a:pt x="132608" y="132608"/>
                  </a:cubicBezTo>
                  <a:cubicBezTo>
                    <a:pt x="217516" y="47701"/>
                    <a:pt x="332675" y="0"/>
                    <a:pt x="452752" y="0"/>
                  </a:cubicBezTo>
                  <a:cubicBezTo>
                    <a:pt x="572829" y="0"/>
                    <a:pt x="687989" y="47701"/>
                    <a:pt x="772896" y="132608"/>
                  </a:cubicBezTo>
                  <a:cubicBezTo>
                    <a:pt x="857803" y="217516"/>
                    <a:pt x="905504" y="332675"/>
                    <a:pt x="905504" y="452752"/>
                  </a:cubicBezTo>
                  <a:cubicBezTo>
                    <a:pt x="905504" y="572829"/>
                    <a:pt x="857803" y="687989"/>
                    <a:pt x="772896" y="772896"/>
                  </a:cubicBezTo>
                  <a:cubicBezTo>
                    <a:pt x="687988" y="857803"/>
                    <a:pt x="572829" y="905504"/>
                    <a:pt x="452752" y="905504"/>
                  </a:cubicBezTo>
                  <a:cubicBezTo>
                    <a:pt x="332675" y="905504"/>
                    <a:pt x="217515" y="857803"/>
                    <a:pt x="132608" y="772896"/>
                  </a:cubicBezTo>
                  <a:cubicBezTo>
                    <a:pt x="47701" y="687988"/>
                    <a:pt x="0" y="572829"/>
                    <a:pt x="0" y="452752"/>
                  </a:cubicBezTo>
                  <a:close/>
                </a:path>
              </a:pathLst>
            </a:custGeom>
            <a:solidFill>
              <a:schemeClr val="accent2">
                <a:lumMod val="40000"/>
                <a:lumOff val="60000"/>
              </a:schemeClr>
            </a:solidFill>
            <a:ln w="19050">
              <a:noFill/>
              <a:prstDash val="sysDot"/>
            </a:ln>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1797" tIns="91797" rIns="79313" bIns="79313" numCol="1" spcCol="1270" anchor="ctr" anchorCtr="0">
              <a:noAutofit/>
            </a:bodyPr>
            <a:lstStyle/>
            <a:p>
              <a:pPr algn="ctr" defTabSz="446291">
                <a:lnSpc>
                  <a:spcPct val="90000"/>
                </a:lnSpc>
                <a:spcAft>
                  <a:spcPct val="35000"/>
                </a:spcAft>
              </a:pPr>
              <a:endParaRPr lang="en-US" sz="900">
                <a:solidFill>
                  <a:schemeClr val="tx1"/>
                </a:solidFill>
              </a:endParaRPr>
            </a:p>
          </p:txBody>
        </p:sp>
        <p:grpSp>
          <p:nvGrpSpPr>
            <p:cNvPr id="144" name="Group 143">
              <a:extLst>
                <a:ext uri="{FF2B5EF4-FFF2-40B4-BE49-F238E27FC236}">
                  <a16:creationId xmlns:a16="http://schemas.microsoft.com/office/drawing/2014/main" id="{6C11C894-DE54-96D0-EA11-264A4C517A00}"/>
                </a:ext>
              </a:extLst>
            </p:cNvPr>
            <p:cNvGrpSpPr/>
            <p:nvPr/>
          </p:nvGrpSpPr>
          <p:grpSpPr>
            <a:xfrm>
              <a:off x="4266684" y="4816435"/>
              <a:ext cx="464381" cy="288000"/>
              <a:chOff x="1702813" y="396958"/>
              <a:chExt cx="347983" cy="207564"/>
            </a:xfrm>
          </p:grpSpPr>
          <p:sp>
            <p:nvSpPr>
              <p:cNvPr id="145" name="Freeform 2">
                <a:extLst>
                  <a:ext uri="{FF2B5EF4-FFF2-40B4-BE49-F238E27FC236}">
                    <a16:creationId xmlns:a16="http://schemas.microsoft.com/office/drawing/2014/main" id="{F706960A-B37D-1B8A-AEE2-0ABC212FF2BE}"/>
                  </a:ext>
                </a:extLst>
              </p:cNvPr>
              <p:cNvSpPr/>
              <p:nvPr/>
            </p:nvSpPr>
            <p:spPr>
              <a:xfrm>
                <a:off x="1884266" y="407056"/>
                <a:ext cx="75632" cy="53403"/>
              </a:xfrm>
              <a:custGeom>
                <a:avLst/>
                <a:gdLst>
                  <a:gd name="connsiteX0" fmla="*/ 285 w 75632"/>
                  <a:gd name="connsiteY0" fmla="*/ 0 h 53403"/>
                  <a:gd name="connsiteX1" fmla="*/ 0 w 75632"/>
                  <a:gd name="connsiteY1" fmla="*/ 36116 h 53403"/>
                  <a:gd name="connsiteX2" fmla="*/ 57351 w 75632"/>
                  <a:gd name="connsiteY2" fmla="*/ 53403 h 53403"/>
                  <a:gd name="connsiteX3" fmla="*/ 75633 w 75632"/>
                  <a:gd name="connsiteY3" fmla="*/ 22480 h 53403"/>
                  <a:gd name="connsiteX4" fmla="*/ 342 w 75632"/>
                  <a:gd name="connsiteY4" fmla="*/ 0 h 534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632" h="53403">
                    <a:moveTo>
                      <a:pt x="285" y="0"/>
                    </a:moveTo>
                    <a:lnTo>
                      <a:pt x="0" y="36116"/>
                    </a:lnTo>
                    <a:cubicBezTo>
                      <a:pt x="20617" y="37314"/>
                      <a:pt x="40151" y="43419"/>
                      <a:pt x="57351" y="53403"/>
                    </a:cubicBezTo>
                    <a:lnTo>
                      <a:pt x="75633" y="22480"/>
                    </a:lnTo>
                    <a:cubicBezTo>
                      <a:pt x="53136" y="9300"/>
                      <a:pt x="27451" y="1312"/>
                      <a:pt x="342" y="0"/>
                    </a:cubicBezTo>
                    <a:close/>
                  </a:path>
                </a:pathLst>
              </a:custGeom>
              <a:solidFill>
                <a:srgbClr val="C7E4F1"/>
              </a:solidFill>
              <a:ln w="5693" cap="flat">
                <a:noFill/>
                <a:prstDash val="solid"/>
                <a:miter/>
              </a:ln>
            </p:spPr>
            <p:txBody>
              <a:bodyPr rtlCol="0" anchor="ctr"/>
              <a:lstStyle/>
              <a:p>
                <a:endParaRPr lang="en-AU"/>
              </a:p>
            </p:txBody>
          </p:sp>
          <p:sp>
            <p:nvSpPr>
              <p:cNvPr id="146" name="Freeform 3">
                <a:extLst>
                  <a:ext uri="{FF2B5EF4-FFF2-40B4-BE49-F238E27FC236}">
                    <a16:creationId xmlns:a16="http://schemas.microsoft.com/office/drawing/2014/main" id="{32160EC3-3CBC-516E-D490-77E7D81E9680}"/>
                  </a:ext>
                </a:extLst>
              </p:cNvPr>
              <p:cNvSpPr/>
              <p:nvPr/>
            </p:nvSpPr>
            <p:spPr>
              <a:xfrm>
                <a:off x="1949932" y="434728"/>
                <a:ext cx="71190" cy="74741"/>
              </a:xfrm>
              <a:custGeom>
                <a:avLst/>
                <a:gdLst>
                  <a:gd name="connsiteX0" fmla="*/ 18339 w 71190"/>
                  <a:gd name="connsiteY0" fmla="*/ 0 h 74741"/>
                  <a:gd name="connsiteX1" fmla="*/ 0 w 71190"/>
                  <a:gd name="connsiteY1" fmla="*/ 31038 h 74741"/>
                  <a:gd name="connsiteX2" fmla="*/ 40151 w 71190"/>
                  <a:gd name="connsiteY2" fmla="*/ 74742 h 74741"/>
                  <a:gd name="connsiteX3" fmla="*/ 71190 w 71190"/>
                  <a:gd name="connsiteY3" fmla="*/ 56769 h 74741"/>
                  <a:gd name="connsiteX4" fmla="*/ 18282 w 71190"/>
                  <a:gd name="connsiteY4" fmla="*/ 0 h 7474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1190" h="74741">
                    <a:moveTo>
                      <a:pt x="18339" y="0"/>
                    </a:moveTo>
                    <a:lnTo>
                      <a:pt x="0" y="31038"/>
                    </a:lnTo>
                    <a:cubicBezTo>
                      <a:pt x="16402" y="42335"/>
                      <a:pt x="30299" y="57226"/>
                      <a:pt x="40151" y="74742"/>
                    </a:cubicBezTo>
                    <a:lnTo>
                      <a:pt x="71190" y="56769"/>
                    </a:lnTo>
                    <a:cubicBezTo>
                      <a:pt x="58205" y="33890"/>
                      <a:pt x="39980" y="14435"/>
                      <a:pt x="18282" y="0"/>
                    </a:cubicBezTo>
                    <a:close/>
                  </a:path>
                </a:pathLst>
              </a:custGeom>
              <a:solidFill>
                <a:srgbClr val="C7E4F1"/>
              </a:solidFill>
              <a:ln w="5693" cap="flat">
                <a:noFill/>
                <a:prstDash val="solid"/>
                <a:miter/>
              </a:ln>
            </p:spPr>
            <p:txBody>
              <a:bodyPr rtlCol="0" anchor="ctr"/>
              <a:lstStyle/>
              <a:p>
                <a:endParaRPr lang="en-AU"/>
              </a:p>
            </p:txBody>
          </p:sp>
          <p:sp>
            <p:nvSpPr>
              <p:cNvPr id="147" name="Freeform 4">
                <a:extLst>
                  <a:ext uri="{FF2B5EF4-FFF2-40B4-BE49-F238E27FC236}">
                    <a16:creationId xmlns:a16="http://schemas.microsoft.com/office/drawing/2014/main" id="{EAF4D895-C33E-BC54-8926-4A47A9420C48}"/>
                  </a:ext>
                </a:extLst>
              </p:cNvPr>
              <p:cNvSpPr/>
              <p:nvPr/>
            </p:nvSpPr>
            <p:spPr>
              <a:xfrm>
                <a:off x="1994639" y="500227"/>
                <a:ext cx="46322" cy="67666"/>
              </a:xfrm>
              <a:custGeom>
                <a:avLst/>
                <a:gdLst>
                  <a:gd name="connsiteX0" fmla="*/ 31153 w 46322"/>
                  <a:gd name="connsiteY0" fmla="*/ 57 h 67666"/>
                  <a:gd name="connsiteX1" fmla="*/ 0 w 46322"/>
                  <a:gd name="connsiteY1" fmla="*/ 18086 h 67666"/>
                  <a:gd name="connsiteX2" fmla="*/ 10593 w 46322"/>
                  <a:gd name="connsiteY2" fmla="*/ 52833 h 67666"/>
                  <a:gd name="connsiteX3" fmla="*/ 27280 w 46322"/>
                  <a:gd name="connsiteY3" fmla="*/ 67667 h 67666"/>
                  <a:gd name="connsiteX4" fmla="*/ 29501 w 46322"/>
                  <a:gd name="connsiteY4" fmla="*/ 67667 h 67666"/>
                  <a:gd name="connsiteX5" fmla="*/ 42202 w 46322"/>
                  <a:gd name="connsiteY5" fmla="*/ 61847 h 67666"/>
                  <a:gd name="connsiteX6" fmla="*/ 46131 w 46322"/>
                  <a:gd name="connsiteY6" fmla="*/ 48097 h 67666"/>
                  <a:gd name="connsiteX7" fmla="*/ 31153 w 46322"/>
                  <a:gd name="connsiteY7" fmla="*/ 0 h 676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22" h="67666">
                    <a:moveTo>
                      <a:pt x="31153" y="57"/>
                    </a:moveTo>
                    <a:lnTo>
                      <a:pt x="0" y="18086"/>
                    </a:lnTo>
                    <a:cubicBezTo>
                      <a:pt x="5069" y="28927"/>
                      <a:pt x="8714" y="40566"/>
                      <a:pt x="10593" y="52833"/>
                    </a:cubicBezTo>
                    <a:cubicBezTo>
                      <a:pt x="11903" y="61448"/>
                      <a:pt x="18908" y="67667"/>
                      <a:pt x="27280" y="67667"/>
                    </a:cubicBezTo>
                    <a:lnTo>
                      <a:pt x="29501" y="67667"/>
                    </a:lnTo>
                    <a:cubicBezTo>
                      <a:pt x="34456" y="67667"/>
                      <a:pt x="38955" y="65613"/>
                      <a:pt x="42202" y="61847"/>
                    </a:cubicBezTo>
                    <a:cubicBezTo>
                      <a:pt x="45448" y="58082"/>
                      <a:pt x="46872" y="53061"/>
                      <a:pt x="46131" y="48097"/>
                    </a:cubicBezTo>
                    <a:cubicBezTo>
                      <a:pt x="43625" y="31038"/>
                      <a:pt x="38443" y="14891"/>
                      <a:pt x="31153" y="0"/>
                    </a:cubicBezTo>
                    <a:close/>
                  </a:path>
                </a:pathLst>
              </a:custGeom>
              <a:solidFill>
                <a:srgbClr val="C7E4F1"/>
              </a:solidFill>
              <a:ln w="5693" cap="flat">
                <a:noFill/>
                <a:prstDash val="solid"/>
                <a:miter/>
              </a:ln>
            </p:spPr>
            <p:txBody>
              <a:bodyPr rtlCol="0" anchor="ctr"/>
              <a:lstStyle/>
              <a:p>
                <a:endParaRPr lang="en-AU"/>
              </a:p>
            </p:txBody>
          </p:sp>
          <p:sp>
            <p:nvSpPr>
              <p:cNvPr id="148" name="Freeform 5">
                <a:extLst>
                  <a:ext uri="{FF2B5EF4-FFF2-40B4-BE49-F238E27FC236}">
                    <a16:creationId xmlns:a16="http://schemas.microsoft.com/office/drawing/2014/main" id="{4EFDE130-146F-F7CF-2952-46108C156C5A}"/>
                  </a:ext>
                </a:extLst>
              </p:cNvPr>
              <p:cNvSpPr/>
              <p:nvPr/>
            </p:nvSpPr>
            <p:spPr>
              <a:xfrm>
                <a:off x="1857043" y="554942"/>
                <a:ext cx="39524" cy="39595"/>
              </a:xfrm>
              <a:custGeom>
                <a:avLst/>
                <a:gdLst>
                  <a:gd name="connsiteX0" fmla="*/ 39525 w 39524"/>
                  <a:gd name="connsiteY0" fmla="*/ 19798 h 39595"/>
                  <a:gd name="connsiteX1" fmla="*/ 19762 w 39524"/>
                  <a:gd name="connsiteY1" fmla="*/ 39596 h 39595"/>
                  <a:gd name="connsiteX2" fmla="*/ 0 w 39524"/>
                  <a:gd name="connsiteY2" fmla="*/ 19798 h 39595"/>
                  <a:gd name="connsiteX3" fmla="*/ 19762 w 39524"/>
                  <a:gd name="connsiteY3" fmla="*/ 0 h 39595"/>
                  <a:gd name="connsiteX4" fmla="*/ 39525 w 39524"/>
                  <a:gd name="connsiteY4" fmla="*/ 19798 h 395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24" h="39595">
                    <a:moveTo>
                      <a:pt x="39525" y="19798"/>
                    </a:moveTo>
                    <a:cubicBezTo>
                      <a:pt x="39525" y="30732"/>
                      <a:pt x="30677" y="39596"/>
                      <a:pt x="19762" y="39596"/>
                    </a:cubicBezTo>
                    <a:cubicBezTo>
                      <a:pt x="8848" y="39596"/>
                      <a:pt x="0" y="30732"/>
                      <a:pt x="0" y="19798"/>
                    </a:cubicBezTo>
                    <a:cubicBezTo>
                      <a:pt x="0" y="8864"/>
                      <a:pt x="8848" y="0"/>
                      <a:pt x="19762" y="0"/>
                    </a:cubicBezTo>
                    <a:cubicBezTo>
                      <a:pt x="30677" y="0"/>
                      <a:pt x="39525" y="8864"/>
                      <a:pt x="39525" y="19798"/>
                    </a:cubicBezTo>
                    <a:close/>
                  </a:path>
                </a:pathLst>
              </a:custGeom>
              <a:solidFill>
                <a:srgbClr val="C7E4F1"/>
              </a:solidFill>
              <a:ln w="5693" cap="flat">
                <a:noFill/>
                <a:prstDash val="solid"/>
                <a:miter/>
              </a:ln>
            </p:spPr>
            <p:txBody>
              <a:bodyPr rtlCol="0" anchor="ctr"/>
              <a:lstStyle/>
              <a:p>
                <a:endParaRPr lang="en-AU"/>
              </a:p>
            </p:txBody>
          </p:sp>
          <p:sp>
            <p:nvSpPr>
              <p:cNvPr id="149" name="Freeform 6">
                <a:extLst>
                  <a:ext uri="{FF2B5EF4-FFF2-40B4-BE49-F238E27FC236}">
                    <a16:creationId xmlns:a16="http://schemas.microsoft.com/office/drawing/2014/main" id="{D0243877-6E6A-079D-2691-AA899173557C}"/>
                  </a:ext>
                </a:extLst>
              </p:cNvPr>
              <p:cNvSpPr/>
              <p:nvPr/>
            </p:nvSpPr>
            <p:spPr>
              <a:xfrm>
                <a:off x="1798211" y="406885"/>
                <a:ext cx="76487" cy="51292"/>
              </a:xfrm>
              <a:custGeom>
                <a:avLst/>
                <a:gdLst>
                  <a:gd name="connsiteX0" fmla="*/ 17997 w 76487"/>
                  <a:gd name="connsiteY0" fmla="*/ 51292 h 51292"/>
                  <a:gd name="connsiteX1" fmla="*/ 76202 w 76487"/>
                  <a:gd name="connsiteY1" fmla="*/ 36002 h 51292"/>
                  <a:gd name="connsiteX2" fmla="*/ 76487 w 76487"/>
                  <a:gd name="connsiteY2" fmla="*/ 0 h 51292"/>
                  <a:gd name="connsiteX3" fmla="*/ 0 w 76487"/>
                  <a:gd name="connsiteY3" fmla="*/ 20083 h 51292"/>
                  <a:gd name="connsiteX4" fmla="*/ 17997 w 76487"/>
                  <a:gd name="connsiteY4" fmla="*/ 51292 h 5129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487" h="51292">
                    <a:moveTo>
                      <a:pt x="17997" y="51292"/>
                    </a:moveTo>
                    <a:cubicBezTo>
                      <a:pt x="35595" y="41878"/>
                      <a:pt x="55358" y="36401"/>
                      <a:pt x="76202" y="36002"/>
                    </a:cubicBezTo>
                    <a:lnTo>
                      <a:pt x="76487" y="0"/>
                    </a:lnTo>
                    <a:cubicBezTo>
                      <a:pt x="49093" y="342"/>
                      <a:pt x="23009" y="7531"/>
                      <a:pt x="0" y="20083"/>
                    </a:cubicBezTo>
                    <a:lnTo>
                      <a:pt x="17997" y="51292"/>
                    </a:lnTo>
                    <a:close/>
                  </a:path>
                </a:pathLst>
              </a:custGeom>
              <a:solidFill>
                <a:srgbClr val="66BCDB"/>
              </a:solidFill>
              <a:ln w="5693" cap="flat">
                <a:noFill/>
                <a:prstDash val="solid"/>
                <a:miter/>
              </a:ln>
            </p:spPr>
            <p:txBody>
              <a:bodyPr rtlCol="0" anchor="ctr"/>
              <a:lstStyle/>
              <a:p>
                <a:endParaRPr lang="en-AU"/>
              </a:p>
            </p:txBody>
          </p:sp>
          <p:sp>
            <p:nvSpPr>
              <p:cNvPr id="150" name="Freeform 7">
                <a:extLst>
                  <a:ext uri="{FF2B5EF4-FFF2-40B4-BE49-F238E27FC236}">
                    <a16:creationId xmlns:a16="http://schemas.microsoft.com/office/drawing/2014/main" id="{06232756-43A2-7AB0-7BEC-61B40E2E5AA7}"/>
                  </a:ext>
                </a:extLst>
              </p:cNvPr>
              <p:cNvSpPr/>
              <p:nvPr/>
            </p:nvSpPr>
            <p:spPr>
              <a:xfrm>
                <a:off x="1712705" y="496860"/>
                <a:ext cx="48259" cy="71090"/>
              </a:xfrm>
              <a:custGeom>
                <a:avLst/>
                <a:gdLst>
                  <a:gd name="connsiteX0" fmla="*/ 192 w 48259"/>
                  <a:gd name="connsiteY0" fmla="*/ 51520 h 71090"/>
                  <a:gd name="connsiteX1" fmla="*/ 4121 w 48259"/>
                  <a:gd name="connsiteY1" fmla="*/ 65271 h 71090"/>
                  <a:gd name="connsiteX2" fmla="*/ 16822 w 48259"/>
                  <a:gd name="connsiteY2" fmla="*/ 71090 h 71090"/>
                  <a:gd name="connsiteX3" fmla="*/ 19043 w 48259"/>
                  <a:gd name="connsiteY3" fmla="*/ 71090 h 71090"/>
                  <a:gd name="connsiteX4" fmla="*/ 35730 w 48259"/>
                  <a:gd name="connsiteY4" fmla="*/ 56256 h 71090"/>
                  <a:gd name="connsiteX5" fmla="*/ 48259 w 48259"/>
                  <a:gd name="connsiteY5" fmla="*/ 17630 h 71090"/>
                  <a:gd name="connsiteX6" fmla="*/ 16879 w 48259"/>
                  <a:gd name="connsiteY6" fmla="*/ 0 h 71090"/>
                  <a:gd name="connsiteX7" fmla="*/ 135 w 48259"/>
                  <a:gd name="connsiteY7" fmla="*/ 51577 h 71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259" h="71090">
                    <a:moveTo>
                      <a:pt x="192" y="51520"/>
                    </a:moveTo>
                    <a:cubicBezTo>
                      <a:pt x="-549" y="56484"/>
                      <a:pt x="875" y="61505"/>
                      <a:pt x="4121" y="65271"/>
                    </a:cubicBezTo>
                    <a:cubicBezTo>
                      <a:pt x="7368" y="69036"/>
                      <a:pt x="11867" y="71090"/>
                      <a:pt x="16822" y="71090"/>
                    </a:cubicBezTo>
                    <a:lnTo>
                      <a:pt x="19043" y="71090"/>
                    </a:lnTo>
                    <a:cubicBezTo>
                      <a:pt x="27415" y="71090"/>
                      <a:pt x="34420" y="64871"/>
                      <a:pt x="35730" y="56256"/>
                    </a:cubicBezTo>
                    <a:cubicBezTo>
                      <a:pt x="37837" y="42506"/>
                      <a:pt x="42223" y="29554"/>
                      <a:pt x="48259" y="17630"/>
                    </a:cubicBezTo>
                    <a:lnTo>
                      <a:pt x="16879" y="0"/>
                    </a:lnTo>
                    <a:cubicBezTo>
                      <a:pt x="8621" y="15861"/>
                      <a:pt x="2868" y="33206"/>
                      <a:pt x="135" y="51577"/>
                    </a:cubicBezTo>
                    <a:close/>
                  </a:path>
                </a:pathLst>
              </a:custGeom>
              <a:solidFill>
                <a:srgbClr val="66BCDB"/>
              </a:solidFill>
              <a:ln w="5693" cap="flat">
                <a:noFill/>
                <a:prstDash val="solid"/>
                <a:miter/>
              </a:ln>
            </p:spPr>
            <p:txBody>
              <a:bodyPr rtlCol="0" anchor="ctr"/>
              <a:lstStyle/>
              <a:p>
                <a:endParaRPr lang="en-AU"/>
              </a:p>
            </p:txBody>
          </p:sp>
          <p:sp>
            <p:nvSpPr>
              <p:cNvPr id="151" name="Freeform 8">
                <a:extLst>
                  <a:ext uri="{FF2B5EF4-FFF2-40B4-BE49-F238E27FC236}">
                    <a16:creationId xmlns:a16="http://schemas.microsoft.com/office/drawing/2014/main" id="{5B083B2C-FC28-DD80-C37E-0BDAF6E51F4C}"/>
                  </a:ext>
                </a:extLst>
              </p:cNvPr>
              <p:cNvSpPr/>
              <p:nvPr/>
            </p:nvSpPr>
            <p:spPr>
              <a:xfrm>
                <a:off x="1734481" y="431932"/>
                <a:ext cx="73183" cy="73828"/>
              </a:xfrm>
              <a:custGeom>
                <a:avLst/>
                <a:gdLst>
                  <a:gd name="connsiteX0" fmla="*/ 0 w 73183"/>
                  <a:gd name="connsiteY0" fmla="*/ 56199 h 73828"/>
                  <a:gd name="connsiteX1" fmla="*/ 31381 w 73183"/>
                  <a:gd name="connsiteY1" fmla="*/ 73829 h 73828"/>
                  <a:gd name="connsiteX2" fmla="*/ 73184 w 73183"/>
                  <a:gd name="connsiteY2" fmla="*/ 31209 h 73828"/>
                  <a:gd name="connsiteX3" fmla="*/ 55187 w 73183"/>
                  <a:gd name="connsiteY3" fmla="*/ 0 h 73828"/>
                  <a:gd name="connsiteX4" fmla="*/ 0 w 73183"/>
                  <a:gd name="connsiteY4" fmla="*/ 56142 h 73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3183" h="73828">
                    <a:moveTo>
                      <a:pt x="0" y="56199"/>
                    </a:moveTo>
                    <a:lnTo>
                      <a:pt x="31381" y="73829"/>
                    </a:lnTo>
                    <a:cubicBezTo>
                      <a:pt x="41860" y="56598"/>
                      <a:pt x="56269" y="41992"/>
                      <a:pt x="73184" y="31209"/>
                    </a:cubicBezTo>
                    <a:lnTo>
                      <a:pt x="55187" y="0"/>
                    </a:lnTo>
                    <a:cubicBezTo>
                      <a:pt x="32691" y="14035"/>
                      <a:pt x="13669" y="33263"/>
                      <a:pt x="0" y="56142"/>
                    </a:cubicBezTo>
                    <a:close/>
                  </a:path>
                </a:pathLst>
              </a:custGeom>
              <a:solidFill>
                <a:srgbClr val="66BCDB"/>
              </a:solidFill>
              <a:ln w="5693" cap="flat">
                <a:noFill/>
                <a:prstDash val="solid"/>
                <a:miter/>
              </a:ln>
            </p:spPr>
            <p:txBody>
              <a:bodyPr rtlCol="0" anchor="ctr"/>
              <a:lstStyle/>
              <a:p>
                <a:endParaRPr lang="en-AU"/>
              </a:p>
            </p:txBody>
          </p:sp>
          <p:grpSp>
            <p:nvGrpSpPr>
              <p:cNvPr id="152" name="Group 151">
                <a:extLst>
                  <a:ext uri="{FF2B5EF4-FFF2-40B4-BE49-F238E27FC236}">
                    <a16:creationId xmlns:a16="http://schemas.microsoft.com/office/drawing/2014/main" id="{7D5F6E8A-0486-681A-DAE6-19909497F6FE}"/>
                  </a:ext>
                </a:extLst>
              </p:cNvPr>
              <p:cNvGrpSpPr/>
              <p:nvPr/>
            </p:nvGrpSpPr>
            <p:grpSpPr>
              <a:xfrm>
                <a:off x="1702813" y="396958"/>
                <a:ext cx="347983" cy="207564"/>
                <a:chOff x="1702813" y="396958"/>
                <a:chExt cx="347983" cy="207564"/>
              </a:xfrm>
            </p:grpSpPr>
            <p:sp>
              <p:nvSpPr>
                <p:cNvPr id="153" name="Freeform 10">
                  <a:extLst>
                    <a:ext uri="{FF2B5EF4-FFF2-40B4-BE49-F238E27FC236}">
                      <a16:creationId xmlns:a16="http://schemas.microsoft.com/office/drawing/2014/main" id="{D409F22E-5EE8-0572-BFB8-7EB359869212}"/>
                    </a:ext>
                  </a:extLst>
                </p:cNvPr>
                <p:cNvSpPr/>
                <p:nvPr/>
              </p:nvSpPr>
              <p:spPr>
                <a:xfrm>
                  <a:off x="1844612" y="475051"/>
                  <a:ext cx="61978" cy="129471"/>
                </a:xfrm>
                <a:custGeom>
                  <a:avLst/>
                  <a:gdLst>
                    <a:gd name="connsiteX0" fmla="*/ 32306 w 61978"/>
                    <a:gd name="connsiteY0" fmla="*/ 69964 h 129471"/>
                    <a:gd name="connsiteX1" fmla="*/ 30256 w 61978"/>
                    <a:gd name="connsiteY1" fmla="*/ 70192 h 129471"/>
                    <a:gd name="connsiteX2" fmla="*/ 9696 w 61978"/>
                    <a:gd name="connsiteY2" fmla="*/ 3495 h 129471"/>
                    <a:gd name="connsiteX3" fmla="*/ 3489 w 61978"/>
                    <a:gd name="connsiteY3" fmla="*/ 243 h 129471"/>
                    <a:gd name="connsiteX4" fmla="*/ 242 w 61978"/>
                    <a:gd name="connsiteY4" fmla="*/ 6462 h 129471"/>
                    <a:gd name="connsiteX5" fmla="*/ 20574 w 61978"/>
                    <a:gd name="connsiteY5" fmla="*/ 72474 h 129471"/>
                    <a:gd name="connsiteX6" fmla="*/ 2634 w 61978"/>
                    <a:gd name="connsiteY6" fmla="*/ 99746 h 129471"/>
                    <a:gd name="connsiteX7" fmla="*/ 32306 w 61978"/>
                    <a:gd name="connsiteY7" fmla="*/ 129472 h 129471"/>
                    <a:gd name="connsiteX8" fmla="*/ 61979 w 61978"/>
                    <a:gd name="connsiteY8" fmla="*/ 99746 h 129471"/>
                    <a:gd name="connsiteX9" fmla="*/ 32306 w 61978"/>
                    <a:gd name="connsiteY9" fmla="*/ 70021 h 129471"/>
                    <a:gd name="connsiteX10" fmla="*/ 32306 w 61978"/>
                    <a:gd name="connsiteY10" fmla="*/ 119544 h 129471"/>
                    <a:gd name="connsiteX11" fmla="*/ 12544 w 61978"/>
                    <a:gd name="connsiteY11" fmla="*/ 99746 h 129471"/>
                    <a:gd name="connsiteX12" fmla="*/ 32306 w 61978"/>
                    <a:gd name="connsiteY12" fmla="*/ 79948 h 129471"/>
                    <a:gd name="connsiteX13" fmla="*/ 52069 w 61978"/>
                    <a:gd name="connsiteY13" fmla="*/ 99746 h 129471"/>
                    <a:gd name="connsiteX14" fmla="*/ 32306 w 61978"/>
                    <a:gd name="connsiteY14" fmla="*/ 119544 h 129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1978" h="129471">
                      <a:moveTo>
                        <a:pt x="32306" y="69964"/>
                      </a:moveTo>
                      <a:cubicBezTo>
                        <a:pt x="31623" y="69964"/>
                        <a:pt x="30940" y="70135"/>
                        <a:pt x="30256" y="70192"/>
                      </a:cubicBezTo>
                      <a:lnTo>
                        <a:pt x="9696" y="3495"/>
                      </a:lnTo>
                      <a:cubicBezTo>
                        <a:pt x="8899" y="870"/>
                        <a:pt x="6108" y="-613"/>
                        <a:pt x="3489" y="243"/>
                      </a:cubicBezTo>
                      <a:cubicBezTo>
                        <a:pt x="869" y="1041"/>
                        <a:pt x="-612" y="3837"/>
                        <a:pt x="242" y="6462"/>
                      </a:cubicBezTo>
                      <a:lnTo>
                        <a:pt x="20574" y="72474"/>
                      </a:lnTo>
                      <a:cubicBezTo>
                        <a:pt x="10038" y="77038"/>
                        <a:pt x="2634" y="87536"/>
                        <a:pt x="2634" y="99746"/>
                      </a:cubicBezTo>
                      <a:cubicBezTo>
                        <a:pt x="2634" y="116121"/>
                        <a:pt x="15961" y="129472"/>
                        <a:pt x="32306" y="129472"/>
                      </a:cubicBezTo>
                      <a:cubicBezTo>
                        <a:pt x="48652" y="129472"/>
                        <a:pt x="61979" y="116121"/>
                        <a:pt x="61979" y="99746"/>
                      </a:cubicBezTo>
                      <a:cubicBezTo>
                        <a:pt x="61979" y="83371"/>
                        <a:pt x="48652" y="70021"/>
                        <a:pt x="32306" y="70021"/>
                      </a:cubicBezTo>
                      <a:close/>
                      <a:moveTo>
                        <a:pt x="32306" y="119544"/>
                      </a:moveTo>
                      <a:cubicBezTo>
                        <a:pt x="21372" y="119544"/>
                        <a:pt x="12544" y="110644"/>
                        <a:pt x="12544" y="99746"/>
                      </a:cubicBezTo>
                      <a:cubicBezTo>
                        <a:pt x="12544" y="88849"/>
                        <a:pt x="21429" y="79948"/>
                        <a:pt x="32306" y="79948"/>
                      </a:cubicBezTo>
                      <a:cubicBezTo>
                        <a:pt x="43184" y="79948"/>
                        <a:pt x="52069" y="88849"/>
                        <a:pt x="52069" y="99746"/>
                      </a:cubicBezTo>
                      <a:cubicBezTo>
                        <a:pt x="52069" y="110644"/>
                        <a:pt x="43184" y="119544"/>
                        <a:pt x="32306" y="119544"/>
                      </a:cubicBezTo>
                      <a:close/>
                    </a:path>
                  </a:pathLst>
                </a:custGeom>
                <a:solidFill>
                  <a:srgbClr val="265A9A"/>
                </a:solidFill>
                <a:ln w="5693" cap="flat">
                  <a:noFill/>
                  <a:prstDash val="solid"/>
                  <a:miter/>
                </a:ln>
              </p:spPr>
              <p:txBody>
                <a:bodyPr rtlCol="0" anchor="ctr"/>
                <a:lstStyle/>
                <a:p>
                  <a:endParaRPr lang="en-AU"/>
                </a:p>
              </p:txBody>
            </p:sp>
            <p:sp>
              <p:nvSpPr>
                <p:cNvPr id="154" name="Freeform 11">
                  <a:extLst>
                    <a:ext uri="{FF2B5EF4-FFF2-40B4-BE49-F238E27FC236}">
                      <a16:creationId xmlns:a16="http://schemas.microsoft.com/office/drawing/2014/main" id="{39C4BD85-62A7-3087-3470-7279766A9F64}"/>
                    </a:ext>
                  </a:extLst>
                </p:cNvPr>
                <p:cNvSpPr/>
                <p:nvPr/>
              </p:nvSpPr>
              <p:spPr>
                <a:xfrm>
                  <a:off x="1702813" y="396958"/>
                  <a:ext cx="347983" cy="180977"/>
                </a:xfrm>
                <a:custGeom>
                  <a:avLst/>
                  <a:gdLst>
                    <a:gd name="connsiteX0" fmla="*/ 173992 w 347983"/>
                    <a:gd name="connsiteY0" fmla="*/ 0 h 180977"/>
                    <a:gd name="connsiteX1" fmla="*/ 287 w 347983"/>
                    <a:gd name="connsiteY1" fmla="*/ 149997 h 180977"/>
                    <a:gd name="connsiteX2" fmla="*/ 6552 w 347983"/>
                    <a:gd name="connsiteY2" fmla="*/ 171678 h 180977"/>
                    <a:gd name="connsiteX3" fmla="*/ 26713 w 347983"/>
                    <a:gd name="connsiteY3" fmla="*/ 180920 h 180977"/>
                    <a:gd name="connsiteX4" fmla="*/ 28934 w 347983"/>
                    <a:gd name="connsiteY4" fmla="*/ 180920 h 180977"/>
                    <a:gd name="connsiteX5" fmla="*/ 55417 w 347983"/>
                    <a:gd name="connsiteY5" fmla="*/ 157642 h 180977"/>
                    <a:gd name="connsiteX6" fmla="*/ 173992 w 347983"/>
                    <a:gd name="connsiteY6" fmla="*/ 55799 h 180977"/>
                    <a:gd name="connsiteX7" fmla="*/ 292566 w 347983"/>
                    <a:gd name="connsiteY7" fmla="*/ 157699 h 180977"/>
                    <a:gd name="connsiteX8" fmla="*/ 319049 w 347983"/>
                    <a:gd name="connsiteY8" fmla="*/ 180977 h 180977"/>
                    <a:gd name="connsiteX9" fmla="*/ 321270 w 347983"/>
                    <a:gd name="connsiteY9" fmla="*/ 180977 h 180977"/>
                    <a:gd name="connsiteX10" fmla="*/ 341432 w 347983"/>
                    <a:gd name="connsiteY10" fmla="*/ 171735 h 180977"/>
                    <a:gd name="connsiteX11" fmla="*/ 347696 w 347983"/>
                    <a:gd name="connsiteY11" fmla="*/ 150054 h 180977"/>
                    <a:gd name="connsiteX12" fmla="*/ 173992 w 347983"/>
                    <a:gd name="connsiteY12" fmla="*/ 57 h 180977"/>
                    <a:gd name="connsiteX13" fmla="*/ 45621 w 347983"/>
                    <a:gd name="connsiteY13" fmla="*/ 156102 h 180977"/>
                    <a:gd name="connsiteX14" fmla="*/ 28934 w 347983"/>
                    <a:gd name="connsiteY14" fmla="*/ 170936 h 180977"/>
                    <a:gd name="connsiteX15" fmla="*/ 26713 w 347983"/>
                    <a:gd name="connsiteY15" fmla="*/ 170936 h 180977"/>
                    <a:gd name="connsiteX16" fmla="*/ 14013 w 347983"/>
                    <a:gd name="connsiteY16" fmla="*/ 165116 h 180977"/>
                    <a:gd name="connsiteX17" fmla="*/ 10083 w 347983"/>
                    <a:gd name="connsiteY17" fmla="*/ 151366 h 180977"/>
                    <a:gd name="connsiteX18" fmla="*/ 26827 w 347983"/>
                    <a:gd name="connsiteY18" fmla="*/ 99789 h 180977"/>
                    <a:gd name="connsiteX19" fmla="*/ 58208 w 347983"/>
                    <a:gd name="connsiteY19" fmla="*/ 117419 h 180977"/>
                    <a:gd name="connsiteX20" fmla="*/ 45678 w 347983"/>
                    <a:gd name="connsiteY20" fmla="*/ 156045 h 180977"/>
                    <a:gd name="connsiteX21" fmla="*/ 62992 w 347983"/>
                    <a:gd name="connsiteY21" fmla="*/ 108803 h 180977"/>
                    <a:gd name="connsiteX22" fmla="*/ 31611 w 347983"/>
                    <a:gd name="connsiteY22" fmla="*/ 91173 h 180977"/>
                    <a:gd name="connsiteX23" fmla="*/ 86798 w 347983"/>
                    <a:gd name="connsiteY23" fmla="*/ 35032 h 180977"/>
                    <a:gd name="connsiteX24" fmla="*/ 104795 w 347983"/>
                    <a:gd name="connsiteY24" fmla="*/ 66240 h 180977"/>
                    <a:gd name="connsiteX25" fmla="*/ 62992 w 347983"/>
                    <a:gd name="connsiteY25" fmla="*/ 108860 h 180977"/>
                    <a:gd name="connsiteX26" fmla="*/ 171543 w 347983"/>
                    <a:gd name="connsiteY26" fmla="*/ 45929 h 180977"/>
                    <a:gd name="connsiteX27" fmla="*/ 113338 w 347983"/>
                    <a:gd name="connsiteY27" fmla="*/ 61220 h 180977"/>
                    <a:gd name="connsiteX28" fmla="*/ 95341 w 347983"/>
                    <a:gd name="connsiteY28" fmla="*/ 30011 h 180977"/>
                    <a:gd name="connsiteX29" fmla="*/ 171828 w 347983"/>
                    <a:gd name="connsiteY29" fmla="*/ 9928 h 180977"/>
                    <a:gd name="connsiteX30" fmla="*/ 171543 w 347983"/>
                    <a:gd name="connsiteY30" fmla="*/ 45929 h 180977"/>
                    <a:gd name="connsiteX31" fmla="*/ 181453 w 347983"/>
                    <a:gd name="connsiteY31" fmla="*/ 46157 h 180977"/>
                    <a:gd name="connsiteX32" fmla="*/ 181737 w 347983"/>
                    <a:gd name="connsiteY32" fmla="*/ 10042 h 180977"/>
                    <a:gd name="connsiteX33" fmla="*/ 257028 w 347983"/>
                    <a:gd name="connsiteY33" fmla="*/ 32521 h 180977"/>
                    <a:gd name="connsiteX34" fmla="*/ 238747 w 347983"/>
                    <a:gd name="connsiteY34" fmla="*/ 63445 h 180977"/>
                    <a:gd name="connsiteX35" fmla="*/ 181396 w 347983"/>
                    <a:gd name="connsiteY35" fmla="*/ 46157 h 180977"/>
                    <a:gd name="connsiteX36" fmla="*/ 247119 w 347983"/>
                    <a:gd name="connsiteY36" fmla="*/ 68808 h 180977"/>
                    <a:gd name="connsiteX37" fmla="*/ 265457 w 347983"/>
                    <a:gd name="connsiteY37" fmla="*/ 37770 h 180977"/>
                    <a:gd name="connsiteX38" fmla="*/ 318366 w 347983"/>
                    <a:gd name="connsiteY38" fmla="*/ 94540 h 180977"/>
                    <a:gd name="connsiteX39" fmla="*/ 287327 w 347983"/>
                    <a:gd name="connsiteY39" fmla="*/ 112512 h 180977"/>
                    <a:gd name="connsiteX40" fmla="*/ 247176 w 347983"/>
                    <a:gd name="connsiteY40" fmla="*/ 68808 h 180977"/>
                    <a:gd name="connsiteX41" fmla="*/ 333971 w 347983"/>
                    <a:gd name="connsiteY41" fmla="*/ 165173 h 180977"/>
                    <a:gd name="connsiteX42" fmla="*/ 321270 w 347983"/>
                    <a:gd name="connsiteY42" fmla="*/ 170993 h 180977"/>
                    <a:gd name="connsiteX43" fmla="*/ 319049 w 347983"/>
                    <a:gd name="connsiteY43" fmla="*/ 170993 h 180977"/>
                    <a:gd name="connsiteX44" fmla="*/ 302362 w 347983"/>
                    <a:gd name="connsiteY44" fmla="*/ 156159 h 180977"/>
                    <a:gd name="connsiteX45" fmla="*/ 291769 w 347983"/>
                    <a:gd name="connsiteY45" fmla="*/ 121412 h 180977"/>
                    <a:gd name="connsiteX46" fmla="*/ 322922 w 347983"/>
                    <a:gd name="connsiteY46" fmla="*/ 103383 h 180977"/>
                    <a:gd name="connsiteX47" fmla="*/ 337901 w 347983"/>
                    <a:gd name="connsiteY47" fmla="*/ 151480 h 180977"/>
                    <a:gd name="connsiteX48" fmla="*/ 333971 w 347983"/>
                    <a:gd name="connsiteY48" fmla="*/ 165230 h 180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347983" h="180977">
                      <a:moveTo>
                        <a:pt x="173992" y="0"/>
                      </a:moveTo>
                      <a:cubicBezTo>
                        <a:pt x="87595" y="0"/>
                        <a:pt x="12874" y="64472"/>
                        <a:pt x="287" y="149997"/>
                      </a:cubicBezTo>
                      <a:cubicBezTo>
                        <a:pt x="-852" y="157813"/>
                        <a:pt x="1426" y="165687"/>
                        <a:pt x="6552" y="171678"/>
                      </a:cubicBezTo>
                      <a:cubicBezTo>
                        <a:pt x="11621" y="177554"/>
                        <a:pt x="18968" y="180920"/>
                        <a:pt x="26713" y="180920"/>
                      </a:cubicBezTo>
                      <a:lnTo>
                        <a:pt x="28934" y="180920"/>
                      </a:lnTo>
                      <a:cubicBezTo>
                        <a:pt x="42204" y="180920"/>
                        <a:pt x="53367" y="171164"/>
                        <a:pt x="55417" y="157642"/>
                      </a:cubicBezTo>
                      <a:cubicBezTo>
                        <a:pt x="64245" y="99560"/>
                        <a:pt x="115274" y="55799"/>
                        <a:pt x="173992" y="55799"/>
                      </a:cubicBezTo>
                      <a:cubicBezTo>
                        <a:pt x="232710" y="55799"/>
                        <a:pt x="283739" y="99617"/>
                        <a:pt x="292566" y="157699"/>
                      </a:cubicBezTo>
                      <a:cubicBezTo>
                        <a:pt x="294617" y="171164"/>
                        <a:pt x="305779" y="180977"/>
                        <a:pt x="319049" y="180977"/>
                      </a:cubicBezTo>
                      <a:lnTo>
                        <a:pt x="321270" y="180977"/>
                      </a:lnTo>
                      <a:cubicBezTo>
                        <a:pt x="329016" y="180977"/>
                        <a:pt x="336363" y="177611"/>
                        <a:pt x="341432" y="171735"/>
                      </a:cubicBezTo>
                      <a:cubicBezTo>
                        <a:pt x="346557" y="165801"/>
                        <a:pt x="348835" y="157870"/>
                        <a:pt x="347696" y="150054"/>
                      </a:cubicBezTo>
                      <a:cubicBezTo>
                        <a:pt x="335053" y="64529"/>
                        <a:pt x="260388" y="57"/>
                        <a:pt x="173992" y="57"/>
                      </a:cubicBezTo>
                      <a:close/>
                      <a:moveTo>
                        <a:pt x="45621" y="156102"/>
                      </a:moveTo>
                      <a:cubicBezTo>
                        <a:pt x="44311" y="164717"/>
                        <a:pt x="37306" y="170936"/>
                        <a:pt x="28934" y="170936"/>
                      </a:cubicBezTo>
                      <a:lnTo>
                        <a:pt x="26713" y="170936"/>
                      </a:lnTo>
                      <a:cubicBezTo>
                        <a:pt x="21758" y="170936"/>
                        <a:pt x="17259" y="168882"/>
                        <a:pt x="14013" y="165116"/>
                      </a:cubicBezTo>
                      <a:cubicBezTo>
                        <a:pt x="10767" y="161351"/>
                        <a:pt x="9343" y="156330"/>
                        <a:pt x="10083" y="151366"/>
                      </a:cubicBezTo>
                      <a:cubicBezTo>
                        <a:pt x="12817" y="132994"/>
                        <a:pt x="18569" y="115650"/>
                        <a:pt x="26827" y="99789"/>
                      </a:cubicBezTo>
                      <a:lnTo>
                        <a:pt x="58208" y="117419"/>
                      </a:lnTo>
                      <a:cubicBezTo>
                        <a:pt x="52114" y="129343"/>
                        <a:pt x="47729" y="142294"/>
                        <a:pt x="45678" y="156045"/>
                      </a:cubicBezTo>
                      <a:close/>
                      <a:moveTo>
                        <a:pt x="62992" y="108803"/>
                      </a:moveTo>
                      <a:lnTo>
                        <a:pt x="31611" y="91173"/>
                      </a:lnTo>
                      <a:cubicBezTo>
                        <a:pt x="45280" y="68294"/>
                        <a:pt x="64359" y="49010"/>
                        <a:pt x="86798" y="35032"/>
                      </a:cubicBezTo>
                      <a:lnTo>
                        <a:pt x="104795" y="66240"/>
                      </a:lnTo>
                      <a:cubicBezTo>
                        <a:pt x="87880" y="77024"/>
                        <a:pt x="73471" y="91573"/>
                        <a:pt x="62992" y="108860"/>
                      </a:cubicBezTo>
                      <a:close/>
                      <a:moveTo>
                        <a:pt x="171543" y="45929"/>
                      </a:moveTo>
                      <a:cubicBezTo>
                        <a:pt x="150755" y="46328"/>
                        <a:pt x="130936" y="51806"/>
                        <a:pt x="113338" y="61220"/>
                      </a:cubicBezTo>
                      <a:lnTo>
                        <a:pt x="95341" y="30011"/>
                      </a:lnTo>
                      <a:cubicBezTo>
                        <a:pt x="118293" y="17516"/>
                        <a:pt x="144434" y="10327"/>
                        <a:pt x="171828" y="9928"/>
                      </a:cubicBezTo>
                      <a:lnTo>
                        <a:pt x="171543" y="45929"/>
                      </a:lnTo>
                      <a:close/>
                      <a:moveTo>
                        <a:pt x="181453" y="46157"/>
                      </a:moveTo>
                      <a:lnTo>
                        <a:pt x="181737" y="10042"/>
                      </a:lnTo>
                      <a:cubicBezTo>
                        <a:pt x="208847" y="11354"/>
                        <a:pt x="234532" y="19342"/>
                        <a:pt x="257028" y="32521"/>
                      </a:cubicBezTo>
                      <a:lnTo>
                        <a:pt x="238747" y="63445"/>
                      </a:lnTo>
                      <a:cubicBezTo>
                        <a:pt x="221547" y="53460"/>
                        <a:pt x="202012" y="47355"/>
                        <a:pt x="181396" y="46157"/>
                      </a:cubicBezTo>
                      <a:close/>
                      <a:moveTo>
                        <a:pt x="247119" y="68808"/>
                      </a:moveTo>
                      <a:lnTo>
                        <a:pt x="265457" y="37770"/>
                      </a:lnTo>
                      <a:cubicBezTo>
                        <a:pt x="287156" y="52262"/>
                        <a:pt x="305381" y="71661"/>
                        <a:pt x="318366" y="94540"/>
                      </a:cubicBezTo>
                      <a:lnTo>
                        <a:pt x="287327" y="112512"/>
                      </a:lnTo>
                      <a:cubicBezTo>
                        <a:pt x="277474" y="94996"/>
                        <a:pt x="263578" y="80105"/>
                        <a:pt x="247176" y="68808"/>
                      </a:cubicBezTo>
                      <a:close/>
                      <a:moveTo>
                        <a:pt x="333971" y="165173"/>
                      </a:moveTo>
                      <a:cubicBezTo>
                        <a:pt x="330725" y="168939"/>
                        <a:pt x="326225" y="170993"/>
                        <a:pt x="321270" y="170993"/>
                      </a:cubicBezTo>
                      <a:lnTo>
                        <a:pt x="319049" y="170993"/>
                      </a:lnTo>
                      <a:cubicBezTo>
                        <a:pt x="310677" y="170993"/>
                        <a:pt x="303672" y="164774"/>
                        <a:pt x="302362" y="156159"/>
                      </a:cubicBezTo>
                      <a:cubicBezTo>
                        <a:pt x="300483" y="143892"/>
                        <a:pt x="296838" y="132253"/>
                        <a:pt x="291769" y="121412"/>
                      </a:cubicBezTo>
                      <a:lnTo>
                        <a:pt x="322922" y="103383"/>
                      </a:lnTo>
                      <a:cubicBezTo>
                        <a:pt x="330212" y="118274"/>
                        <a:pt x="335395" y="134421"/>
                        <a:pt x="337901" y="151480"/>
                      </a:cubicBezTo>
                      <a:cubicBezTo>
                        <a:pt x="338641" y="156444"/>
                        <a:pt x="337217" y="161465"/>
                        <a:pt x="333971" y="165230"/>
                      </a:cubicBezTo>
                      <a:close/>
                    </a:path>
                  </a:pathLst>
                </a:custGeom>
                <a:solidFill>
                  <a:srgbClr val="265A9A"/>
                </a:solidFill>
                <a:ln w="5693" cap="flat">
                  <a:noFill/>
                  <a:prstDash val="solid"/>
                  <a:miter/>
                </a:ln>
              </p:spPr>
              <p:txBody>
                <a:bodyPr rtlCol="0" anchor="ctr"/>
                <a:lstStyle/>
                <a:p>
                  <a:endParaRPr lang="en-AU"/>
                </a:p>
              </p:txBody>
            </p:sp>
          </p:grpSp>
        </p:grpSp>
      </p:grpSp>
    </p:spTree>
    <p:custDataLst>
      <p:custData r:id="rId1"/>
      <p:custData r:id="rId2"/>
    </p:custDataLst>
    <p:extLst>
      <p:ext uri="{BB962C8B-B14F-4D97-AF65-F5344CB8AC3E}">
        <p14:creationId xmlns:p14="http://schemas.microsoft.com/office/powerpoint/2010/main" val="327348736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F06FE1-123E-7397-CD16-B667A19C161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71D4CF1-B6EC-863F-1E4A-C61EBB62B858}"/>
              </a:ext>
            </a:extLst>
          </p:cNvPr>
          <p:cNvSpPr>
            <a:spLocks noGrp="1"/>
          </p:cNvSpPr>
          <p:nvPr>
            <p:ph type="ctrTitle"/>
          </p:nvPr>
        </p:nvSpPr>
        <p:spPr>
          <a:xfrm>
            <a:off x="565998" y="597639"/>
            <a:ext cx="11082431" cy="515848"/>
          </a:xfrm>
        </p:spPr>
        <p:txBody>
          <a:bodyPr/>
          <a:lstStyle/>
          <a:p>
            <a:r>
              <a:rPr lang="en-US"/>
              <a:t>A new Mental Health Declaration </a:t>
            </a:r>
            <a:endParaRPr lang="en-AU"/>
          </a:p>
        </p:txBody>
      </p:sp>
      <p:sp>
        <p:nvSpPr>
          <p:cNvPr id="120" name="Rectangle 119">
            <a:extLst>
              <a:ext uri="{FF2B5EF4-FFF2-40B4-BE49-F238E27FC236}">
                <a16:creationId xmlns:a16="http://schemas.microsoft.com/office/drawing/2014/main" id="{BBFD2FEB-2D7E-E219-F4F2-1F59E39BD6DA}"/>
              </a:ext>
            </a:extLst>
          </p:cNvPr>
          <p:cNvSpPr/>
          <p:nvPr/>
        </p:nvSpPr>
        <p:spPr>
          <a:xfrm>
            <a:off x="565998" y="1417529"/>
            <a:ext cx="5420416" cy="169606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2400"/>
              </a:spcAft>
            </a:pPr>
            <a:r>
              <a:rPr lang="en-US" b="1">
                <a:solidFill>
                  <a:schemeClr val="bg1"/>
                </a:solidFill>
                <a:latin typeface="Open Sans" panose="020B0606030504020204" pitchFamily="34" charset="0"/>
                <a:ea typeface="Open Sans" panose="020B0606030504020204" pitchFamily="34" charset="0"/>
                <a:cs typeface="Open Sans" panose="020B0606030504020204" pitchFamily="34" charset="0"/>
              </a:rPr>
              <a:t>An overarching vision is needed for long-term reform in the mental health system </a:t>
            </a:r>
            <a:endParaRPr lang="en-US" sz="2000" b="1">
              <a:solidFill>
                <a:schemeClr val="bg1"/>
              </a:solidFill>
              <a:latin typeface="Arial" panose="020B0604020202020204" pitchFamily="34" charset="0"/>
              <a:cs typeface="Arial" panose="020B0604020202020204" pitchFamily="34" charset="0"/>
            </a:endParaRPr>
          </a:p>
        </p:txBody>
      </p:sp>
      <p:sp>
        <p:nvSpPr>
          <p:cNvPr id="213" name="Rectangle 212">
            <a:extLst>
              <a:ext uri="{FF2B5EF4-FFF2-40B4-BE49-F238E27FC236}">
                <a16:creationId xmlns:a16="http://schemas.microsoft.com/office/drawing/2014/main" id="{69E74E79-46B8-570B-B6B6-127309D29EFB}"/>
              </a:ext>
            </a:extLst>
          </p:cNvPr>
          <p:cNvSpPr/>
          <p:nvPr/>
        </p:nvSpPr>
        <p:spPr>
          <a:xfrm>
            <a:off x="565998" y="3303887"/>
            <a:ext cx="3538423" cy="262433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sp>
        <p:nvSpPr>
          <p:cNvPr id="15" name="TextBox 14">
            <a:extLst>
              <a:ext uri="{FF2B5EF4-FFF2-40B4-BE49-F238E27FC236}">
                <a16:creationId xmlns:a16="http://schemas.microsoft.com/office/drawing/2014/main" id="{3CD791C5-3557-0C9F-B023-EBB7F61D3F1E}"/>
              </a:ext>
            </a:extLst>
          </p:cNvPr>
          <p:cNvSpPr txBox="1"/>
          <p:nvPr/>
        </p:nvSpPr>
        <p:spPr>
          <a:xfrm>
            <a:off x="778359" y="4367238"/>
            <a:ext cx="3227287" cy="1323439"/>
          </a:xfrm>
          <a:prstGeom prst="rect">
            <a:avLst/>
          </a:prstGeom>
          <a:noFill/>
        </p:spPr>
        <p:txBody>
          <a:bodyPr wrap="square" rtlCol="0">
            <a:spAutoFit/>
          </a:bodyPr>
          <a:lstStyle/>
          <a:p>
            <a:pPr algn="ctr"/>
            <a:r>
              <a:rPr lang="en-US" sz="16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The NMHC should oversee the renewal of the National Mental Health Policy 2008 through a co-design process with people with lived and living experience</a:t>
            </a:r>
          </a:p>
        </p:txBody>
      </p:sp>
      <p:grpSp>
        <p:nvGrpSpPr>
          <p:cNvPr id="7" name="Group 6">
            <a:extLst>
              <a:ext uri="{FF2B5EF4-FFF2-40B4-BE49-F238E27FC236}">
                <a16:creationId xmlns:a16="http://schemas.microsoft.com/office/drawing/2014/main" id="{49E727E5-6AB8-A442-B5F0-61A86A705B6E}"/>
              </a:ext>
            </a:extLst>
          </p:cNvPr>
          <p:cNvGrpSpPr/>
          <p:nvPr/>
        </p:nvGrpSpPr>
        <p:grpSpPr>
          <a:xfrm>
            <a:off x="1974000" y="3509746"/>
            <a:ext cx="964550" cy="649549"/>
            <a:chOff x="1034700" y="3553226"/>
            <a:chExt cx="501557" cy="371770"/>
          </a:xfrm>
        </p:grpSpPr>
        <p:sp>
          <p:nvSpPr>
            <p:cNvPr id="8" name="Freeform: Shape 7">
              <a:extLst>
                <a:ext uri="{FF2B5EF4-FFF2-40B4-BE49-F238E27FC236}">
                  <a16:creationId xmlns:a16="http://schemas.microsoft.com/office/drawing/2014/main" id="{D4490D77-7572-4439-D67C-8A1F6731D443}"/>
                </a:ext>
              </a:extLst>
            </p:cNvPr>
            <p:cNvSpPr/>
            <p:nvPr/>
          </p:nvSpPr>
          <p:spPr>
            <a:xfrm>
              <a:off x="1038607" y="3820035"/>
              <a:ext cx="125348" cy="64198"/>
            </a:xfrm>
            <a:custGeom>
              <a:avLst/>
              <a:gdLst>
                <a:gd name="connsiteX0" fmla="*/ 100774 w 125348"/>
                <a:gd name="connsiteY0" fmla="*/ 0 h 64198"/>
                <a:gd name="connsiteX1" fmla="*/ 91249 w 125348"/>
                <a:gd name="connsiteY1" fmla="*/ 0 h 64198"/>
                <a:gd name="connsiteX2" fmla="*/ 38576 w 125348"/>
                <a:gd name="connsiteY2" fmla="*/ 0 h 64198"/>
                <a:gd name="connsiteX3" fmla="*/ 34385 w 125348"/>
                <a:gd name="connsiteY3" fmla="*/ 0 h 64198"/>
                <a:gd name="connsiteX4" fmla="*/ 12668 w 125348"/>
                <a:gd name="connsiteY4" fmla="*/ 13430 h 64198"/>
                <a:gd name="connsiteX5" fmla="*/ 0 w 125348"/>
                <a:gd name="connsiteY5" fmla="*/ 64198 h 64198"/>
                <a:gd name="connsiteX6" fmla="*/ 125349 w 125348"/>
                <a:gd name="connsiteY6" fmla="*/ 64198 h 64198"/>
                <a:gd name="connsiteX7" fmla="*/ 125349 w 125348"/>
                <a:gd name="connsiteY7" fmla="*/ 20288 h 64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348" h="64198">
                  <a:moveTo>
                    <a:pt x="100774" y="0"/>
                  </a:moveTo>
                  <a:lnTo>
                    <a:pt x="91249" y="0"/>
                  </a:lnTo>
                  <a:cubicBezTo>
                    <a:pt x="74362" y="6858"/>
                    <a:pt x="55464" y="6858"/>
                    <a:pt x="38576" y="0"/>
                  </a:cubicBezTo>
                  <a:lnTo>
                    <a:pt x="34385" y="0"/>
                  </a:lnTo>
                  <a:lnTo>
                    <a:pt x="12668" y="13430"/>
                  </a:lnTo>
                  <a:lnTo>
                    <a:pt x="0" y="64198"/>
                  </a:lnTo>
                  <a:lnTo>
                    <a:pt x="125349" y="64198"/>
                  </a:lnTo>
                  <a:lnTo>
                    <a:pt x="125349" y="20288"/>
                  </a:lnTo>
                  <a:close/>
                </a:path>
              </a:pathLst>
            </a:custGeom>
            <a:solidFill>
              <a:srgbClr val="66BCDB"/>
            </a:solidFill>
            <a:ln w="9525" cap="flat">
              <a:noFill/>
              <a:prstDash val="solid"/>
              <a:miter/>
            </a:ln>
          </p:spPr>
          <p:txBody>
            <a:bodyPr rtlCol="0" anchor="ctr"/>
            <a:lstStyle/>
            <a:p>
              <a:pPr algn="ctr"/>
              <a:endParaRPr lang="en-AU" sz="153"/>
            </a:p>
          </p:txBody>
        </p:sp>
        <p:sp>
          <p:nvSpPr>
            <p:cNvPr id="9" name="Freeform: Shape 8">
              <a:extLst>
                <a:ext uri="{FF2B5EF4-FFF2-40B4-BE49-F238E27FC236}">
                  <a16:creationId xmlns:a16="http://schemas.microsoft.com/office/drawing/2014/main" id="{131C43C5-0C56-954A-8183-0D2C65863801}"/>
                </a:ext>
              </a:extLst>
            </p:cNvPr>
            <p:cNvSpPr/>
            <p:nvPr/>
          </p:nvSpPr>
          <p:spPr>
            <a:xfrm>
              <a:off x="1034700" y="3811557"/>
              <a:ext cx="138112" cy="81057"/>
            </a:xfrm>
            <a:custGeom>
              <a:avLst/>
              <a:gdLst>
                <a:gd name="connsiteX0" fmla="*/ 8953 w 138112"/>
                <a:gd name="connsiteY0" fmla="*/ 81058 h 81057"/>
                <a:gd name="connsiteX1" fmla="*/ 0 w 138112"/>
                <a:gd name="connsiteY1" fmla="*/ 72104 h 81057"/>
                <a:gd name="connsiteX2" fmla="*/ 35719 w 138112"/>
                <a:gd name="connsiteY2" fmla="*/ 95 h 81057"/>
                <a:gd name="connsiteX3" fmla="*/ 44672 w 138112"/>
                <a:gd name="connsiteY3" fmla="*/ 9049 h 81057"/>
                <a:gd name="connsiteX4" fmla="*/ 35719 w 138112"/>
                <a:gd name="connsiteY4" fmla="*/ 18002 h 81057"/>
                <a:gd name="connsiteX5" fmla="*/ 35243 w 138112"/>
                <a:gd name="connsiteY5" fmla="*/ 18002 h 81057"/>
                <a:gd name="connsiteX6" fmla="*/ 18288 w 138112"/>
                <a:gd name="connsiteY6" fmla="*/ 58103 h 81057"/>
                <a:gd name="connsiteX7" fmla="*/ 19336 w 138112"/>
                <a:gd name="connsiteY7" fmla="*/ 61532 h 81057"/>
                <a:gd name="connsiteX8" fmla="*/ 22669 w 138112"/>
                <a:gd name="connsiteY8" fmla="*/ 62960 h 81057"/>
                <a:gd name="connsiteX9" fmla="*/ 114871 w 138112"/>
                <a:gd name="connsiteY9" fmla="*/ 62960 h 81057"/>
                <a:gd name="connsiteX10" fmla="*/ 118110 w 138112"/>
                <a:gd name="connsiteY10" fmla="*/ 61532 h 81057"/>
                <a:gd name="connsiteX11" fmla="*/ 119158 w 138112"/>
                <a:gd name="connsiteY11" fmla="*/ 58103 h 81057"/>
                <a:gd name="connsiteX12" fmla="*/ 102013 w 138112"/>
                <a:gd name="connsiteY12" fmla="*/ 17907 h 81057"/>
                <a:gd name="connsiteX13" fmla="*/ 101441 w 138112"/>
                <a:gd name="connsiteY13" fmla="*/ 17907 h 81057"/>
                <a:gd name="connsiteX14" fmla="*/ 92865 w 138112"/>
                <a:gd name="connsiteY14" fmla="*/ 9154 h 81057"/>
                <a:gd name="connsiteX15" fmla="*/ 92869 w 138112"/>
                <a:gd name="connsiteY15" fmla="*/ 8954 h 81057"/>
                <a:gd name="connsiteX16" fmla="*/ 102394 w 138112"/>
                <a:gd name="connsiteY16" fmla="*/ 0 h 81057"/>
                <a:gd name="connsiteX17" fmla="*/ 138113 w 138112"/>
                <a:gd name="connsiteY17" fmla="*/ 72009 h 81057"/>
                <a:gd name="connsiteX18" fmla="*/ 129064 w 138112"/>
                <a:gd name="connsiteY18" fmla="*/ 80963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112" h="81057">
                  <a:moveTo>
                    <a:pt x="8953" y="81058"/>
                  </a:moveTo>
                  <a:cubicBezTo>
                    <a:pt x="4009" y="81058"/>
                    <a:pt x="0" y="77048"/>
                    <a:pt x="0" y="72104"/>
                  </a:cubicBezTo>
                  <a:cubicBezTo>
                    <a:pt x="0" y="10287"/>
                    <a:pt x="34290" y="95"/>
                    <a:pt x="35719" y="95"/>
                  </a:cubicBezTo>
                  <a:cubicBezTo>
                    <a:pt x="40663" y="95"/>
                    <a:pt x="44672" y="4105"/>
                    <a:pt x="44672" y="9049"/>
                  </a:cubicBezTo>
                  <a:cubicBezTo>
                    <a:pt x="44672" y="13992"/>
                    <a:pt x="40663" y="18002"/>
                    <a:pt x="35719" y="18002"/>
                  </a:cubicBezTo>
                  <a:lnTo>
                    <a:pt x="35243" y="18002"/>
                  </a:lnTo>
                  <a:cubicBezTo>
                    <a:pt x="28670" y="19050"/>
                    <a:pt x="20669" y="37052"/>
                    <a:pt x="18288" y="58103"/>
                  </a:cubicBezTo>
                  <a:cubicBezTo>
                    <a:pt x="18197" y="59341"/>
                    <a:pt x="18571" y="60560"/>
                    <a:pt x="19336" y="61532"/>
                  </a:cubicBezTo>
                  <a:cubicBezTo>
                    <a:pt x="20196" y="62456"/>
                    <a:pt x="21406" y="62979"/>
                    <a:pt x="22669" y="62960"/>
                  </a:cubicBezTo>
                  <a:lnTo>
                    <a:pt x="114871" y="62960"/>
                  </a:lnTo>
                  <a:cubicBezTo>
                    <a:pt x="116106" y="62970"/>
                    <a:pt x="117287" y="62456"/>
                    <a:pt x="118110" y="61532"/>
                  </a:cubicBezTo>
                  <a:cubicBezTo>
                    <a:pt x="118955" y="60608"/>
                    <a:pt x="119340" y="59341"/>
                    <a:pt x="119158" y="58103"/>
                  </a:cubicBezTo>
                  <a:cubicBezTo>
                    <a:pt x="116776" y="36862"/>
                    <a:pt x="108775" y="18860"/>
                    <a:pt x="102013" y="17907"/>
                  </a:cubicBezTo>
                  <a:lnTo>
                    <a:pt x="101441" y="17907"/>
                  </a:lnTo>
                  <a:cubicBezTo>
                    <a:pt x="96654" y="17859"/>
                    <a:pt x="92814" y="13935"/>
                    <a:pt x="92865" y="9154"/>
                  </a:cubicBezTo>
                  <a:cubicBezTo>
                    <a:pt x="92865" y="9087"/>
                    <a:pt x="92867" y="9020"/>
                    <a:pt x="92869" y="8954"/>
                  </a:cubicBezTo>
                  <a:cubicBezTo>
                    <a:pt x="93172" y="3915"/>
                    <a:pt x="97348" y="-9"/>
                    <a:pt x="102394" y="0"/>
                  </a:cubicBezTo>
                  <a:cubicBezTo>
                    <a:pt x="103822" y="0"/>
                    <a:pt x="138113" y="10192"/>
                    <a:pt x="138113" y="72009"/>
                  </a:cubicBezTo>
                  <a:cubicBezTo>
                    <a:pt x="137826" y="76867"/>
                    <a:pt x="133924" y="80724"/>
                    <a:pt x="129064" y="80963"/>
                  </a:cubicBezTo>
                  <a:close/>
                </a:path>
              </a:pathLst>
            </a:custGeom>
            <a:solidFill>
              <a:srgbClr val="265998"/>
            </a:solidFill>
            <a:ln w="9525" cap="flat">
              <a:noFill/>
              <a:prstDash val="solid"/>
              <a:miter/>
            </a:ln>
          </p:spPr>
          <p:txBody>
            <a:bodyPr rtlCol="0" anchor="ctr"/>
            <a:lstStyle/>
            <a:p>
              <a:pPr algn="ctr"/>
              <a:endParaRPr lang="en-AU" sz="153"/>
            </a:p>
          </p:txBody>
        </p:sp>
        <p:sp>
          <p:nvSpPr>
            <p:cNvPr id="10" name="Freeform: Shape 9">
              <a:extLst>
                <a:ext uri="{FF2B5EF4-FFF2-40B4-BE49-F238E27FC236}">
                  <a16:creationId xmlns:a16="http://schemas.microsoft.com/office/drawing/2014/main" id="{E8D7B129-B71D-81B1-A70C-A67E7F632EB3}"/>
                </a:ext>
              </a:extLst>
            </p:cNvPr>
            <p:cNvSpPr/>
            <p:nvPr/>
          </p:nvSpPr>
          <p:spPr>
            <a:xfrm>
              <a:off x="1281923" y="3567121"/>
              <a:ext cx="252865" cy="200648"/>
            </a:xfrm>
            <a:custGeom>
              <a:avLst/>
              <a:gdLst>
                <a:gd name="connsiteX0" fmla="*/ 97297 w 252865"/>
                <a:gd name="connsiteY0" fmla="*/ 171474 h 200648"/>
                <a:gd name="connsiteX1" fmla="*/ 113299 w 252865"/>
                <a:gd name="connsiteY1" fmla="*/ 174808 h 200648"/>
                <a:gd name="connsiteX2" fmla="*/ 252173 w 252865"/>
                <a:gd name="connsiteY2" fmla="*/ 107561 h 200648"/>
                <a:gd name="connsiteX3" fmla="*/ 139683 w 252865"/>
                <a:gd name="connsiteY3" fmla="*/ 2025 h 200648"/>
                <a:gd name="connsiteX4" fmla="*/ 713 w 252865"/>
                <a:gd name="connsiteY4" fmla="*/ 69176 h 200648"/>
                <a:gd name="connsiteX5" fmla="*/ 39480 w 252865"/>
                <a:gd name="connsiteY5" fmla="*/ 144900 h 200648"/>
                <a:gd name="connsiteX6" fmla="*/ 43004 w 252865"/>
                <a:gd name="connsiteY6" fmla="*/ 153662 h 200648"/>
                <a:gd name="connsiteX7" fmla="*/ 36623 w 252865"/>
                <a:gd name="connsiteY7" fmla="*/ 195477 h 200648"/>
                <a:gd name="connsiteX8" fmla="*/ 38528 w 252865"/>
                <a:gd name="connsiteY8" fmla="*/ 199859 h 200648"/>
                <a:gd name="connsiteX9" fmla="*/ 40337 w 252865"/>
                <a:gd name="connsiteY9" fmla="*/ 200621 h 200648"/>
                <a:gd name="connsiteX10" fmla="*/ 43290 w 252865"/>
                <a:gd name="connsiteY10" fmla="*/ 200049 h 200648"/>
                <a:gd name="connsiteX11" fmla="*/ 90915 w 252865"/>
                <a:gd name="connsiteY11" fmla="*/ 172522 h 200648"/>
                <a:gd name="connsiteX12" fmla="*/ 96916 w 252865"/>
                <a:gd name="connsiteY12" fmla="*/ 171379 h 20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2865" h="200648">
                  <a:moveTo>
                    <a:pt x="97297" y="171474"/>
                  </a:moveTo>
                  <a:cubicBezTo>
                    <a:pt x="102571" y="172855"/>
                    <a:pt x="107912" y="173970"/>
                    <a:pt x="113299" y="174808"/>
                  </a:cubicBezTo>
                  <a:cubicBezTo>
                    <a:pt x="182641" y="185381"/>
                    <a:pt x="244934" y="155186"/>
                    <a:pt x="252173" y="107561"/>
                  </a:cubicBezTo>
                  <a:cubicBezTo>
                    <a:pt x="259412" y="59936"/>
                    <a:pt x="209025" y="12311"/>
                    <a:pt x="139683" y="2025"/>
                  </a:cubicBezTo>
                  <a:cubicBezTo>
                    <a:pt x="70341" y="-8263"/>
                    <a:pt x="7952" y="21646"/>
                    <a:pt x="713" y="69176"/>
                  </a:cubicBezTo>
                  <a:cubicBezTo>
                    <a:pt x="-3382" y="95941"/>
                    <a:pt x="10238" y="123564"/>
                    <a:pt x="39480" y="144900"/>
                  </a:cubicBezTo>
                  <a:cubicBezTo>
                    <a:pt x="42122" y="146995"/>
                    <a:pt x="43463" y="150319"/>
                    <a:pt x="43004" y="153662"/>
                  </a:cubicBezTo>
                  <a:lnTo>
                    <a:pt x="36623" y="195477"/>
                  </a:lnTo>
                  <a:cubicBezTo>
                    <a:pt x="36335" y="197182"/>
                    <a:pt x="37082" y="198906"/>
                    <a:pt x="38528" y="199859"/>
                  </a:cubicBezTo>
                  <a:cubicBezTo>
                    <a:pt x="39074" y="200230"/>
                    <a:pt x="39690" y="200488"/>
                    <a:pt x="40337" y="200621"/>
                  </a:cubicBezTo>
                  <a:cubicBezTo>
                    <a:pt x="41357" y="200726"/>
                    <a:pt x="42385" y="200526"/>
                    <a:pt x="43290" y="200049"/>
                  </a:cubicBezTo>
                  <a:lnTo>
                    <a:pt x="90915" y="172522"/>
                  </a:lnTo>
                  <a:cubicBezTo>
                    <a:pt x="92719" y="171446"/>
                    <a:pt x="94843" y="171046"/>
                    <a:pt x="96916" y="171379"/>
                  </a:cubicBezTo>
                  <a:close/>
                </a:path>
              </a:pathLst>
            </a:custGeom>
            <a:solidFill>
              <a:srgbClr val="C7E4F1"/>
            </a:solidFill>
            <a:ln w="9525" cap="flat">
              <a:noFill/>
              <a:prstDash val="solid"/>
              <a:miter/>
            </a:ln>
          </p:spPr>
          <p:txBody>
            <a:bodyPr rtlCol="0" anchor="ctr"/>
            <a:lstStyle/>
            <a:p>
              <a:pPr algn="ctr"/>
              <a:endParaRPr lang="en-AU" sz="153"/>
            </a:p>
          </p:txBody>
        </p:sp>
        <p:sp>
          <p:nvSpPr>
            <p:cNvPr id="11" name="Freeform: Shape 10">
              <a:extLst>
                <a:ext uri="{FF2B5EF4-FFF2-40B4-BE49-F238E27FC236}">
                  <a16:creationId xmlns:a16="http://schemas.microsoft.com/office/drawing/2014/main" id="{91AF4B1E-3BC1-32E4-A745-7C8B234580D9}"/>
                </a:ext>
              </a:extLst>
            </p:cNvPr>
            <p:cNvSpPr/>
            <p:nvPr/>
          </p:nvSpPr>
          <p:spPr>
            <a:xfrm>
              <a:off x="1158049" y="3833465"/>
              <a:ext cx="161925" cy="80486"/>
            </a:xfrm>
            <a:custGeom>
              <a:avLst/>
              <a:gdLst>
                <a:gd name="connsiteX0" fmla="*/ 130969 w 161925"/>
                <a:gd name="connsiteY0" fmla="*/ 0 h 80486"/>
                <a:gd name="connsiteX1" fmla="*/ 118300 w 161925"/>
                <a:gd name="connsiteY1" fmla="*/ 0 h 80486"/>
                <a:gd name="connsiteX2" fmla="*/ 50006 w 161925"/>
                <a:gd name="connsiteY2" fmla="*/ 0 h 80486"/>
                <a:gd name="connsiteX3" fmla="*/ 44577 w 161925"/>
                <a:gd name="connsiteY3" fmla="*/ 0 h 80486"/>
                <a:gd name="connsiteX4" fmla="*/ 10096 w 161925"/>
                <a:gd name="connsiteY4" fmla="*/ 21812 h 80486"/>
                <a:gd name="connsiteX5" fmla="*/ 0 w 161925"/>
                <a:gd name="connsiteY5" fmla="*/ 80486 h 80486"/>
                <a:gd name="connsiteX6" fmla="*/ 161925 w 161925"/>
                <a:gd name="connsiteY6" fmla="*/ 80486 h 80486"/>
                <a:gd name="connsiteX7" fmla="*/ 161925 w 161925"/>
                <a:gd name="connsiteY7" fmla="*/ 35814 h 80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1925" h="80486">
                  <a:moveTo>
                    <a:pt x="130969" y="0"/>
                  </a:moveTo>
                  <a:lnTo>
                    <a:pt x="118300" y="0"/>
                  </a:lnTo>
                  <a:cubicBezTo>
                    <a:pt x="96379" y="8763"/>
                    <a:pt x="71928" y="8763"/>
                    <a:pt x="50006" y="0"/>
                  </a:cubicBezTo>
                  <a:lnTo>
                    <a:pt x="44577" y="0"/>
                  </a:lnTo>
                  <a:lnTo>
                    <a:pt x="10096" y="21812"/>
                  </a:lnTo>
                  <a:lnTo>
                    <a:pt x="0" y="80486"/>
                  </a:lnTo>
                  <a:lnTo>
                    <a:pt x="161925" y="80486"/>
                  </a:lnTo>
                  <a:lnTo>
                    <a:pt x="161925" y="35814"/>
                  </a:lnTo>
                  <a:close/>
                </a:path>
              </a:pathLst>
            </a:custGeom>
            <a:solidFill>
              <a:srgbClr val="66BCDB"/>
            </a:solidFill>
            <a:ln w="9525" cap="flat">
              <a:noFill/>
              <a:prstDash val="solid"/>
              <a:miter/>
            </a:ln>
          </p:spPr>
          <p:txBody>
            <a:bodyPr rtlCol="0" anchor="ctr"/>
            <a:lstStyle/>
            <a:p>
              <a:pPr algn="ctr"/>
              <a:endParaRPr lang="en-AU" sz="153"/>
            </a:p>
          </p:txBody>
        </p:sp>
        <p:sp>
          <p:nvSpPr>
            <p:cNvPr id="16" name="Freeform: Shape 15">
              <a:extLst>
                <a:ext uri="{FF2B5EF4-FFF2-40B4-BE49-F238E27FC236}">
                  <a16:creationId xmlns:a16="http://schemas.microsoft.com/office/drawing/2014/main" id="{24C5C1BE-DFB0-1D1D-57F9-9B77107B35A3}"/>
                </a:ext>
              </a:extLst>
            </p:cNvPr>
            <p:cNvSpPr/>
            <p:nvPr/>
          </p:nvSpPr>
          <p:spPr>
            <a:xfrm>
              <a:off x="1068133" y="3705830"/>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2 h 107346"/>
                <a:gd name="connsiteX6" fmla="*/ 17907 w 71437"/>
                <a:gd name="connsiteY6" fmla="*/ 47625 h 107346"/>
                <a:gd name="connsiteX7" fmla="*/ 35719 w 71437"/>
                <a:gd name="connsiteY7" fmla="*/ 87821 h 107346"/>
                <a:gd name="connsiteX8" fmla="*/ 53435 w 71437"/>
                <a:gd name="connsiteY8" fmla="*/ 47625 h 107346"/>
                <a:gd name="connsiteX9" fmla="*/ 35719 w 71437"/>
                <a:gd name="connsiteY9" fmla="*/ 20288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724"/>
                    <a:pt x="0" y="47625"/>
                  </a:cubicBezTo>
                  <a:cubicBezTo>
                    <a:pt x="0" y="3810"/>
                    <a:pt x="27337" y="0"/>
                    <a:pt x="35719" y="0"/>
                  </a:cubicBezTo>
                  <a:cubicBezTo>
                    <a:pt x="44101" y="0"/>
                    <a:pt x="71438" y="3429"/>
                    <a:pt x="71438" y="47625"/>
                  </a:cubicBezTo>
                  <a:cubicBezTo>
                    <a:pt x="71438" y="82010"/>
                    <a:pt x="55817" y="107347"/>
                    <a:pt x="35719" y="107347"/>
                  </a:cubicBezTo>
                  <a:close/>
                  <a:moveTo>
                    <a:pt x="35719" y="20002"/>
                  </a:moveTo>
                  <a:cubicBezTo>
                    <a:pt x="28099" y="20002"/>
                    <a:pt x="17907" y="22860"/>
                    <a:pt x="17907" y="47625"/>
                  </a:cubicBezTo>
                  <a:cubicBezTo>
                    <a:pt x="17907" y="70675"/>
                    <a:pt x="27432" y="87821"/>
                    <a:pt x="35719" y="87821"/>
                  </a:cubicBezTo>
                  <a:cubicBezTo>
                    <a:pt x="44005" y="87821"/>
                    <a:pt x="53435" y="70675"/>
                    <a:pt x="53435" y="47625"/>
                  </a:cubicBezTo>
                  <a:cubicBezTo>
                    <a:pt x="53435" y="23146"/>
                    <a:pt x="43339" y="20288"/>
                    <a:pt x="35719" y="20288"/>
                  </a:cubicBezTo>
                  <a:close/>
                </a:path>
              </a:pathLst>
            </a:custGeom>
            <a:solidFill>
              <a:srgbClr val="265998"/>
            </a:solidFill>
            <a:ln w="9525" cap="flat">
              <a:noFill/>
              <a:prstDash val="solid"/>
              <a:miter/>
            </a:ln>
          </p:spPr>
          <p:txBody>
            <a:bodyPr rtlCol="0" anchor="ctr"/>
            <a:lstStyle/>
            <a:p>
              <a:pPr algn="ctr"/>
              <a:endParaRPr lang="en-AU" sz="153"/>
            </a:p>
          </p:txBody>
        </p:sp>
        <p:sp>
          <p:nvSpPr>
            <p:cNvPr id="17" name="Freeform: Shape 16">
              <a:extLst>
                <a:ext uri="{FF2B5EF4-FFF2-40B4-BE49-F238E27FC236}">
                  <a16:creationId xmlns:a16="http://schemas.microsoft.com/office/drawing/2014/main" id="{104A17CE-F4D0-40BD-9F22-008A0F4F69C4}"/>
                </a:ext>
              </a:extLst>
            </p:cNvPr>
            <p:cNvSpPr/>
            <p:nvPr/>
          </p:nvSpPr>
          <p:spPr>
            <a:xfrm>
              <a:off x="1196435" y="3683922"/>
              <a:ext cx="92773" cy="138779"/>
            </a:xfrm>
            <a:custGeom>
              <a:avLst/>
              <a:gdLst>
                <a:gd name="connsiteX0" fmla="*/ 46387 w 92773"/>
                <a:gd name="connsiteY0" fmla="*/ 138779 h 138779"/>
                <a:gd name="connsiteX1" fmla="*/ 0 w 92773"/>
                <a:gd name="connsiteY1" fmla="*/ 61341 h 138779"/>
                <a:gd name="connsiteX2" fmla="*/ 46387 w 92773"/>
                <a:gd name="connsiteY2" fmla="*/ 0 h 138779"/>
                <a:gd name="connsiteX3" fmla="*/ 92773 w 92773"/>
                <a:gd name="connsiteY3" fmla="*/ 61341 h 138779"/>
                <a:gd name="connsiteX4" fmla="*/ 46387 w 92773"/>
                <a:gd name="connsiteY4" fmla="*/ 138779 h 138779"/>
                <a:gd name="connsiteX5" fmla="*/ 46387 w 92773"/>
                <a:gd name="connsiteY5" fmla="*/ 18193 h 138779"/>
                <a:gd name="connsiteX6" fmla="*/ 18383 w 92773"/>
                <a:gd name="connsiteY6" fmla="*/ 60008 h 138779"/>
                <a:gd name="connsiteX7" fmla="*/ 46387 w 92773"/>
                <a:gd name="connsiteY7" fmla="*/ 120682 h 138779"/>
                <a:gd name="connsiteX8" fmla="*/ 74295 w 92773"/>
                <a:gd name="connsiteY8" fmla="*/ 60008 h 138779"/>
                <a:gd name="connsiteX9" fmla="*/ 46387 w 92773"/>
                <a:gd name="connsiteY9" fmla="*/ 18002 h 138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2773" h="138779">
                  <a:moveTo>
                    <a:pt x="46387" y="138779"/>
                  </a:moveTo>
                  <a:cubicBezTo>
                    <a:pt x="19907" y="138779"/>
                    <a:pt x="0" y="105537"/>
                    <a:pt x="0" y="61341"/>
                  </a:cubicBezTo>
                  <a:cubicBezTo>
                    <a:pt x="0" y="4191"/>
                    <a:pt x="35528" y="0"/>
                    <a:pt x="46387" y="0"/>
                  </a:cubicBezTo>
                  <a:cubicBezTo>
                    <a:pt x="57245" y="0"/>
                    <a:pt x="92773" y="4382"/>
                    <a:pt x="92773" y="61341"/>
                  </a:cubicBezTo>
                  <a:cubicBezTo>
                    <a:pt x="92773" y="105346"/>
                    <a:pt x="72771" y="138779"/>
                    <a:pt x="46387" y="138779"/>
                  </a:cubicBezTo>
                  <a:close/>
                  <a:moveTo>
                    <a:pt x="46387" y="18193"/>
                  </a:moveTo>
                  <a:cubicBezTo>
                    <a:pt x="34385" y="18193"/>
                    <a:pt x="18383" y="22479"/>
                    <a:pt x="18383" y="60008"/>
                  </a:cubicBezTo>
                  <a:cubicBezTo>
                    <a:pt x="18383" y="94679"/>
                    <a:pt x="33147" y="120682"/>
                    <a:pt x="46387" y="120682"/>
                  </a:cubicBezTo>
                  <a:cubicBezTo>
                    <a:pt x="59626" y="120682"/>
                    <a:pt x="74295" y="94679"/>
                    <a:pt x="74295" y="60008"/>
                  </a:cubicBezTo>
                  <a:cubicBezTo>
                    <a:pt x="74295" y="22288"/>
                    <a:pt x="58388" y="18002"/>
                    <a:pt x="46387" y="18002"/>
                  </a:cubicBezTo>
                  <a:close/>
                </a:path>
              </a:pathLst>
            </a:custGeom>
            <a:solidFill>
              <a:srgbClr val="265998"/>
            </a:solidFill>
            <a:ln w="9525" cap="flat">
              <a:noFill/>
              <a:prstDash val="solid"/>
              <a:miter/>
            </a:ln>
          </p:spPr>
          <p:txBody>
            <a:bodyPr rtlCol="0" anchor="ctr"/>
            <a:lstStyle/>
            <a:p>
              <a:pPr algn="ctr"/>
              <a:endParaRPr lang="en-AU" sz="153"/>
            </a:p>
          </p:txBody>
        </p:sp>
        <p:sp>
          <p:nvSpPr>
            <p:cNvPr id="18" name="Freeform: Shape 17">
              <a:extLst>
                <a:ext uri="{FF2B5EF4-FFF2-40B4-BE49-F238E27FC236}">
                  <a16:creationId xmlns:a16="http://schemas.microsoft.com/office/drawing/2014/main" id="{355BA8F6-2F5E-8629-CDDC-594B4C7BA67A}"/>
                </a:ext>
              </a:extLst>
            </p:cNvPr>
            <p:cNvSpPr/>
            <p:nvPr/>
          </p:nvSpPr>
          <p:spPr>
            <a:xfrm>
              <a:off x="1153097" y="3822508"/>
              <a:ext cx="179165" cy="102488"/>
            </a:xfrm>
            <a:custGeom>
              <a:avLst/>
              <a:gdLst>
                <a:gd name="connsiteX0" fmla="*/ 11620 w 179165"/>
                <a:gd name="connsiteY0" fmla="*/ 102298 h 102488"/>
                <a:gd name="connsiteX1" fmla="*/ 0 w 179165"/>
                <a:gd name="connsiteY1" fmla="*/ 90583 h 102488"/>
                <a:gd name="connsiteX2" fmla="*/ 46291 w 179165"/>
                <a:gd name="connsiteY2" fmla="*/ 0 h 102488"/>
                <a:gd name="connsiteX3" fmla="*/ 58007 w 179165"/>
                <a:gd name="connsiteY3" fmla="*/ 11716 h 102488"/>
                <a:gd name="connsiteX4" fmla="*/ 40767 w 179165"/>
                <a:gd name="connsiteY4" fmla="*/ 22669 h 102488"/>
                <a:gd name="connsiteX5" fmla="*/ 40100 w 179165"/>
                <a:gd name="connsiteY5" fmla="*/ 22669 h 102488"/>
                <a:gd name="connsiteX6" fmla="*/ 21050 w 179165"/>
                <a:gd name="connsiteY6" fmla="*/ 77343 h 102488"/>
                <a:gd name="connsiteX7" fmla="*/ 22479 w 179165"/>
                <a:gd name="connsiteY7" fmla="*/ 81724 h 102488"/>
                <a:gd name="connsiteX8" fmla="*/ 26670 w 179165"/>
                <a:gd name="connsiteY8" fmla="*/ 83629 h 102488"/>
                <a:gd name="connsiteX9" fmla="*/ 153638 w 179165"/>
                <a:gd name="connsiteY9" fmla="*/ 84201 h 102488"/>
                <a:gd name="connsiteX10" fmla="*/ 157829 w 179165"/>
                <a:gd name="connsiteY10" fmla="*/ 82296 h 102488"/>
                <a:gd name="connsiteX11" fmla="*/ 159258 w 179165"/>
                <a:gd name="connsiteY11" fmla="*/ 77819 h 102488"/>
                <a:gd name="connsiteX12" fmla="*/ 139065 w 179165"/>
                <a:gd name="connsiteY12" fmla="*/ 23622 h 102488"/>
                <a:gd name="connsiteX13" fmla="*/ 138493 w 179165"/>
                <a:gd name="connsiteY13" fmla="*/ 23622 h 102488"/>
                <a:gd name="connsiteX14" fmla="*/ 120967 w 179165"/>
                <a:gd name="connsiteY14" fmla="*/ 11621 h 102488"/>
                <a:gd name="connsiteX15" fmla="*/ 132778 w 179165"/>
                <a:gd name="connsiteY15" fmla="*/ 190 h 102488"/>
                <a:gd name="connsiteX16" fmla="*/ 179165 w 179165"/>
                <a:gd name="connsiteY16" fmla="*/ 90773 h 102488"/>
                <a:gd name="connsiteX17" fmla="*/ 167545 w 179165"/>
                <a:gd name="connsiteY17" fmla="*/ 102489 h 1024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79165" h="102488">
                  <a:moveTo>
                    <a:pt x="11620" y="102298"/>
                  </a:moveTo>
                  <a:cubicBezTo>
                    <a:pt x="5187" y="102251"/>
                    <a:pt x="0" y="97012"/>
                    <a:pt x="0" y="90583"/>
                  </a:cubicBezTo>
                  <a:cubicBezTo>
                    <a:pt x="0" y="10477"/>
                    <a:pt x="44482" y="0"/>
                    <a:pt x="46291" y="0"/>
                  </a:cubicBezTo>
                  <a:cubicBezTo>
                    <a:pt x="52762" y="0"/>
                    <a:pt x="58007" y="5248"/>
                    <a:pt x="58007" y="11716"/>
                  </a:cubicBezTo>
                  <a:cubicBezTo>
                    <a:pt x="58007" y="17907"/>
                    <a:pt x="46958" y="22384"/>
                    <a:pt x="40767" y="22669"/>
                  </a:cubicBezTo>
                  <a:lnTo>
                    <a:pt x="40100" y="22669"/>
                  </a:lnTo>
                  <a:cubicBezTo>
                    <a:pt x="31528" y="24003"/>
                    <a:pt x="24384" y="50101"/>
                    <a:pt x="21050" y="77343"/>
                  </a:cubicBezTo>
                  <a:cubicBezTo>
                    <a:pt x="20878" y="78943"/>
                    <a:pt x="21398" y="80534"/>
                    <a:pt x="22479" y="81724"/>
                  </a:cubicBezTo>
                  <a:cubicBezTo>
                    <a:pt x="23524" y="82953"/>
                    <a:pt x="25059" y="83648"/>
                    <a:pt x="26670" y="83629"/>
                  </a:cubicBezTo>
                  <a:lnTo>
                    <a:pt x="153638" y="84201"/>
                  </a:lnTo>
                  <a:cubicBezTo>
                    <a:pt x="155238" y="84172"/>
                    <a:pt x="156754" y="83477"/>
                    <a:pt x="157829" y="82296"/>
                  </a:cubicBezTo>
                  <a:cubicBezTo>
                    <a:pt x="158948" y="81086"/>
                    <a:pt x="159472" y="79448"/>
                    <a:pt x="159258" y="77819"/>
                  </a:cubicBezTo>
                  <a:cubicBezTo>
                    <a:pt x="156115" y="50292"/>
                    <a:pt x="147828" y="24860"/>
                    <a:pt x="139065" y="23622"/>
                  </a:cubicBezTo>
                  <a:lnTo>
                    <a:pt x="138493" y="23622"/>
                  </a:lnTo>
                  <a:cubicBezTo>
                    <a:pt x="132302" y="23622"/>
                    <a:pt x="120967" y="18097"/>
                    <a:pt x="120967" y="11621"/>
                  </a:cubicBezTo>
                  <a:cubicBezTo>
                    <a:pt x="121268" y="5286"/>
                    <a:pt x="126441" y="286"/>
                    <a:pt x="132778" y="190"/>
                  </a:cubicBezTo>
                  <a:cubicBezTo>
                    <a:pt x="134683" y="190"/>
                    <a:pt x="179165" y="10668"/>
                    <a:pt x="179165" y="90773"/>
                  </a:cubicBezTo>
                  <a:cubicBezTo>
                    <a:pt x="179165" y="97203"/>
                    <a:pt x="173978" y="102441"/>
                    <a:pt x="167545" y="102489"/>
                  </a:cubicBezTo>
                  <a:close/>
                </a:path>
              </a:pathLst>
            </a:custGeom>
            <a:solidFill>
              <a:srgbClr val="265998"/>
            </a:solidFill>
            <a:ln w="9525" cap="flat">
              <a:noFill/>
              <a:prstDash val="solid"/>
              <a:miter/>
            </a:ln>
          </p:spPr>
          <p:txBody>
            <a:bodyPr rtlCol="0" anchor="ctr"/>
            <a:lstStyle/>
            <a:p>
              <a:pPr algn="ctr"/>
              <a:endParaRPr lang="en-AU" sz="153"/>
            </a:p>
          </p:txBody>
        </p:sp>
        <p:sp>
          <p:nvSpPr>
            <p:cNvPr id="19" name="Freeform: Shape 18">
              <a:extLst>
                <a:ext uri="{FF2B5EF4-FFF2-40B4-BE49-F238E27FC236}">
                  <a16:creationId xmlns:a16="http://schemas.microsoft.com/office/drawing/2014/main" id="{D48141A9-20FE-AA24-C1D5-DBE09FC160AC}"/>
                </a:ext>
              </a:extLst>
            </p:cNvPr>
            <p:cNvSpPr/>
            <p:nvPr/>
          </p:nvSpPr>
          <p:spPr>
            <a:xfrm>
              <a:off x="1358075" y="3617340"/>
              <a:ext cx="84581" cy="17907"/>
            </a:xfrm>
            <a:custGeom>
              <a:avLst/>
              <a:gdLst>
                <a:gd name="connsiteX0" fmla="*/ 8953 w 84581"/>
                <a:gd name="connsiteY0" fmla="*/ 17907 h 17907"/>
                <a:gd name="connsiteX1" fmla="*/ 0 w 84581"/>
                <a:gd name="connsiteY1" fmla="*/ 8954 h 17907"/>
                <a:gd name="connsiteX2" fmla="*/ 8953 w 84581"/>
                <a:gd name="connsiteY2" fmla="*/ 0 h 17907"/>
                <a:gd name="connsiteX3" fmla="*/ 75628 w 84581"/>
                <a:gd name="connsiteY3" fmla="*/ 0 h 17907"/>
                <a:gd name="connsiteX4" fmla="*/ 84582 w 84581"/>
                <a:gd name="connsiteY4" fmla="*/ 8954 h 17907"/>
                <a:gd name="connsiteX5" fmla="*/ 75628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3" y="17907"/>
                  </a:moveTo>
                  <a:cubicBezTo>
                    <a:pt x="4008" y="17907"/>
                    <a:pt x="0" y="13897"/>
                    <a:pt x="0" y="8954"/>
                  </a:cubicBezTo>
                  <a:cubicBezTo>
                    <a:pt x="0" y="4010"/>
                    <a:pt x="4008" y="0"/>
                    <a:pt x="8953" y="0"/>
                  </a:cubicBezTo>
                  <a:lnTo>
                    <a:pt x="75628" y="0"/>
                  </a:lnTo>
                  <a:cubicBezTo>
                    <a:pt x="80573" y="0"/>
                    <a:pt x="84582" y="4010"/>
                    <a:pt x="84582" y="8954"/>
                  </a:cubicBezTo>
                  <a:cubicBezTo>
                    <a:pt x="84582" y="13897"/>
                    <a:pt x="80573" y="17907"/>
                    <a:pt x="75628" y="17907"/>
                  </a:cubicBezTo>
                  <a:close/>
                </a:path>
              </a:pathLst>
            </a:custGeom>
            <a:solidFill>
              <a:srgbClr val="265998"/>
            </a:solidFill>
            <a:ln w="9525" cap="flat">
              <a:noFill/>
              <a:prstDash val="solid"/>
              <a:miter/>
            </a:ln>
          </p:spPr>
          <p:txBody>
            <a:bodyPr rtlCol="0" anchor="ctr"/>
            <a:lstStyle/>
            <a:p>
              <a:pPr algn="ctr"/>
              <a:endParaRPr lang="en-AU" sz="153"/>
            </a:p>
          </p:txBody>
        </p:sp>
        <p:sp>
          <p:nvSpPr>
            <p:cNvPr id="20" name="Freeform: Shape 19">
              <a:extLst>
                <a:ext uri="{FF2B5EF4-FFF2-40B4-BE49-F238E27FC236}">
                  <a16:creationId xmlns:a16="http://schemas.microsoft.com/office/drawing/2014/main" id="{CFD9682E-6F27-FA1B-A665-1227C868C966}"/>
                </a:ext>
              </a:extLst>
            </p:cNvPr>
            <p:cNvSpPr/>
            <p:nvPr/>
          </p:nvSpPr>
          <p:spPr>
            <a:xfrm>
              <a:off x="1358075" y="3657440"/>
              <a:ext cx="98107" cy="17907"/>
            </a:xfrm>
            <a:custGeom>
              <a:avLst/>
              <a:gdLst>
                <a:gd name="connsiteX0" fmla="*/ 8953 w 98107"/>
                <a:gd name="connsiteY0" fmla="*/ 17907 h 17907"/>
                <a:gd name="connsiteX1" fmla="*/ 0 w 98107"/>
                <a:gd name="connsiteY1" fmla="*/ 8954 h 17907"/>
                <a:gd name="connsiteX2" fmla="*/ 8953 w 98107"/>
                <a:gd name="connsiteY2" fmla="*/ 0 h 17907"/>
                <a:gd name="connsiteX3" fmla="*/ 89154 w 98107"/>
                <a:gd name="connsiteY3" fmla="*/ 0 h 17907"/>
                <a:gd name="connsiteX4" fmla="*/ 98107 w 98107"/>
                <a:gd name="connsiteY4" fmla="*/ 8954 h 17907"/>
                <a:gd name="connsiteX5" fmla="*/ 89154 w 98107"/>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107" h="17907">
                  <a:moveTo>
                    <a:pt x="8953" y="17907"/>
                  </a:moveTo>
                  <a:cubicBezTo>
                    <a:pt x="4008" y="17907"/>
                    <a:pt x="0" y="13897"/>
                    <a:pt x="0" y="8954"/>
                  </a:cubicBezTo>
                  <a:cubicBezTo>
                    <a:pt x="0" y="4010"/>
                    <a:pt x="4008" y="0"/>
                    <a:pt x="8953" y="0"/>
                  </a:cubicBezTo>
                  <a:lnTo>
                    <a:pt x="89154" y="0"/>
                  </a:lnTo>
                  <a:cubicBezTo>
                    <a:pt x="94099" y="0"/>
                    <a:pt x="98107" y="4010"/>
                    <a:pt x="98107" y="8954"/>
                  </a:cubicBezTo>
                  <a:cubicBezTo>
                    <a:pt x="98107" y="13897"/>
                    <a:pt x="94099" y="17907"/>
                    <a:pt x="89154" y="17907"/>
                  </a:cubicBezTo>
                  <a:close/>
                </a:path>
              </a:pathLst>
            </a:custGeom>
            <a:solidFill>
              <a:srgbClr val="265998"/>
            </a:solidFill>
            <a:ln w="9525" cap="flat">
              <a:noFill/>
              <a:prstDash val="solid"/>
              <a:miter/>
            </a:ln>
          </p:spPr>
          <p:txBody>
            <a:bodyPr rtlCol="0" anchor="ctr"/>
            <a:lstStyle/>
            <a:p>
              <a:pPr algn="ctr"/>
              <a:endParaRPr lang="en-AU" sz="153"/>
            </a:p>
          </p:txBody>
        </p:sp>
        <p:sp>
          <p:nvSpPr>
            <p:cNvPr id="21" name="Freeform: Shape 20">
              <a:extLst>
                <a:ext uri="{FF2B5EF4-FFF2-40B4-BE49-F238E27FC236}">
                  <a16:creationId xmlns:a16="http://schemas.microsoft.com/office/drawing/2014/main" id="{1E39A86D-8A9A-E28E-E734-9C6C9D38088F}"/>
                </a:ext>
              </a:extLst>
            </p:cNvPr>
            <p:cNvSpPr/>
            <p:nvPr/>
          </p:nvSpPr>
          <p:spPr>
            <a:xfrm>
              <a:off x="1278909" y="3553226"/>
              <a:ext cx="257348" cy="234480"/>
            </a:xfrm>
            <a:custGeom>
              <a:avLst/>
              <a:gdLst>
                <a:gd name="connsiteX0" fmla="*/ 39541 w 257348"/>
                <a:gd name="connsiteY0" fmla="*/ 234326 h 234480"/>
                <a:gd name="connsiteX1" fmla="*/ 36016 w 257348"/>
                <a:gd name="connsiteY1" fmla="*/ 232897 h 234480"/>
                <a:gd name="connsiteX2" fmla="*/ 32016 w 257348"/>
                <a:gd name="connsiteY2" fmla="*/ 224039 h 234480"/>
                <a:gd name="connsiteX3" fmla="*/ 41541 w 257348"/>
                <a:gd name="connsiteY3" fmla="*/ 164698 h 234480"/>
                <a:gd name="connsiteX4" fmla="*/ 39922 w 257348"/>
                <a:gd name="connsiteY4" fmla="*/ 160603 h 234480"/>
                <a:gd name="connsiteX5" fmla="*/ 869 w 257348"/>
                <a:gd name="connsiteY5" fmla="*/ 77164 h 234480"/>
                <a:gd name="connsiteX6" fmla="*/ 143173 w 257348"/>
                <a:gd name="connsiteY6" fmla="*/ 1916 h 234480"/>
                <a:gd name="connsiteX7" fmla="*/ 256520 w 257348"/>
                <a:gd name="connsiteY7" fmla="*/ 116216 h 234480"/>
                <a:gd name="connsiteX8" fmla="*/ 114217 w 257348"/>
                <a:gd name="connsiteY8" fmla="*/ 191464 h 234480"/>
                <a:gd name="connsiteX9" fmla="*/ 113550 w 257348"/>
                <a:gd name="connsiteY9" fmla="*/ 191464 h 234480"/>
                <a:gd name="connsiteX10" fmla="*/ 110502 w 257348"/>
                <a:gd name="connsiteY10" fmla="*/ 192130 h 234480"/>
                <a:gd name="connsiteX11" fmla="*/ 46208 w 257348"/>
                <a:gd name="connsiteY11" fmla="*/ 233088 h 234480"/>
                <a:gd name="connsiteX12" fmla="*/ 39541 w 257348"/>
                <a:gd name="connsiteY12" fmla="*/ 234326 h 234480"/>
                <a:gd name="connsiteX13" fmla="*/ 140315 w 257348"/>
                <a:gd name="connsiteY13" fmla="*/ 19632 h 234480"/>
                <a:gd name="connsiteX14" fmla="*/ 18490 w 257348"/>
                <a:gd name="connsiteY14" fmla="*/ 79926 h 234480"/>
                <a:gd name="connsiteX15" fmla="*/ 56590 w 257348"/>
                <a:gd name="connsiteY15" fmla="*/ 150601 h 234480"/>
                <a:gd name="connsiteX16" fmla="*/ 60400 w 257348"/>
                <a:gd name="connsiteY16" fmla="*/ 159364 h 234480"/>
                <a:gd name="connsiteX17" fmla="*/ 54495 w 257348"/>
                <a:gd name="connsiteY17" fmla="*/ 197464 h 234480"/>
                <a:gd name="connsiteX18" fmla="*/ 56495 w 257348"/>
                <a:gd name="connsiteY18" fmla="*/ 201751 h 234480"/>
                <a:gd name="connsiteX19" fmla="*/ 58210 w 257348"/>
                <a:gd name="connsiteY19" fmla="*/ 202417 h 234480"/>
                <a:gd name="connsiteX20" fmla="*/ 61258 w 257348"/>
                <a:gd name="connsiteY20" fmla="*/ 201846 h 234480"/>
                <a:gd name="connsiteX21" fmla="*/ 104882 w 257348"/>
                <a:gd name="connsiteY21" fmla="*/ 174223 h 234480"/>
                <a:gd name="connsiteX22" fmla="*/ 110883 w 257348"/>
                <a:gd name="connsiteY22" fmla="*/ 172890 h 234480"/>
                <a:gd name="connsiteX23" fmla="*/ 110883 w 257348"/>
                <a:gd name="connsiteY23" fmla="*/ 172890 h 234480"/>
                <a:gd name="connsiteX24" fmla="*/ 112883 w 257348"/>
                <a:gd name="connsiteY24" fmla="*/ 172890 h 234480"/>
                <a:gd name="connsiteX25" fmla="*/ 115931 w 257348"/>
                <a:gd name="connsiteY25" fmla="*/ 173461 h 234480"/>
                <a:gd name="connsiteX26" fmla="*/ 237851 w 257348"/>
                <a:gd name="connsiteY26" fmla="*/ 113168 h 234480"/>
                <a:gd name="connsiteX27" fmla="*/ 140315 w 257348"/>
                <a:gd name="connsiteY27" fmla="*/ 19632 h 2344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57348" h="234480">
                  <a:moveTo>
                    <a:pt x="39541" y="234326"/>
                  </a:moveTo>
                  <a:cubicBezTo>
                    <a:pt x="38269" y="234136"/>
                    <a:pt x="37061" y="233650"/>
                    <a:pt x="36016" y="232897"/>
                  </a:cubicBezTo>
                  <a:cubicBezTo>
                    <a:pt x="33164" y="230897"/>
                    <a:pt x="31629" y="227497"/>
                    <a:pt x="32016" y="224039"/>
                  </a:cubicBezTo>
                  <a:lnTo>
                    <a:pt x="41541" y="164698"/>
                  </a:lnTo>
                  <a:cubicBezTo>
                    <a:pt x="41797" y="163136"/>
                    <a:pt x="41175" y="161565"/>
                    <a:pt x="39922" y="160603"/>
                  </a:cubicBezTo>
                  <a:cubicBezTo>
                    <a:pt x="10489" y="137647"/>
                    <a:pt x="-3798" y="107263"/>
                    <a:pt x="869" y="77164"/>
                  </a:cubicBezTo>
                  <a:cubicBezTo>
                    <a:pt x="8775" y="24966"/>
                    <a:pt x="72688" y="-8561"/>
                    <a:pt x="143173" y="1916"/>
                  </a:cubicBezTo>
                  <a:cubicBezTo>
                    <a:pt x="213658" y="12394"/>
                    <a:pt x="264521" y="63924"/>
                    <a:pt x="256520" y="116216"/>
                  </a:cubicBezTo>
                  <a:cubicBezTo>
                    <a:pt x="248519" y="168508"/>
                    <a:pt x="184702" y="201941"/>
                    <a:pt x="114217" y="191464"/>
                  </a:cubicBezTo>
                  <a:lnTo>
                    <a:pt x="113550" y="191464"/>
                  </a:lnTo>
                  <a:cubicBezTo>
                    <a:pt x="112486" y="191292"/>
                    <a:pt x="111398" y="191530"/>
                    <a:pt x="110502" y="192130"/>
                  </a:cubicBezTo>
                  <a:lnTo>
                    <a:pt x="46208" y="233088"/>
                  </a:lnTo>
                  <a:cubicBezTo>
                    <a:pt x="44213" y="234307"/>
                    <a:pt x="41840" y="234745"/>
                    <a:pt x="39541" y="234326"/>
                  </a:cubicBezTo>
                  <a:close/>
                  <a:moveTo>
                    <a:pt x="140315" y="19632"/>
                  </a:moveTo>
                  <a:cubicBezTo>
                    <a:pt x="79641" y="10107"/>
                    <a:pt x="24967" y="37444"/>
                    <a:pt x="18490" y="79926"/>
                  </a:cubicBezTo>
                  <a:cubicBezTo>
                    <a:pt x="14680" y="105167"/>
                    <a:pt x="28873" y="131551"/>
                    <a:pt x="56590" y="150601"/>
                  </a:cubicBezTo>
                  <a:cubicBezTo>
                    <a:pt x="59339" y="152630"/>
                    <a:pt x="60794" y="155974"/>
                    <a:pt x="60400" y="159364"/>
                  </a:cubicBezTo>
                  <a:lnTo>
                    <a:pt x="54495" y="197464"/>
                  </a:lnTo>
                  <a:cubicBezTo>
                    <a:pt x="54291" y="199160"/>
                    <a:pt x="55066" y="200817"/>
                    <a:pt x="56495" y="201751"/>
                  </a:cubicBezTo>
                  <a:cubicBezTo>
                    <a:pt x="57004" y="202113"/>
                    <a:pt x="57592" y="202341"/>
                    <a:pt x="58210" y="202417"/>
                  </a:cubicBezTo>
                  <a:cubicBezTo>
                    <a:pt x="59261" y="202617"/>
                    <a:pt x="60349" y="202408"/>
                    <a:pt x="61258" y="201846"/>
                  </a:cubicBezTo>
                  <a:lnTo>
                    <a:pt x="104882" y="174223"/>
                  </a:lnTo>
                  <a:cubicBezTo>
                    <a:pt x="106625" y="172995"/>
                    <a:pt x="108785" y="172518"/>
                    <a:pt x="110883" y="172890"/>
                  </a:cubicBezTo>
                  <a:lnTo>
                    <a:pt x="110883" y="172890"/>
                  </a:lnTo>
                  <a:lnTo>
                    <a:pt x="112883" y="172890"/>
                  </a:lnTo>
                  <a:lnTo>
                    <a:pt x="115931" y="173461"/>
                  </a:lnTo>
                  <a:cubicBezTo>
                    <a:pt x="176701" y="182986"/>
                    <a:pt x="231279" y="155649"/>
                    <a:pt x="237851" y="113168"/>
                  </a:cubicBezTo>
                  <a:cubicBezTo>
                    <a:pt x="244423" y="70687"/>
                    <a:pt x="200608" y="28967"/>
                    <a:pt x="140315" y="19632"/>
                  </a:cubicBezTo>
                  <a:close/>
                </a:path>
              </a:pathLst>
            </a:custGeom>
            <a:solidFill>
              <a:srgbClr val="265998"/>
            </a:solidFill>
            <a:ln w="9525" cap="flat">
              <a:noFill/>
              <a:prstDash val="solid"/>
              <a:miter/>
            </a:ln>
          </p:spPr>
          <p:txBody>
            <a:bodyPr rtlCol="0" anchor="ctr"/>
            <a:lstStyle/>
            <a:p>
              <a:pPr algn="ctr"/>
              <a:endParaRPr lang="en-AU" sz="153"/>
            </a:p>
          </p:txBody>
        </p:sp>
      </p:grpSp>
      <p:grpSp>
        <p:nvGrpSpPr>
          <p:cNvPr id="57" name="Group 56">
            <a:extLst>
              <a:ext uri="{FF2B5EF4-FFF2-40B4-BE49-F238E27FC236}">
                <a16:creationId xmlns:a16="http://schemas.microsoft.com/office/drawing/2014/main" id="{C8809A9C-B354-05C1-8190-06FE0FAFC68A}"/>
              </a:ext>
            </a:extLst>
          </p:cNvPr>
          <p:cNvGrpSpPr/>
          <p:nvPr/>
        </p:nvGrpSpPr>
        <p:grpSpPr>
          <a:xfrm>
            <a:off x="4326789" y="3303887"/>
            <a:ext cx="3538423" cy="2624332"/>
            <a:chOff x="4214011" y="3449359"/>
            <a:chExt cx="3538423" cy="3071283"/>
          </a:xfrm>
        </p:grpSpPr>
        <p:sp>
          <p:nvSpPr>
            <p:cNvPr id="214" name="Rectangle 213">
              <a:extLst>
                <a:ext uri="{FF2B5EF4-FFF2-40B4-BE49-F238E27FC236}">
                  <a16:creationId xmlns:a16="http://schemas.microsoft.com/office/drawing/2014/main" id="{AA56264A-4DEE-CDBB-DC32-C46CBF7CCCDF}"/>
                </a:ext>
              </a:extLst>
            </p:cNvPr>
            <p:cNvSpPr/>
            <p:nvPr/>
          </p:nvSpPr>
          <p:spPr>
            <a:xfrm>
              <a:off x="4214011" y="3449359"/>
              <a:ext cx="3538423" cy="307128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sp>
          <p:nvSpPr>
            <p:cNvPr id="118" name="TextBox 117">
              <a:extLst>
                <a:ext uri="{FF2B5EF4-FFF2-40B4-BE49-F238E27FC236}">
                  <a16:creationId xmlns:a16="http://schemas.microsoft.com/office/drawing/2014/main" id="{B801633F-FA68-9DFB-A612-5BC05B617F26}"/>
                </a:ext>
              </a:extLst>
            </p:cNvPr>
            <p:cNvSpPr txBox="1"/>
            <p:nvPr/>
          </p:nvSpPr>
          <p:spPr>
            <a:xfrm>
              <a:off x="4380791" y="4797642"/>
              <a:ext cx="3227287" cy="1260679"/>
            </a:xfrm>
            <a:prstGeom prst="rect">
              <a:avLst/>
            </a:prstGeom>
            <a:noFill/>
          </p:spPr>
          <p:txBody>
            <a:bodyPr wrap="square" rtlCol="0">
              <a:spAutoFit/>
            </a:bodyPr>
            <a:lstStyle/>
            <a:p>
              <a:pPr algn="ctr"/>
              <a:r>
                <a:rPr lang="en-US" sz="16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The resulting document should be positioned as an enduring Mental Health Declaration, endorsed by all jurisdictions </a:t>
              </a:r>
            </a:p>
          </p:txBody>
        </p:sp>
        <p:grpSp>
          <p:nvGrpSpPr>
            <p:cNvPr id="22" name="Group 21">
              <a:extLst>
                <a:ext uri="{FF2B5EF4-FFF2-40B4-BE49-F238E27FC236}">
                  <a16:creationId xmlns:a16="http://schemas.microsoft.com/office/drawing/2014/main" id="{4758C73D-5956-9F95-C1AA-DF038167C3FF}"/>
                </a:ext>
              </a:extLst>
            </p:cNvPr>
            <p:cNvGrpSpPr/>
            <p:nvPr/>
          </p:nvGrpSpPr>
          <p:grpSpPr>
            <a:xfrm>
              <a:off x="5800446" y="3673857"/>
              <a:ext cx="591108" cy="661467"/>
              <a:chOff x="1773368" y="2855245"/>
              <a:chExt cx="308892" cy="413387"/>
            </a:xfrm>
          </p:grpSpPr>
          <p:sp>
            <p:nvSpPr>
              <p:cNvPr id="23" name="Freeform: Shape 22">
                <a:extLst>
                  <a:ext uri="{FF2B5EF4-FFF2-40B4-BE49-F238E27FC236}">
                    <a16:creationId xmlns:a16="http://schemas.microsoft.com/office/drawing/2014/main" id="{B8160303-C01E-4441-07E0-3AC070A1D36D}"/>
                  </a:ext>
                </a:extLst>
              </p:cNvPr>
              <p:cNvSpPr/>
              <p:nvPr/>
            </p:nvSpPr>
            <p:spPr>
              <a:xfrm>
                <a:off x="1921097" y="2860198"/>
                <a:ext cx="153162" cy="125158"/>
              </a:xfrm>
              <a:custGeom>
                <a:avLst/>
                <a:gdLst>
                  <a:gd name="connsiteX0" fmla="*/ 286 w 153162"/>
                  <a:gd name="connsiteY0" fmla="*/ 103251 h 125158"/>
                  <a:gd name="connsiteX1" fmla="*/ 38386 w 153162"/>
                  <a:gd name="connsiteY1" fmla="*/ 118777 h 125158"/>
                  <a:gd name="connsiteX2" fmla="*/ 93059 w 153162"/>
                  <a:gd name="connsiteY2" fmla="*/ 112586 h 125158"/>
                  <a:gd name="connsiteX3" fmla="*/ 153162 w 153162"/>
                  <a:gd name="connsiteY3" fmla="*/ 125158 h 125158"/>
                  <a:gd name="connsiteX4" fmla="*/ 153162 w 153162"/>
                  <a:gd name="connsiteY4" fmla="*/ 14383 h 125158"/>
                  <a:gd name="connsiteX5" fmla="*/ 93059 w 153162"/>
                  <a:gd name="connsiteY5" fmla="*/ 1905 h 125158"/>
                  <a:gd name="connsiteX6" fmla="*/ 30766 w 153162"/>
                  <a:gd name="connsiteY6" fmla="*/ 8001 h 125158"/>
                  <a:gd name="connsiteX7" fmla="*/ 0 w 153162"/>
                  <a:gd name="connsiteY7" fmla="*/ 0 h 125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3162" h="125158">
                    <a:moveTo>
                      <a:pt x="286" y="103251"/>
                    </a:moveTo>
                    <a:cubicBezTo>
                      <a:pt x="286" y="103251"/>
                      <a:pt x="25337" y="118777"/>
                      <a:pt x="38386" y="118777"/>
                    </a:cubicBezTo>
                    <a:cubicBezTo>
                      <a:pt x="51435" y="118777"/>
                      <a:pt x="69151" y="112586"/>
                      <a:pt x="93059" y="112586"/>
                    </a:cubicBezTo>
                    <a:cubicBezTo>
                      <a:pt x="113557" y="114148"/>
                      <a:pt x="133760" y="118377"/>
                      <a:pt x="153162" y="125158"/>
                    </a:cubicBezTo>
                    <a:lnTo>
                      <a:pt x="153162" y="14383"/>
                    </a:lnTo>
                    <a:cubicBezTo>
                      <a:pt x="133798" y="7468"/>
                      <a:pt x="113576" y="3267"/>
                      <a:pt x="93059" y="1905"/>
                    </a:cubicBezTo>
                    <a:cubicBezTo>
                      <a:pt x="67627" y="1905"/>
                      <a:pt x="47625" y="8001"/>
                      <a:pt x="30766" y="8001"/>
                    </a:cubicBezTo>
                    <a:cubicBezTo>
                      <a:pt x="20022" y="7772"/>
                      <a:pt x="9487" y="5039"/>
                      <a:pt x="0" y="0"/>
                    </a:cubicBezTo>
                    <a:close/>
                  </a:path>
                </a:pathLst>
              </a:custGeom>
              <a:solidFill>
                <a:srgbClr val="C7E4F1"/>
              </a:solidFill>
              <a:ln w="9525" cap="flat">
                <a:noFill/>
                <a:prstDash val="solid"/>
                <a:miter/>
              </a:ln>
            </p:spPr>
            <p:txBody>
              <a:bodyPr rtlCol="0" anchor="ctr"/>
              <a:lstStyle/>
              <a:p>
                <a:endParaRPr lang="en-AU" sz="153"/>
              </a:p>
            </p:txBody>
          </p:sp>
          <p:sp>
            <p:nvSpPr>
              <p:cNvPr id="24" name="Freeform: Shape 23">
                <a:extLst>
                  <a:ext uri="{FF2B5EF4-FFF2-40B4-BE49-F238E27FC236}">
                    <a16:creationId xmlns:a16="http://schemas.microsoft.com/office/drawing/2014/main" id="{D839595D-2A60-44BC-260F-99913E28A543}"/>
                  </a:ext>
                </a:extLst>
              </p:cNvPr>
              <p:cNvSpPr/>
              <p:nvPr/>
            </p:nvSpPr>
            <p:spPr>
              <a:xfrm>
                <a:off x="1913477" y="2855245"/>
                <a:ext cx="168783" cy="288988"/>
              </a:xfrm>
              <a:custGeom>
                <a:avLst/>
                <a:gdLst>
                  <a:gd name="connsiteX0" fmla="*/ 12001 w 168783"/>
                  <a:gd name="connsiteY0" fmla="*/ 116872 h 288988"/>
                  <a:gd name="connsiteX1" fmla="*/ 12763 w 168783"/>
                  <a:gd name="connsiteY1" fmla="*/ 101537 h 288988"/>
                  <a:gd name="connsiteX2" fmla="*/ 32766 w 168783"/>
                  <a:gd name="connsiteY2" fmla="*/ 111062 h 288988"/>
                  <a:gd name="connsiteX3" fmla="*/ 62865 w 168783"/>
                  <a:gd name="connsiteY3" fmla="*/ 118586 h 288988"/>
                  <a:gd name="connsiteX4" fmla="*/ 78010 w 168783"/>
                  <a:gd name="connsiteY4" fmla="*/ 116300 h 288988"/>
                  <a:gd name="connsiteX5" fmla="*/ 109728 w 168783"/>
                  <a:gd name="connsiteY5" fmla="*/ 112300 h 288988"/>
                  <a:gd name="connsiteX6" fmla="*/ 153353 w 168783"/>
                  <a:gd name="connsiteY6" fmla="*/ 121825 h 288988"/>
                  <a:gd name="connsiteX7" fmla="*/ 153353 w 168783"/>
                  <a:gd name="connsiteY7" fmla="*/ 27527 h 288988"/>
                  <a:gd name="connsiteX8" fmla="*/ 109633 w 168783"/>
                  <a:gd name="connsiteY8" fmla="*/ 17526 h 288988"/>
                  <a:gd name="connsiteX9" fmla="*/ 78962 w 168783"/>
                  <a:gd name="connsiteY9" fmla="*/ 20860 h 288988"/>
                  <a:gd name="connsiteX10" fmla="*/ 56388 w 168783"/>
                  <a:gd name="connsiteY10" fmla="*/ 23622 h 288988"/>
                  <a:gd name="connsiteX11" fmla="*/ 27813 w 168783"/>
                  <a:gd name="connsiteY11" fmla="*/ 15621 h 288988"/>
                  <a:gd name="connsiteX12" fmla="*/ 15621 w 168783"/>
                  <a:gd name="connsiteY12" fmla="*/ 15621 h 288988"/>
                  <a:gd name="connsiteX13" fmla="*/ 15621 w 168783"/>
                  <a:gd name="connsiteY13" fmla="*/ 281178 h 288988"/>
                  <a:gd name="connsiteX14" fmla="*/ 7811 w 168783"/>
                  <a:gd name="connsiteY14" fmla="*/ 288989 h 288988"/>
                  <a:gd name="connsiteX15" fmla="*/ 0 w 168783"/>
                  <a:gd name="connsiteY15" fmla="*/ 281178 h 288988"/>
                  <a:gd name="connsiteX16" fmla="*/ 0 w 168783"/>
                  <a:gd name="connsiteY16" fmla="*/ 7811 h 288988"/>
                  <a:gd name="connsiteX17" fmla="*/ 7811 w 168783"/>
                  <a:gd name="connsiteY17" fmla="*/ 0 h 288988"/>
                  <a:gd name="connsiteX18" fmla="*/ 30004 w 168783"/>
                  <a:gd name="connsiteY18" fmla="*/ 0 h 288988"/>
                  <a:gd name="connsiteX19" fmla="*/ 34290 w 168783"/>
                  <a:gd name="connsiteY19" fmla="*/ 1334 h 288988"/>
                  <a:gd name="connsiteX20" fmla="*/ 56293 w 168783"/>
                  <a:gd name="connsiteY20" fmla="*/ 8096 h 288988"/>
                  <a:gd name="connsiteX21" fmla="*/ 76200 w 168783"/>
                  <a:gd name="connsiteY21" fmla="*/ 5620 h 288988"/>
                  <a:gd name="connsiteX22" fmla="*/ 109538 w 168783"/>
                  <a:gd name="connsiteY22" fmla="*/ 1905 h 288988"/>
                  <a:gd name="connsiteX23" fmla="*/ 164021 w 168783"/>
                  <a:gd name="connsiteY23" fmla="*/ 15050 h 288988"/>
                  <a:gd name="connsiteX24" fmla="*/ 168783 w 168783"/>
                  <a:gd name="connsiteY24" fmla="*/ 22193 h 288988"/>
                  <a:gd name="connsiteX25" fmla="*/ 168783 w 168783"/>
                  <a:gd name="connsiteY25" fmla="*/ 133064 h 288988"/>
                  <a:gd name="connsiteX26" fmla="*/ 165354 w 168783"/>
                  <a:gd name="connsiteY26" fmla="*/ 139446 h 288988"/>
                  <a:gd name="connsiteX27" fmla="*/ 158020 w 168783"/>
                  <a:gd name="connsiteY27" fmla="*/ 140208 h 288988"/>
                  <a:gd name="connsiteX28" fmla="*/ 109633 w 168783"/>
                  <a:gd name="connsiteY28" fmla="*/ 128111 h 288988"/>
                  <a:gd name="connsiteX29" fmla="*/ 81058 w 168783"/>
                  <a:gd name="connsiteY29" fmla="*/ 131826 h 288988"/>
                  <a:gd name="connsiteX30" fmla="*/ 62675 w 168783"/>
                  <a:gd name="connsiteY30" fmla="*/ 134398 h 288988"/>
                  <a:gd name="connsiteX31" fmla="*/ 37624 w 168783"/>
                  <a:gd name="connsiteY31" fmla="*/ 129445 h 288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68783" h="288988">
                    <a:moveTo>
                      <a:pt x="12001" y="116872"/>
                    </a:moveTo>
                    <a:cubicBezTo>
                      <a:pt x="12001" y="114300"/>
                      <a:pt x="10668" y="102965"/>
                      <a:pt x="12763" y="101537"/>
                    </a:cubicBezTo>
                    <a:cubicBezTo>
                      <a:pt x="14859" y="100108"/>
                      <a:pt x="30385" y="110300"/>
                      <a:pt x="32766" y="111062"/>
                    </a:cubicBezTo>
                    <a:cubicBezTo>
                      <a:pt x="42434" y="114853"/>
                      <a:pt x="52549" y="117377"/>
                      <a:pt x="62865" y="118586"/>
                    </a:cubicBezTo>
                    <a:cubicBezTo>
                      <a:pt x="67970" y="118301"/>
                      <a:pt x="73047" y="117539"/>
                      <a:pt x="78010" y="116300"/>
                    </a:cubicBezTo>
                    <a:cubicBezTo>
                      <a:pt x="88411" y="113824"/>
                      <a:pt x="99041" y="112481"/>
                      <a:pt x="109728" y="112300"/>
                    </a:cubicBezTo>
                    <a:cubicBezTo>
                      <a:pt x="124654" y="113319"/>
                      <a:pt x="139360" y="116529"/>
                      <a:pt x="153353" y="121825"/>
                    </a:cubicBezTo>
                    <a:lnTo>
                      <a:pt x="153353" y="27527"/>
                    </a:lnTo>
                    <a:cubicBezTo>
                      <a:pt x="139379" y="21965"/>
                      <a:pt x="124635" y="18583"/>
                      <a:pt x="109633" y="17526"/>
                    </a:cubicBezTo>
                    <a:cubicBezTo>
                      <a:pt x="99336" y="17764"/>
                      <a:pt x="89068" y="18879"/>
                      <a:pt x="78962" y="20860"/>
                    </a:cubicBezTo>
                    <a:cubicBezTo>
                      <a:pt x="71533" y="22441"/>
                      <a:pt x="63979" y="23365"/>
                      <a:pt x="56388" y="23622"/>
                    </a:cubicBezTo>
                    <a:cubicBezTo>
                      <a:pt x="46339" y="23393"/>
                      <a:pt x="36519" y="20641"/>
                      <a:pt x="27813" y="15621"/>
                    </a:cubicBezTo>
                    <a:lnTo>
                      <a:pt x="15621" y="15621"/>
                    </a:lnTo>
                    <a:lnTo>
                      <a:pt x="15621" y="281178"/>
                    </a:lnTo>
                    <a:cubicBezTo>
                      <a:pt x="15621" y="285493"/>
                      <a:pt x="12125" y="288989"/>
                      <a:pt x="7811" y="288989"/>
                    </a:cubicBezTo>
                    <a:cubicBezTo>
                      <a:pt x="3496" y="288989"/>
                      <a:pt x="0" y="285493"/>
                      <a:pt x="0" y="281178"/>
                    </a:cubicBezTo>
                    <a:lnTo>
                      <a:pt x="0" y="7811"/>
                    </a:lnTo>
                    <a:cubicBezTo>
                      <a:pt x="0" y="3496"/>
                      <a:pt x="3496" y="0"/>
                      <a:pt x="7811" y="0"/>
                    </a:cubicBezTo>
                    <a:lnTo>
                      <a:pt x="30004" y="0"/>
                    </a:lnTo>
                    <a:cubicBezTo>
                      <a:pt x="31537" y="0"/>
                      <a:pt x="33023" y="467"/>
                      <a:pt x="34290" y="1334"/>
                    </a:cubicBezTo>
                    <a:cubicBezTo>
                      <a:pt x="40910" y="5467"/>
                      <a:pt x="48492" y="7801"/>
                      <a:pt x="56293" y="8096"/>
                    </a:cubicBezTo>
                    <a:cubicBezTo>
                      <a:pt x="62989" y="7820"/>
                      <a:pt x="69647" y="6991"/>
                      <a:pt x="76200" y="5620"/>
                    </a:cubicBezTo>
                    <a:cubicBezTo>
                      <a:pt x="87173" y="3372"/>
                      <a:pt x="98336" y="2124"/>
                      <a:pt x="109538" y="1905"/>
                    </a:cubicBezTo>
                    <a:cubicBezTo>
                      <a:pt x="128292" y="3296"/>
                      <a:pt x="146695" y="7734"/>
                      <a:pt x="164021" y="15050"/>
                    </a:cubicBezTo>
                    <a:cubicBezTo>
                      <a:pt x="166887" y="16269"/>
                      <a:pt x="168764" y="19079"/>
                      <a:pt x="168783" y="22193"/>
                    </a:cubicBezTo>
                    <a:lnTo>
                      <a:pt x="168783" y="133064"/>
                    </a:lnTo>
                    <a:cubicBezTo>
                      <a:pt x="168754" y="135627"/>
                      <a:pt x="167478" y="138008"/>
                      <a:pt x="165354" y="139446"/>
                    </a:cubicBezTo>
                    <a:cubicBezTo>
                      <a:pt x="163211" y="140961"/>
                      <a:pt x="160430" y="141256"/>
                      <a:pt x="158020" y="140208"/>
                    </a:cubicBezTo>
                    <a:cubicBezTo>
                      <a:pt x="142570" y="133836"/>
                      <a:pt x="126263" y="129759"/>
                      <a:pt x="109633" y="128111"/>
                    </a:cubicBezTo>
                    <a:cubicBezTo>
                      <a:pt x="100003" y="128311"/>
                      <a:pt x="90421" y="129559"/>
                      <a:pt x="81058" y="131826"/>
                    </a:cubicBezTo>
                    <a:cubicBezTo>
                      <a:pt x="75028" y="133255"/>
                      <a:pt x="68866" y="134122"/>
                      <a:pt x="62675" y="134398"/>
                    </a:cubicBezTo>
                    <a:cubicBezTo>
                      <a:pt x="54140" y="133864"/>
                      <a:pt x="45720" y="132198"/>
                      <a:pt x="37624" y="129445"/>
                    </a:cubicBezTo>
                  </a:path>
                </a:pathLst>
              </a:custGeom>
              <a:solidFill>
                <a:srgbClr val="265998"/>
              </a:solidFill>
              <a:ln w="9525" cap="flat">
                <a:noFill/>
                <a:prstDash val="solid"/>
                <a:miter/>
              </a:ln>
            </p:spPr>
            <p:txBody>
              <a:bodyPr rtlCol="0" anchor="ctr"/>
              <a:lstStyle/>
              <a:p>
                <a:endParaRPr lang="en-AU" sz="153"/>
              </a:p>
            </p:txBody>
          </p:sp>
          <p:sp>
            <p:nvSpPr>
              <p:cNvPr id="25" name="Freeform: Shape 24">
                <a:extLst>
                  <a:ext uri="{FF2B5EF4-FFF2-40B4-BE49-F238E27FC236}">
                    <a16:creationId xmlns:a16="http://schemas.microsoft.com/office/drawing/2014/main" id="{BA90C0B7-B661-749D-244E-494402EF3030}"/>
                  </a:ext>
                </a:extLst>
              </p:cNvPr>
              <p:cNvSpPr/>
              <p:nvPr/>
            </p:nvSpPr>
            <p:spPr>
              <a:xfrm>
                <a:off x="1943094" y="3045841"/>
                <a:ext cx="126944" cy="222791"/>
              </a:xfrm>
              <a:custGeom>
                <a:avLst/>
                <a:gdLst>
                  <a:gd name="connsiteX0" fmla="*/ 119258 w 126944"/>
                  <a:gd name="connsiteY0" fmla="*/ 222790 h 222791"/>
                  <a:gd name="connsiteX1" fmla="*/ 114591 w 126944"/>
                  <a:gd name="connsiteY1" fmla="*/ 221171 h 222791"/>
                  <a:gd name="connsiteX2" fmla="*/ 2767 w 126944"/>
                  <a:gd name="connsiteY2" fmla="*/ 135446 h 222791"/>
                  <a:gd name="connsiteX3" fmla="*/ 5 w 126944"/>
                  <a:gd name="connsiteY3" fmla="*/ 129159 h 222791"/>
                  <a:gd name="connsiteX4" fmla="*/ 5 w 126944"/>
                  <a:gd name="connsiteY4" fmla="*/ 7810 h 222791"/>
                  <a:gd name="connsiteX5" fmla="*/ 7720 w 126944"/>
                  <a:gd name="connsiteY5" fmla="*/ 0 h 222791"/>
                  <a:gd name="connsiteX6" fmla="*/ 15531 w 126944"/>
                  <a:gd name="connsiteY6" fmla="*/ 7810 h 222791"/>
                  <a:gd name="connsiteX7" fmla="*/ 15531 w 126944"/>
                  <a:gd name="connsiteY7" fmla="*/ 125254 h 222791"/>
                  <a:gd name="connsiteX8" fmla="*/ 123830 w 126944"/>
                  <a:gd name="connsiteY8" fmla="*/ 208883 h 222791"/>
                  <a:gd name="connsiteX9" fmla="*/ 125421 w 126944"/>
                  <a:gd name="connsiteY9" fmla="*/ 219675 h 222791"/>
                  <a:gd name="connsiteX10" fmla="*/ 119068 w 126944"/>
                  <a:gd name="connsiteY10" fmla="*/ 222790 h 2227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944" h="222791">
                    <a:moveTo>
                      <a:pt x="119258" y="222790"/>
                    </a:moveTo>
                    <a:cubicBezTo>
                      <a:pt x="117563" y="222809"/>
                      <a:pt x="115915" y="222237"/>
                      <a:pt x="114591" y="221171"/>
                    </a:cubicBezTo>
                    <a:lnTo>
                      <a:pt x="2767" y="135446"/>
                    </a:lnTo>
                    <a:cubicBezTo>
                      <a:pt x="939" y="133883"/>
                      <a:pt x="-81" y="131569"/>
                      <a:pt x="5" y="129159"/>
                    </a:cubicBezTo>
                    <a:lnTo>
                      <a:pt x="5" y="7810"/>
                    </a:lnTo>
                    <a:cubicBezTo>
                      <a:pt x="5" y="3534"/>
                      <a:pt x="3443" y="48"/>
                      <a:pt x="7720" y="0"/>
                    </a:cubicBezTo>
                    <a:cubicBezTo>
                      <a:pt x="12035" y="0"/>
                      <a:pt x="15531" y="3496"/>
                      <a:pt x="15531" y="7810"/>
                    </a:cubicBezTo>
                    <a:lnTo>
                      <a:pt x="15531" y="125254"/>
                    </a:lnTo>
                    <a:lnTo>
                      <a:pt x="123830" y="208883"/>
                    </a:lnTo>
                    <a:cubicBezTo>
                      <a:pt x="127249" y="211426"/>
                      <a:pt x="127964" y="216256"/>
                      <a:pt x="125421" y="219675"/>
                    </a:cubicBezTo>
                    <a:cubicBezTo>
                      <a:pt x="123935" y="221685"/>
                      <a:pt x="121563" y="222837"/>
                      <a:pt x="119068" y="222790"/>
                    </a:cubicBezTo>
                    <a:close/>
                  </a:path>
                </a:pathLst>
              </a:custGeom>
              <a:solidFill>
                <a:srgbClr val="265998"/>
              </a:solidFill>
              <a:ln w="9525" cap="flat">
                <a:noFill/>
                <a:prstDash val="solid"/>
                <a:miter/>
              </a:ln>
            </p:spPr>
            <p:txBody>
              <a:bodyPr rtlCol="0" anchor="ctr"/>
              <a:lstStyle/>
              <a:p>
                <a:endParaRPr lang="en-AU" sz="153"/>
              </a:p>
            </p:txBody>
          </p:sp>
          <p:sp>
            <p:nvSpPr>
              <p:cNvPr id="26" name="Freeform: Shape 25">
                <a:extLst>
                  <a:ext uri="{FF2B5EF4-FFF2-40B4-BE49-F238E27FC236}">
                    <a16:creationId xmlns:a16="http://schemas.microsoft.com/office/drawing/2014/main" id="{213DA888-D7E4-B0DD-200D-18B82AD80390}"/>
                  </a:ext>
                </a:extLst>
              </p:cNvPr>
              <p:cNvSpPr/>
              <p:nvPr/>
            </p:nvSpPr>
            <p:spPr>
              <a:xfrm>
                <a:off x="1773368" y="3045841"/>
                <a:ext cx="127345" cy="222789"/>
              </a:xfrm>
              <a:custGeom>
                <a:avLst/>
                <a:gdLst>
                  <a:gd name="connsiteX0" fmla="*/ 7806 w 127345"/>
                  <a:gd name="connsiteY0" fmla="*/ 222790 h 222789"/>
                  <a:gd name="connsiteX1" fmla="*/ 1615 w 127345"/>
                  <a:gd name="connsiteY1" fmla="*/ 219742 h 222789"/>
                  <a:gd name="connsiteX2" fmla="*/ 2996 w 127345"/>
                  <a:gd name="connsiteY2" fmla="*/ 208921 h 222789"/>
                  <a:gd name="connsiteX3" fmla="*/ 3044 w 127345"/>
                  <a:gd name="connsiteY3" fmla="*/ 208883 h 222789"/>
                  <a:gd name="connsiteX4" fmla="*/ 111819 w 127345"/>
                  <a:gd name="connsiteY4" fmla="*/ 125254 h 222789"/>
                  <a:gd name="connsiteX5" fmla="*/ 111819 w 127345"/>
                  <a:gd name="connsiteY5" fmla="*/ 7810 h 222789"/>
                  <a:gd name="connsiteX6" fmla="*/ 119535 w 127345"/>
                  <a:gd name="connsiteY6" fmla="*/ 0 h 222789"/>
                  <a:gd name="connsiteX7" fmla="*/ 127345 w 127345"/>
                  <a:gd name="connsiteY7" fmla="*/ 7810 h 222789"/>
                  <a:gd name="connsiteX8" fmla="*/ 127345 w 127345"/>
                  <a:gd name="connsiteY8" fmla="*/ 129159 h 222789"/>
                  <a:gd name="connsiteX9" fmla="*/ 124297 w 127345"/>
                  <a:gd name="connsiteY9" fmla="*/ 135350 h 222789"/>
                  <a:gd name="connsiteX10" fmla="*/ 12569 w 127345"/>
                  <a:gd name="connsiteY10" fmla="*/ 221075 h 222789"/>
                  <a:gd name="connsiteX11" fmla="*/ 7806 w 127345"/>
                  <a:gd name="connsiteY11" fmla="*/ 222790 h 2227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7345" h="222789">
                    <a:moveTo>
                      <a:pt x="7806" y="222790"/>
                    </a:moveTo>
                    <a:cubicBezTo>
                      <a:pt x="5377" y="222790"/>
                      <a:pt x="3091" y="221666"/>
                      <a:pt x="1615" y="219742"/>
                    </a:cubicBezTo>
                    <a:cubicBezTo>
                      <a:pt x="-995" y="216370"/>
                      <a:pt x="-376" y="211522"/>
                      <a:pt x="2996" y="208921"/>
                    </a:cubicBezTo>
                    <a:cubicBezTo>
                      <a:pt x="3015" y="208902"/>
                      <a:pt x="3025" y="208893"/>
                      <a:pt x="3044" y="208883"/>
                    </a:cubicBezTo>
                    <a:lnTo>
                      <a:pt x="111819" y="125254"/>
                    </a:lnTo>
                    <a:lnTo>
                      <a:pt x="111819" y="7810"/>
                    </a:lnTo>
                    <a:cubicBezTo>
                      <a:pt x="111819" y="3534"/>
                      <a:pt x="115258" y="48"/>
                      <a:pt x="119535" y="0"/>
                    </a:cubicBezTo>
                    <a:cubicBezTo>
                      <a:pt x="123849" y="0"/>
                      <a:pt x="127345" y="3496"/>
                      <a:pt x="127345" y="7810"/>
                    </a:cubicBezTo>
                    <a:lnTo>
                      <a:pt x="127345" y="129159"/>
                    </a:lnTo>
                    <a:cubicBezTo>
                      <a:pt x="127316" y="131578"/>
                      <a:pt x="126193" y="133855"/>
                      <a:pt x="124297" y="135350"/>
                    </a:cubicBezTo>
                    <a:lnTo>
                      <a:pt x="12569" y="221075"/>
                    </a:lnTo>
                    <a:cubicBezTo>
                      <a:pt x="11226" y="222171"/>
                      <a:pt x="9540" y="222780"/>
                      <a:pt x="7806" y="222790"/>
                    </a:cubicBezTo>
                    <a:close/>
                  </a:path>
                </a:pathLst>
              </a:custGeom>
              <a:solidFill>
                <a:srgbClr val="265998"/>
              </a:solidFill>
              <a:ln w="9525" cap="flat">
                <a:noFill/>
                <a:prstDash val="solid"/>
                <a:miter/>
              </a:ln>
            </p:spPr>
            <p:txBody>
              <a:bodyPr rtlCol="0" anchor="ctr"/>
              <a:lstStyle/>
              <a:p>
                <a:endParaRPr lang="en-AU" sz="153"/>
              </a:p>
            </p:txBody>
          </p:sp>
        </p:grpSp>
      </p:grpSp>
      <p:sp>
        <p:nvSpPr>
          <p:cNvPr id="215" name="Rectangle 214">
            <a:extLst>
              <a:ext uri="{FF2B5EF4-FFF2-40B4-BE49-F238E27FC236}">
                <a16:creationId xmlns:a16="http://schemas.microsoft.com/office/drawing/2014/main" id="{577E2D59-0AE5-8CFC-5372-698D3500A017}"/>
              </a:ext>
            </a:extLst>
          </p:cNvPr>
          <p:cNvSpPr/>
          <p:nvPr/>
        </p:nvSpPr>
        <p:spPr>
          <a:xfrm>
            <a:off x="8084392" y="3283528"/>
            <a:ext cx="3538423" cy="262433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400">
              <a:solidFill>
                <a:prstClr val="white"/>
              </a:solidFill>
            </a:endParaRPr>
          </a:p>
        </p:txBody>
      </p:sp>
      <p:sp>
        <p:nvSpPr>
          <p:cNvPr id="119" name="Rectangle 118">
            <a:extLst>
              <a:ext uri="{FF2B5EF4-FFF2-40B4-BE49-F238E27FC236}">
                <a16:creationId xmlns:a16="http://schemas.microsoft.com/office/drawing/2014/main" id="{545A7C04-9E90-0400-6166-544C8B5D2C59}"/>
              </a:ext>
            </a:extLst>
          </p:cNvPr>
          <p:cNvSpPr/>
          <p:nvPr/>
        </p:nvSpPr>
        <p:spPr>
          <a:xfrm>
            <a:off x="8295025" y="4579070"/>
            <a:ext cx="3117156" cy="830997"/>
          </a:xfrm>
          <a:prstGeom prst="rect">
            <a:avLst/>
          </a:prstGeom>
          <a:noFill/>
        </p:spPr>
        <p:txBody>
          <a:bodyPr wrap="square">
            <a:spAutoFit/>
          </a:bodyPr>
          <a:lstStyle/>
          <a:p>
            <a:pPr algn="ctr"/>
            <a:r>
              <a:rPr lang="en-US" sz="1600">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rPr>
              <a:t>The declaration should be refreshed every 10 years to remain up to date</a:t>
            </a:r>
          </a:p>
        </p:txBody>
      </p:sp>
      <p:sp>
        <p:nvSpPr>
          <p:cNvPr id="4" name="Slide Number Placeholder 3">
            <a:extLst>
              <a:ext uri="{FF2B5EF4-FFF2-40B4-BE49-F238E27FC236}">
                <a16:creationId xmlns:a16="http://schemas.microsoft.com/office/drawing/2014/main" id="{863C9D33-B6CF-2B9B-2E9E-D66BEE3BDEB5}"/>
              </a:ext>
            </a:extLst>
          </p:cNvPr>
          <p:cNvSpPr>
            <a:spLocks noGrp="1"/>
          </p:cNvSpPr>
          <p:nvPr>
            <p:ph type="sldNum" sz="quarter" idx="4"/>
          </p:nvPr>
        </p:nvSpPr>
        <p:spPr>
          <a:xfrm>
            <a:off x="10776470" y="6192606"/>
            <a:ext cx="829041" cy="365125"/>
          </a:xfrm>
        </p:spPr>
        <p:txBody>
          <a:bodyPr/>
          <a:lstStyle/>
          <a:p>
            <a:fld id="{3FE8A0A5-0893-3B4E-9EB9-FE67329D76D6}" type="slidenum">
              <a:rPr lang="en-US" smtClean="0"/>
              <a:pPr/>
              <a:t>32</a:t>
            </a:fld>
            <a:endParaRPr lang="en-US"/>
          </a:p>
        </p:txBody>
      </p:sp>
      <p:grpSp>
        <p:nvGrpSpPr>
          <p:cNvPr id="6" name="Group 5">
            <a:extLst>
              <a:ext uri="{FF2B5EF4-FFF2-40B4-BE49-F238E27FC236}">
                <a16:creationId xmlns:a16="http://schemas.microsoft.com/office/drawing/2014/main" id="{BF2D79C1-E055-59AF-AF4B-C42096FB4F88}"/>
              </a:ext>
            </a:extLst>
          </p:cNvPr>
          <p:cNvGrpSpPr/>
          <p:nvPr/>
        </p:nvGrpSpPr>
        <p:grpSpPr>
          <a:xfrm>
            <a:off x="6166084" y="1235909"/>
            <a:ext cx="5456731" cy="1858739"/>
            <a:chOff x="906918" y="1537295"/>
            <a:chExt cx="9811019" cy="1776308"/>
          </a:xfrm>
        </p:grpSpPr>
        <p:sp>
          <p:nvSpPr>
            <p:cNvPr id="12" name="Rectangle 11">
              <a:extLst>
                <a:ext uri="{FF2B5EF4-FFF2-40B4-BE49-F238E27FC236}">
                  <a16:creationId xmlns:a16="http://schemas.microsoft.com/office/drawing/2014/main" id="{23599A87-8D25-9BF6-84E1-F76B17634B74}"/>
                </a:ext>
              </a:extLst>
            </p:cNvPr>
            <p:cNvSpPr/>
            <p:nvPr/>
          </p:nvSpPr>
          <p:spPr>
            <a:xfrm>
              <a:off x="906918" y="1692539"/>
              <a:ext cx="9811019" cy="1621064"/>
            </a:xfrm>
            <a:prstGeom prst="rect">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400" b="1">
                <a:solidFill>
                  <a:schemeClr val="tx1"/>
                </a:solidFill>
                <a:latin typeface="Arial" panose="020B0604020202020204" pitchFamily="34" charset="0"/>
                <a:cs typeface="Arial" panose="020B0604020202020204" pitchFamily="34" charset="0"/>
              </a:endParaRPr>
            </a:p>
          </p:txBody>
        </p:sp>
        <p:sp>
          <p:nvSpPr>
            <p:cNvPr id="13" name="TextBox 12">
              <a:extLst>
                <a:ext uri="{FF2B5EF4-FFF2-40B4-BE49-F238E27FC236}">
                  <a16:creationId xmlns:a16="http://schemas.microsoft.com/office/drawing/2014/main" id="{CE0AAD84-0371-83D1-D1F0-6EA255591A03}"/>
                </a:ext>
              </a:extLst>
            </p:cNvPr>
            <p:cNvSpPr txBox="1"/>
            <p:nvPr/>
          </p:nvSpPr>
          <p:spPr>
            <a:xfrm>
              <a:off x="1547010" y="1856962"/>
              <a:ext cx="8597245" cy="959415"/>
            </a:xfrm>
            <a:prstGeom prst="roundRect">
              <a:avLst>
                <a:gd name="adj" fmla="val 6160"/>
              </a:avLst>
            </a:prstGeom>
            <a:solidFill>
              <a:schemeClr val="accent2">
                <a:lumMod val="20000"/>
                <a:lumOff val="80000"/>
              </a:schemeClr>
            </a:solidFill>
          </p:spPr>
          <p:txBody>
            <a:bodyPr wrap="square" lIns="108000" tIns="108000" rIns="108000" bIns="108000" rtlCol="0" anchor="ctr">
              <a:noAutofit/>
            </a:bodyPr>
            <a:lstStyle/>
            <a:p>
              <a:r>
                <a:rPr lang="en-US" sz="1400" b="0" i="0" u="none" strike="noStrike" baseline="0">
                  <a:solidFill>
                    <a:srgbClr val="57575B"/>
                  </a:solidFill>
                  <a:latin typeface="Arial" panose="020B0604020202020204" pitchFamily="34" charset="0"/>
                </a:rPr>
                <a:t>The numerous isolated initiatives and outputs in the Agreement fail to form a functional system due to the absence of a cohesive strategy and coordinated implementation framework </a:t>
              </a:r>
              <a:endParaRPr lang="en-AU" sz="1400"/>
            </a:p>
          </p:txBody>
        </p:sp>
        <p:sp>
          <p:nvSpPr>
            <p:cNvPr id="36" name="TextBox 35">
              <a:extLst>
                <a:ext uri="{FF2B5EF4-FFF2-40B4-BE49-F238E27FC236}">
                  <a16:creationId xmlns:a16="http://schemas.microsoft.com/office/drawing/2014/main" id="{1EDA80F9-C9DF-DFBA-66AD-ACD8C79D92D2}"/>
                </a:ext>
              </a:extLst>
            </p:cNvPr>
            <p:cNvSpPr txBox="1"/>
            <p:nvPr/>
          </p:nvSpPr>
          <p:spPr>
            <a:xfrm>
              <a:off x="1434504" y="2824920"/>
              <a:ext cx="6082795" cy="294128"/>
            </a:xfrm>
            <a:prstGeom prst="rect">
              <a:avLst/>
            </a:prstGeom>
            <a:noFill/>
          </p:spPr>
          <p:txBody>
            <a:bodyPr wrap="square">
              <a:spAutoFit/>
            </a:bodyPr>
            <a:lstStyle/>
            <a:p>
              <a:r>
                <a:rPr lang="en-US" sz="1400" err="1"/>
                <a:t>yourtown</a:t>
              </a:r>
              <a:r>
                <a:rPr lang="en-US" sz="1400"/>
                <a:t>, submission no 126</a:t>
              </a:r>
              <a:endParaRPr lang="en-AU" sz="1400"/>
            </a:p>
          </p:txBody>
        </p:sp>
        <p:sp>
          <p:nvSpPr>
            <p:cNvPr id="37" name="TextBox 36">
              <a:extLst>
                <a:ext uri="{FF2B5EF4-FFF2-40B4-BE49-F238E27FC236}">
                  <a16:creationId xmlns:a16="http://schemas.microsoft.com/office/drawing/2014/main" id="{BEF4E578-50C6-9BB4-4FDA-A199E292F1E1}"/>
                </a:ext>
              </a:extLst>
            </p:cNvPr>
            <p:cNvSpPr txBox="1"/>
            <p:nvPr/>
          </p:nvSpPr>
          <p:spPr>
            <a:xfrm>
              <a:off x="1048360" y="1537295"/>
              <a:ext cx="901955" cy="474912"/>
            </a:xfrm>
            <a:prstGeom prst="rect">
              <a:avLst/>
            </a:prstGeom>
            <a:noFill/>
          </p:spPr>
          <p:txBody>
            <a:bodyPr wrap="square">
              <a:noAutofit/>
            </a:bodyPr>
            <a:lstStyle/>
            <a:p>
              <a:r>
                <a:rPr lang="en-US" sz="7200">
                  <a:solidFill>
                    <a:schemeClr val="accent2">
                      <a:lumMod val="75000"/>
                    </a:schemeClr>
                  </a:solidFill>
                  <a:latin typeface="Arial" panose="020B0604020202020204" pitchFamily="34" charset="0"/>
                  <a:cs typeface="Arial" panose="020B0604020202020204" pitchFamily="34" charset="0"/>
                </a:rPr>
                <a:t>“</a:t>
              </a:r>
            </a:p>
          </p:txBody>
        </p:sp>
        <p:sp>
          <p:nvSpPr>
            <p:cNvPr id="40" name="TextBox 39">
              <a:extLst>
                <a:ext uri="{FF2B5EF4-FFF2-40B4-BE49-F238E27FC236}">
                  <a16:creationId xmlns:a16="http://schemas.microsoft.com/office/drawing/2014/main" id="{2F29343E-FA50-C7A9-EC3D-E0CACB5C77D6}"/>
                </a:ext>
              </a:extLst>
            </p:cNvPr>
            <p:cNvSpPr txBox="1"/>
            <p:nvPr/>
          </p:nvSpPr>
          <p:spPr>
            <a:xfrm>
              <a:off x="9508049" y="2459518"/>
              <a:ext cx="636205" cy="473062"/>
            </a:xfrm>
            <a:prstGeom prst="rect">
              <a:avLst/>
            </a:prstGeom>
            <a:noFill/>
          </p:spPr>
          <p:txBody>
            <a:bodyPr wrap="square">
              <a:noAutofit/>
            </a:bodyPr>
            <a:lstStyle/>
            <a:p>
              <a:r>
                <a:rPr lang="en-US" sz="7200">
                  <a:solidFill>
                    <a:schemeClr val="accent2">
                      <a:lumMod val="75000"/>
                    </a:schemeClr>
                  </a:solidFill>
                  <a:latin typeface="Arial" panose="020B0604020202020204" pitchFamily="34" charset="0"/>
                  <a:cs typeface="Arial" panose="020B0604020202020204" pitchFamily="34" charset="0"/>
                </a:rPr>
                <a:t>”</a:t>
              </a:r>
            </a:p>
          </p:txBody>
        </p:sp>
      </p:grpSp>
      <p:grpSp>
        <p:nvGrpSpPr>
          <p:cNvPr id="44" name="Group 43">
            <a:extLst>
              <a:ext uri="{FF2B5EF4-FFF2-40B4-BE49-F238E27FC236}">
                <a16:creationId xmlns:a16="http://schemas.microsoft.com/office/drawing/2014/main" id="{32B4AFBC-1484-8219-4D11-165B215CF7FF}"/>
              </a:ext>
            </a:extLst>
          </p:cNvPr>
          <p:cNvGrpSpPr/>
          <p:nvPr/>
        </p:nvGrpSpPr>
        <p:grpSpPr>
          <a:xfrm>
            <a:off x="9512665" y="3536309"/>
            <a:ext cx="624222" cy="624707"/>
            <a:chOff x="2130361" y="2839720"/>
            <a:chExt cx="419059" cy="419385"/>
          </a:xfrm>
        </p:grpSpPr>
        <p:sp>
          <p:nvSpPr>
            <p:cNvPr id="45" name="Graphic 256">
              <a:extLst>
                <a:ext uri="{FF2B5EF4-FFF2-40B4-BE49-F238E27FC236}">
                  <a16:creationId xmlns:a16="http://schemas.microsoft.com/office/drawing/2014/main" id="{596A5253-C970-2EB9-4689-85A18CB01444}"/>
                </a:ext>
              </a:extLst>
            </p:cNvPr>
            <p:cNvSpPr/>
            <p:nvPr/>
          </p:nvSpPr>
          <p:spPr>
            <a:xfrm>
              <a:off x="2366486" y="2848006"/>
              <a:ext cx="93249" cy="94297"/>
            </a:xfrm>
            <a:custGeom>
              <a:avLst/>
              <a:gdLst>
                <a:gd name="connsiteX0" fmla="*/ 0 w 93249"/>
                <a:gd name="connsiteY0" fmla="*/ 0 h 94297"/>
                <a:gd name="connsiteX1" fmla="*/ 0 w 93249"/>
                <a:gd name="connsiteY1" fmla="*/ 94298 h 94297"/>
                <a:gd name="connsiteX2" fmla="*/ 93250 w 93249"/>
                <a:gd name="connsiteY2" fmla="*/ 94298 h 94297"/>
                <a:gd name="connsiteX3" fmla="*/ 93250 w 93249"/>
                <a:gd name="connsiteY3" fmla="*/ 81058 h 94297"/>
                <a:gd name="connsiteX4" fmla="*/ 13525 w 93249"/>
                <a:gd name="connsiteY4" fmla="*/ 1333 h 94297"/>
                <a:gd name="connsiteX5" fmla="*/ 0 w 93249"/>
                <a:gd name="connsiteY5" fmla="*/ 0 h 94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3249" h="94297">
                  <a:moveTo>
                    <a:pt x="0" y="0"/>
                  </a:moveTo>
                  <a:lnTo>
                    <a:pt x="0" y="94298"/>
                  </a:lnTo>
                  <a:lnTo>
                    <a:pt x="93250" y="94298"/>
                  </a:lnTo>
                  <a:lnTo>
                    <a:pt x="93250" y="81058"/>
                  </a:lnTo>
                  <a:lnTo>
                    <a:pt x="13525" y="1333"/>
                  </a:lnTo>
                  <a:lnTo>
                    <a:pt x="0" y="0"/>
                  </a:lnTo>
                  <a:close/>
                </a:path>
              </a:pathLst>
            </a:custGeom>
            <a:solidFill>
              <a:srgbClr val="C7E4F1"/>
            </a:solidFill>
            <a:ln w="9525" cap="flat">
              <a:noFill/>
              <a:prstDash val="solid"/>
              <a:miter/>
            </a:ln>
          </p:spPr>
          <p:txBody>
            <a:bodyPr rtlCol="0" anchor="ctr"/>
            <a:lstStyle/>
            <a:p>
              <a:endParaRPr lang="en-AU" sz="153"/>
            </a:p>
          </p:txBody>
        </p:sp>
        <p:grpSp>
          <p:nvGrpSpPr>
            <p:cNvPr id="46" name="Group 45">
              <a:extLst>
                <a:ext uri="{FF2B5EF4-FFF2-40B4-BE49-F238E27FC236}">
                  <a16:creationId xmlns:a16="http://schemas.microsoft.com/office/drawing/2014/main" id="{F731FB13-3FBE-1B77-44D5-0E4D1C28D8B0}"/>
                </a:ext>
              </a:extLst>
            </p:cNvPr>
            <p:cNvGrpSpPr/>
            <p:nvPr/>
          </p:nvGrpSpPr>
          <p:grpSpPr>
            <a:xfrm>
              <a:off x="2130361" y="2839720"/>
              <a:ext cx="419059" cy="419385"/>
              <a:chOff x="2130361" y="2839720"/>
              <a:chExt cx="419059" cy="419385"/>
            </a:xfrm>
          </p:grpSpPr>
          <p:sp>
            <p:nvSpPr>
              <p:cNvPr id="47" name="Graphic 256">
                <a:extLst>
                  <a:ext uri="{FF2B5EF4-FFF2-40B4-BE49-F238E27FC236}">
                    <a16:creationId xmlns:a16="http://schemas.microsoft.com/office/drawing/2014/main" id="{743426B1-5B73-5F51-3F21-FF6C37C08E09}"/>
                  </a:ext>
                </a:extLst>
              </p:cNvPr>
              <p:cNvSpPr/>
              <p:nvPr/>
            </p:nvSpPr>
            <p:spPr>
              <a:xfrm>
                <a:off x="2381440" y="3091275"/>
                <a:ext cx="129920" cy="129920"/>
              </a:xfrm>
              <a:custGeom>
                <a:avLst/>
                <a:gdLst>
                  <a:gd name="connsiteX0" fmla="*/ 129921 w 129920"/>
                  <a:gd name="connsiteY0" fmla="*/ 64960 h 129920"/>
                  <a:gd name="connsiteX1" fmla="*/ 64960 w 129920"/>
                  <a:gd name="connsiteY1" fmla="*/ 129921 h 129920"/>
                  <a:gd name="connsiteX2" fmla="*/ 0 w 129920"/>
                  <a:gd name="connsiteY2" fmla="*/ 64960 h 129920"/>
                  <a:gd name="connsiteX3" fmla="*/ 64960 w 129920"/>
                  <a:gd name="connsiteY3" fmla="*/ 0 h 129920"/>
                  <a:gd name="connsiteX4" fmla="*/ 129921 w 129920"/>
                  <a:gd name="connsiteY4" fmla="*/ 64960 h 1299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920" h="129920">
                    <a:moveTo>
                      <a:pt x="129921" y="64960"/>
                    </a:moveTo>
                    <a:cubicBezTo>
                      <a:pt x="129921" y="100837"/>
                      <a:pt x="100837" y="129921"/>
                      <a:pt x="64960" y="129921"/>
                    </a:cubicBezTo>
                    <a:cubicBezTo>
                      <a:pt x="29084" y="129921"/>
                      <a:pt x="0" y="100837"/>
                      <a:pt x="0" y="64960"/>
                    </a:cubicBezTo>
                    <a:cubicBezTo>
                      <a:pt x="0" y="29084"/>
                      <a:pt x="29084" y="0"/>
                      <a:pt x="64960" y="0"/>
                    </a:cubicBezTo>
                    <a:cubicBezTo>
                      <a:pt x="100837" y="0"/>
                      <a:pt x="129921" y="29084"/>
                      <a:pt x="129921" y="64960"/>
                    </a:cubicBezTo>
                    <a:close/>
                  </a:path>
                </a:pathLst>
              </a:custGeom>
              <a:solidFill>
                <a:srgbClr val="66B9DA"/>
              </a:solidFill>
              <a:ln w="9525" cap="flat">
                <a:noFill/>
                <a:prstDash val="solid"/>
                <a:miter/>
              </a:ln>
            </p:spPr>
            <p:txBody>
              <a:bodyPr rtlCol="0" anchor="ctr"/>
              <a:lstStyle/>
              <a:p>
                <a:endParaRPr lang="en-AU" sz="153"/>
              </a:p>
            </p:txBody>
          </p:sp>
          <p:grpSp>
            <p:nvGrpSpPr>
              <p:cNvPr id="48" name="Group 47">
                <a:extLst>
                  <a:ext uri="{FF2B5EF4-FFF2-40B4-BE49-F238E27FC236}">
                    <a16:creationId xmlns:a16="http://schemas.microsoft.com/office/drawing/2014/main" id="{90577F23-D4C7-3806-20B6-C076E1CA7832}"/>
                  </a:ext>
                </a:extLst>
              </p:cNvPr>
              <p:cNvGrpSpPr/>
              <p:nvPr/>
            </p:nvGrpSpPr>
            <p:grpSpPr>
              <a:xfrm>
                <a:off x="2130361" y="2839720"/>
                <a:ext cx="419059" cy="419385"/>
                <a:chOff x="2130361" y="2839720"/>
                <a:chExt cx="419059" cy="419385"/>
              </a:xfrm>
            </p:grpSpPr>
            <p:sp>
              <p:nvSpPr>
                <p:cNvPr id="49" name="Graphic 256">
                  <a:extLst>
                    <a:ext uri="{FF2B5EF4-FFF2-40B4-BE49-F238E27FC236}">
                      <a16:creationId xmlns:a16="http://schemas.microsoft.com/office/drawing/2014/main" id="{17F5D177-2248-90FF-560A-F705D5DD5594}"/>
                    </a:ext>
                  </a:extLst>
                </p:cNvPr>
                <p:cNvSpPr/>
                <p:nvPr/>
              </p:nvSpPr>
              <p:spPr>
                <a:xfrm>
                  <a:off x="2130361" y="2839720"/>
                  <a:ext cx="338804" cy="419385"/>
                </a:xfrm>
                <a:custGeom>
                  <a:avLst/>
                  <a:gdLst>
                    <a:gd name="connsiteX0" fmla="*/ 22288 w 338804"/>
                    <a:gd name="connsiteY0" fmla="*/ 419100 h 419385"/>
                    <a:gd name="connsiteX1" fmla="*/ 0 w 338804"/>
                    <a:gd name="connsiteY1" fmla="*/ 396716 h 419385"/>
                    <a:gd name="connsiteX2" fmla="*/ 0 w 338804"/>
                    <a:gd name="connsiteY2" fmla="*/ 22384 h 419385"/>
                    <a:gd name="connsiteX3" fmla="*/ 22288 w 338804"/>
                    <a:gd name="connsiteY3" fmla="*/ 0 h 419385"/>
                    <a:gd name="connsiteX4" fmla="*/ 249650 w 338804"/>
                    <a:gd name="connsiteY4" fmla="*/ 0 h 419385"/>
                    <a:gd name="connsiteX5" fmla="*/ 255937 w 338804"/>
                    <a:gd name="connsiteY5" fmla="*/ 2572 h 419385"/>
                    <a:gd name="connsiteX6" fmla="*/ 336233 w 338804"/>
                    <a:gd name="connsiteY6" fmla="*/ 82867 h 419385"/>
                    <a:gd name="connsiteX7" fmla="*/ 338804 w 338804"/>
                    <a:gd name="connsiteY7" fmla="*/ 89154 h 419385"/>
                    <a:gd name="connsiteX8" fmla="*/ 338804 w 338804"/>
                    <a:gd name="connsiteY8" fmla="*/ 209550 h 419385"/>
                    <a:gd name="connsiteX9" fmla="*/ 329851 w 338804"/>
                    <a:gd name="connsiteY9" fmla="*/ 218504 h 419385"/>
                    <a:gd name="connsiteX10" fmla="*/ 320897 w 338804"/>
                    <a:gd name="connsiteY10" fmla="*/ 209550 h 419385"/>
                    <a:gd name="connsiteX11" fmla="*/ 320897 w 338804"/>
                    <a:gd name="connsiteY11" fmla="*/ 116205 h 419385"/>
                    <a:gd name="connsiteX12" fmla="*/ 316516 w 338804"/>
                    <a:gd name="connsiteY12" fmla="*/ 111823 h 419385"/>
                    <a:gd name="connsiteX13" fmla="*/ 247364 w 338804"/>
                    <a:gd name="connsiteY13" fmla="*/ 111823 h 419385"/>
                    <a:gd name="connsiteX14" fmla="*/ 227267 w 338804"/>
                    <a:gd name="connsiteY14" fmla="*/ 91726 h 419385"/>
                    <a:gd name="connsiteX15" fmla="*/ 227267 w 338804"/>
                    <a:gd name="connsiteY15" fmla="*/ 22669 h 419385"/>
                    <a:gd name="connsiteX16" fmla="*/ 222885 w 338804"/>
                    <a:gd name="connsiteY16" fmla="*/ 18193 h 419385"/>
                    <a:gd name="connsiteX17" fmla="*/ 22288 w 338804"/>
                    <a:gd name="connsiteY17" fmla="*/ 18193 h 419385"/>
                    <a:gd name="connsiteX18" fmla="*/ 17907 w 338804"/>
                    <a:gd name="connsiteY18" fmla="*/ 22669 h 419385"/>
                    <a:gd name="connsiteX19" fmla="*/ 17907 w 338804"/>
                    <a:gd name="connsiteY19" fmla="*/ 397002 h 419385"/>
                    <a:gd name="connsiteX20" fmla="*/ 22288 w 338804"/>
                    <a:gd name="connsiteY20" fmla="*/ 401384 h 419385"/>
                    <a:gd name="connsiteX21" fmla="*/ 262985 w 338804"/>
                    <a:gd name="connsiteY21" fmla="*/ 401384 h 419385"/>
                    <a:gd name="connsiteX22" fmla="*/ 271062 w 338804"/>
                    <a:gd name="connsiteY22" fmla="*/ 411308 h 419385"/>
                    <a:gd name="connsiteX23" fmla="*/ 262985 w 338804"/>
                    <a:gd name="connsiteY23" fmla="*/ 419386 h 419385"/>
                    <a:gd name="connsiteX24" fmla="*/ 249650 w 338804"/>
                    <a:gd name="connsiteY24" fmla="*/ 23527 h 419385"/>
                    <a:gd name="connsiteX25" fmla="*/ 247936 w 338804"/>
                    <a:gd name="connsiteY25" fmla="*/ 23527 h 419385"/>
                    <a:gd name="connsiteX26" fmla="*/ 245269 w 338804"/>
                    <a:gd name="connsiteY26" fmla="*/ 27622 h 419385"/>
                    <a:gd name="connsiteX27" fmla="*/ 245269 w 338804"/>
                    <a:gd name="connsiteY27" fmla="*/ 88868 h 419385"/>
                    <a:gd name="connsiteX28" fmla="*/ 249555 w 338804"/>
                    <a:gd name="connsiteY28" fmla="*/ 93345 h 419385"/>
                    <a:gd name="connsiteX29" fmla="*/ 249650 w 338804"/>
                    <a:gd name="connsiteY29" fmla="*/ 93345 h 419385"/>
                    <a:gd name="connsiteX30" fmla="*/ 310896 w 338804"/>
                    <a:gd name="connsiteY30" fmla="*/ 93345 h 419385"/>
                    <a:gd name="connsiteX31" fmla="*/ 314992 w 338804"/>
                    <a:gd name="connsiteY31" fmla="*/ 90583 h 419385"/>
                    <a:gd name="connsiteX32" fmla="*/ 314039 w 338804"/>
                    <a:gd name="connsiteY32" fmla="*/ 85820 h 419385"/>
                    <a:gd name="connsiteX33" fmla="*/ 252698 w 338804"/>
                    <a:gd name="connsiteY33" fmla="*/ 24479 h 419385"/>
                    <a:gd name="connsiteX34" fmla="*/ 249174 w 338804"/>
                    <a:gd name="connsiteY34" fmla="*/ 23527 h 419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38804" h="419385">
                      <a:moveTo>
                        <a:pt x="22288" y="419100"/>
                      </a:moveTo>
                      <a:cubicBezTo>
                        <a:pt x="9963" y="419043"/>
                        <a:pt x="0" y="409042"/>
                        <a:pt x="0" y="396716"/>
                      </a:cubicBezTo>
                      <a:lnTo>
                        <a:pt x="0" y="22384"/>
                      </a:lnTo>
                      <a:cubicBezTo>
                        <a:pt x="0" y="10058"/>
                        <a:pt x="9963" y="48"/>
                        <a:pt x="22288" y="0"/>
                      </a:cubicBezTo>
                      <a:lnTo>
                        <a:pt x="249650" y="0"/>
                      </a:lnTo>
                      <a:cubicBezTo>
                        <a:pt x="252003" y="0"/>
                        <a:pt x="254260" y="924"/>
                        <a:pt x="255937" y="2572"/>
                      </a:cubicBezTo>
                      <a:lnTo>
                        <a:pt x="336233" y="82867"/>
                      </a:lnTo>
                      <a:cubicBezTo>
                        <a:pt x="337833" y="84572"/>
                        <a:pt x="338747" y="86811"/>
                        <a:pt x="338804" y="89154"/>
                      </a:cubicBezTo>
                      <a:lnTo>
                        <a:pt x="338804" y="209550"/>
                      </a:lnTo>
                      <a:cubicBezTo>
                        <a:pt x="338804" y="214493"/>
                        <a:pt x="334794" y="218504"/>
                        <a:pt x="329851" y="218504"/>
                      </a:cubicBezTo>
                      <a:cubicBezTo>
                        <a:pt x="324907" y="218504"/>
                        <a:pt x="320897" y="214493"/>
                        <a:pt x="320897" y="209550"/>
                      </a:cubicBezTo>
                      <a:lnTo>
                        <a:pt x="320897" y="116205"/>
                      </a:lnTo>
                      <a:cubicBezTo>
                        <a:pt x="320850" y="113805"/>
                        <a:pt x="318916" y="111871"/>
                        <a:pt x="316516" y="111823"/>
                      </a:cubicBezTo>
                      <a:lnTo>
                        <a:pt x="247364" y="111823"/>
                      </a:lnTo>
                      <a:cubicBezTo>
                        <a:pt x="236287" y="111776"/>
                        <a:pt x="227314" y="102803"/>
                        <a:pt x="227267" y="91726"/>
                      </a:cubicBezTo>
                      <a:lnTo>
                        <a:pt x="227267" y="22669"/>
                      </a:lnTo>
                      <a:cubicBezTo>
                        <a:pt x="227267" y="20231"/>
                        <a:pt x="225323" y="18240"/>
                        <a:pt x="222885" y="18193"/>
                      </a:cubicBezTo>
                      <a:lnTo>
                        <a:pt x="22288" y="18193"/>
                      </a:lnTo>
                      <a:cubicBezTo>
                        <a:pt x="19850" y="18240"/>
                        <a:pt x="17907" y="20231"/>
                        <a:pt x="17907" y="22669"/>
                      </a:cubicBezTo>
                      <a:lnTo>
                        <a:pt x="17907" y="397002"/>
                      </a:lnTo>
                      <a:cubicBezTo>
                        <a:pt x="17907" y="399421"/>
                        <a:pt x="19869" y="401384"/>
                        <a:pt x="22288" y="401384"/>
                      </a:cubicBezTo>
                      <a:lnTo>
                        <a:pt x="262985" y="401384"/>
                      </a:lnTo>
                      <a:cubicBezTo>
                        <a:pt x="267957" y="401898"/>
                        <a:pt x="271567" y="406337"/>
                        <a:pt x="271062" y="411308"/>
                      </a:cubicBezTo>
                      <a:cubicBezTo>
                        <a:pt x="270624" y="415576"/>
                        <a:pt x="267252" y="418948"/>
                        <a:pt x="262985" y="419386"/>
                      </a:cubicBezTo>
                      <a:close/>
                      <a:moveTo>
                        <a:pt x="249650" y="23527"/>
                      </a:moveTo>
                      <a:cubicBezTo>
                        <a:pt x="249079" y="23431"/>
                        <a:pt x="248507" y="23431"/>
                        <a:pt x="247936" y="23527"/>
                      </a:cubicBezTo>
                      <a:cubicBezTo>
                        <a:pt x="246297" y="24222"/>
                        <a:pt x="245240" y="25841"/>
                        <a:pt x="245269" y="27622"/>
                      </a:cubicBezTo>
                      <a:lnTo>
                        <a:pt x="245269" y="88868"/>
                      </a:lnTo>
                      <a:cubicBezTo>
                        <a:pt x="245212" y="91288"/>
                        <a:pt x="247136" y="93288"/>
                        <a:pt x="249555" y="93345"/>
                      </a:cubicBezTo>
                      <a:cubicBezTo>
                        <a:pt x="249584" y="93345"/>
                        <a:pt x="249622" y="93345"/>
                        <a:pt x="249650" y="93345"/>
                      </a:cubicBezTo>
                      <a:lnTo>
                        <a:pt x="310896" y="93345"/>
                      </a:lnTo>
                      <a:cubicBezTo>
                        <a:pt x="312696" y="93326"/>
                        <a:pt x="314306" y="92240"/>
                        <a:pt x="314992" y="90583"/>
                      </a:cubicBezTo>
                      <a:cubicBezTo>
                        <a:pt x="315668" y="88944"/>
                        <a:pt x="315287" y="87068"/>
                        <a:pt x="314039" y="85820"/>
                      </a:cubicBezTo>
                      <a:lnTo>
                        <a:pt x="252698" y="24479"/>
                      </a:lnTo>
                      <a:cubicBezTo>
                        <a:pt x="251727" y="23641"/>
                        <a:pt x="250431" y="23289"/>
                        <a:pt x="249174" y="23527"/>
                      </a:cubicBezTo>
                      <a:close/>
                    </a:path>
                  </a:pathLst>
                </a:custGeom>
                <a:solidFill>
                  <a:srgbClr val="265998"/>
                </a:solidFill>
                <a:ln w="9525" cap="flat">
                  <a:noFill/>
                  <a:prstDash val="solid"/>
                  <a:miter/>
                </a:ln>
              </p:spPr>
              <p:txBody>
                <a:bodyPr rtlCol="0" anchor="ctr"/>
                <a:lstStyle/>
                <a:p>
                  <a:endParaRPr lang="en-AU" sz="153"/>
                </a:p>
              </p:txBody>
            </p:sp>
            <p:sp>
              <p:nvSpPr>
                <p:cNvPr id="50" name="Graphic 256">
                  <a:extLst>
                    <a:ext uri="{FF2B5EF4-FFF2-40B4-BE49-F238E27FC236}">
                      <a16:creationId xmlns:a16="http://schemas.microsoft.com/office/drawing/2014/main" id="{8460C510-6908-5BAB-1759-632748A7D1BA}"/>
                    </a:ext>
                  </a:extLst>
                </p:cNvPr>
                <p:cNvSpPr/>
                <p:nvPr/>
              </p:nvSpPr>
              <p:spPr>
                <a:xfrm>
                  <a:off x="2223420" y="2933350"/>
                  <a:ext cx="98202" cy="17906"/>
                </a:xfrm>
                <a:custGeom>
                  <a:avLst/>
                  <a:gdLst>
                    <a:gd name="connsiteX0" fmla="*/ 8954 w 98202"/>
                    <a:gd name="connsiteY0" fmla="*/ 17907 h 17906"/>
                    <a:gd name="connsiteX1" fmla="*/ 0 w 98202"/>
                    <a:gd name="connsiteY1" fmla="*/ 8954 h 17906"/>
                    <a:gd name="connsiteX2" fmla="*/ 8954 w 98202"/>
                    <a:gd name="connsiteY2" fmla="*/ 0 h 17906"/>
                    <a:gd name="connsiteX3" fmla="*/ 89249 w 98202"/>
                    <a:gd name="connsiteY3" fmla="*/ 0 h 17906"/>
                    <a:gd name="connsiteX4" fmla="*/ 98203 w 98202"/>
                    <a:gd name="connsiteY4" fmla="*/ 8954 h 17906"/>
                    <a:gd name="connsiteX5" fmla="*/ 89249 w 9820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202" h="17906">
                      <a:moveTo>
                        <a:pt x="8954" y="17907"/>
                      </a:moveTo>
                      <a:cubicBezTo>
                        <a:pt x="4010" y="17907"/>
                        <a:pt x="0" y="13897"/>
                        <a:pt x="0" y="8954"/>
                      </a:cubicBezTo>
                      <a:cubicBezTo>
                        <a:pt x="0" y="4010"/>
                        <a:pt x="4010" y="0"/>
                        <a:pt x="8954" y="0"/>
                      </a:cubicBezTo>
                      <a:lnTo>
                        <a:pt x="89249" y="0"/>
                      </a:lnTo>
                      <a:cubicBezTo>
                        <a:pt x="94193" y="0"/>
                        <a:pt x="98203" y="4010"/>
                        <a:pt x="98203" y="8954"/>
                      </a:cubicBezTo>
                      <a:cubicBezTo>
                        <a:pt x="98203" y="13897"/>
                        <a:pt x="94193" y="17907"/>
                        <a:pt x="89249" y="17907"/>
                      </a:cubicBezTo>
                      <a:close/>
                    </a:path>
                  </a:pathLst>
                </a:custGeom>
                <a:solidFill>
                  <a:srgbClr val="265998"/>
                </a:solidFill>
                <a:ln w="9525" cap="flat">
                  <a:noFill/>
                  <a:prstDash val="solid"/>
                  <a:miter/>
                </a:ln>
              </p:spPr>
              <p:txBody>
                <a:bodyPr rtlCol="0" anchor="ctr"/>
                <a:lstStyle/>
                <a:p>
                  <a:endParaRPr lang="en-AU" sz="153"/>
                </a:p>
              </p:txBody>
            </p:sp>
            <p:sp>
              <p:nvSpPr>
                <p:cNvPr id="51" name="Graphic 256">
                  <a:extLst>
                    <a:ext uri="{FF2B5EF4-FFF2-40B4-BE49-F238E27FC236}">
                      <a16:creationId xmlns:a16="http://schemas.microsoft.com/office/drawing/2014/main" id="{9742FC94-20C4-2AF2-B16D-56D0A4EA005A}"/>
                    </a:ext>
                  </a:extLst>
                </p:cNvPr>
                <p:cNvSpPr/>
                <p:nvPr/>
              </p:nvSpPr>
              <p:spPr>
                <a:xfrm>
                  <a:off x="2184149" y="2986737"/>
                  <a:ext cx="232029" cy="18100"/>
                </a:xfrm>
                <a:custGeom>
                  <a:avLst/>
                  <a:gdLst>
                    <a:gd name="connsiteX0" fmla="*/ 8124 w 232029"/>
                    <a:gd name="connsiteY0" fmla="*/ 18051 h 18100"/>
                    <a:gd name="connsiteX1" fmla="*/ 47 w 232029"/>
                    <a:gd name="connsiteY1" fmla="*/ 8126 h 18100"/>
                    <a:gd name="connsiteX2" fmla="*/ 8124 w 232029"/>
                    <a:gd name="connsiteY2" fmla="*/ 49 h 18100"/>
                    <a:gd name="connsiteX3" fmla="*/ 222056 w 232029"/>
                    <a:gd name="connsiteY3" fmla="*/ 49 h 18100"/>
                    <a:gd name="connsiteX4" fmla="*/ 231981 w 232029"/>
                    <a:gd name="connsiteY4" fmla="*/ 8126 h 18100"/>
                    <a:gd name="connsiteX5" fmla="*/ 223913 w 232029"/>
                    <a:gd name="connsiteY5" fmla="*/ 18051 h 18100"/>
                    <a:gd name="connsiteX6" fmla="*/ 222056 w 232029"/>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2029" h="18100">
                      <a:moveTo>
                        <a:pt x="8124" y="18051"/>
                      </a:moveTo>
                      <a:cubicBezTo>
                        <a:pt x="3152" y="17537"/>
                        <a:pt x="-458" y="13098"/>
                        <a:pt x="47" y="8126"/>
                      </a:cubicBezTo>
                      <a:cubicBezTo>
                        <a:pt x="485" y="3859"/>
                        <a:pt x="3857" y="487"/>
                        <a:pt x="8124" y="49"/>
                      </a:cubicBezTo>
                      <a:lnTo>
                        <a:pt x="222056" y="49"/>
                      </a:lnTo>
                      <a:cubicBezTo>
                        <a:pt x="227028" y="-466"/>
                        <a:pt x="231476" y="3154"/>
                        <a:pt x="231981" y="8126"/>
                      </a:cubicBezTo>
                      <a:cubicBezTo>
                        <a:pt x="232495" y="13098"/>
                        <a:pt x="228885" y="17537"/>
                        <a:pt x="223913" y="18051"/>
                      </a:cubicBezTo>
                      <a:cubicBezTo>
                        <a:pt x="223294" y="18118"/>
                        <a:pt x="222675" y="18118"/>
                        <a:pt x="222056" y="18051"/>
                      </a:cubicBezTo>
                      <a:close/>
                    </a:path>
                  </a:pathLst>
                </a:custGeom>
                <a:solidFill>
                  <a:srgbClr val="265998"/>
                </a:solidFill>
                <a:ln w="9525" cap="flat">
                  <a:noFill/>
                  <a:prstDash val="solid"/>
                  <a:miter/>
                </a:ln>
              </p:spPr>
              <p:txBody>
                <a:bodyPr rtlCol="0" anchor="ctr"/>
                <a:lstStyle/>
                <a:p>
                  <a:endParaRPr lang="en-AU" sz="153"/>
                </a:p>
              </p:txBody>
            </p:sp>
            <p:sp>
              <p:nvSpPr>
                <p:cNvPr id="52" name="Graphic 256">
                  <a:extLst>
                    <a:ext uri="{FF2B5EF4-FFF2-40B4-BE49-F238E27FC236}">
                      <a16:creationId xmlns:a16="http://schemas.microsoft.com/office/drawing/2014/main" id="{8E27C7C6-36E8-C17A-F827-E1459E1F6DB7}"/>
                    </a:ext>
                  </a:extLst>
                </p:cNvPr>
                <p:cNvSpPr/>
                <p:nvPr/>
              </p:nvSpPr>
              <p:spPr>
                <a:xfrm>
                  <a:off x="2183320" y="3040316"/>
                  <a:ext cx="231838" cy="17907"/>
                </a:xfrm>
                <a:custGeom>
                  <a:avLst/>
                  <a:gdLst>
                    <a:gd name="connsiteX0" fmla="*/ 8954 w 231838"/>
                    <a:gd name="connsiteY0" fmla="*/ 17907 h 17907"/>
                    <a:gd name="connsiteX1" fmla="*/ 0 w 231838"/>
                    <a:gd name="connsiteY1" fmla="*/ 8954 h 17907"/>
                    <a:gd name="connsiteX2" fmla="*/ 8954 w 231838"/>
                    <a:gd name="connsiteY2" fmla="*/ 0 h 17907"/>
                    <a:gd name="connsiteX3" fmla="*/ 222885 w 231838"/>
                    <a:gd name="connsiteY3" fmla="*/ 0 h 17907"/>
                    <a:gd name="connsiteX4" fmla="*/ 231838 w 231838"/>
                    <a:gd name="connsiteY4" fmla="*/ 8954 h 17907"/>
                    <a:gd name="connsiteX5" fmla="*/ 222885 w 231838"/>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1838" h="17907">
                      <a:moveTo>
                        <a:pt x="8954" y="17907"/>
                      </a:moveTo>
                      <a:cubicBezTo>
                        <a:pt x="4010" y="17907"/>
                        <a:pt x="0" y="13897"/>
                        <a:pt x="0" y="8954"/>
                      </a:cubicBezTo>
                      <a:cubicBezTo>
                        <a:pt x="0" y="4010"/>
                        <a:pt x="4010" y="0"/>
                        <a:pt x="8954" y="0"/>
                      </a:cubicBezTo>
                      <a:lnTo>
                        <a:pt x="222885" y="0"/>
                      </a:lnTo>
                      <a:cubicBezTo>
                        <a:pt x="227829" y="0"/>
                        <a:pt x="231838" y="4010"/>
                        <a:pt x="231838" y="8954"/>
                      </a:cubicBezTo>
                      <a:cubicBezTo>
                        <a:pt x="231838" y="13897"/>
                        <a:pt x="227829" y="17907"/>
                        <a:pt x="222885" y="17907"/>
                      </a:cubicBezTo>
                      <a:close/>
                    </a:path>
                  </a:pathLst>
                </a:custGeom>
                <a:solidFill>
                  <a:srgbClr val="265998"/>
                </a:solidFill>
                <a:ln w="9525" cap="flat">
                  <a:noFill/>
                  <a:prstDash val="solid"/>
                  <a:miter/>
                </a:ln>
              </p:spPr>
              <p:txBody>
                <a:bodyPr rtlCol="0" anchor="ctr"/>
                <a:lstStyle/>
                <a:p>
                  <a:endParaRPr lang="en-AU" sz="153"/>
                </a:p>
              </p:txBody>
            </p:sp>
            <p:sp>
              <p:nvSpPr>
                <p:cNvPr id="53" name="Graphic 256">
                  <a:extLst>
                    <a:ext uri="{FF2B5EF4-FFF2-40B4-BE49-F238E27FC236}">
                      <a16:creationId xmlns:a16="http://schemas.microsoft.com/office/drawing/2014/main" id="{A7D528C6-86ED-E0C8-9C44-CA109F0AEA79}"/>
                    </a:ext>
                  </a:extLst>
                </p:cNvPr>
                <p:cNvSpPr/>
                <p:nvPr/>
              </p:nvSpPr>
              <p:spPr>
                <a:xfrm>
                  <a:off x="2184149" y="3093751"/>
                  <a:ext cx="176649" cy="18002"/>
                </a:xfrm>
                <a:custGeom>
                  <a:avLst/>
                  <a:gdLst>
                    <a:gd name="connsiteX0" fmla="*/ 8124 w 176649"/>
                    <a:gd name="connsiteY0" fmla="*/ 18002 h 18002"/>
                    <a:gd name="connsiteX1" fmla="*/ 47 w 176649"/>
                    <a:gd name="connsiteY1" fmla="*/ 8077 h 18002"/>
                    <a:gd name="connsiteX2" fmla="*/ 8124 w 176649"/>
                    <a:gd name="connsiteY2" fmla="*/ 0 h 18002"/>
                    <a:gd name="connsiteX3" fmla="*/ 168525 w 176649"/>
                    <a:gd name="connsiteY3" fmla="*/ 0 h 18002"/>
                    <a:gd name="connsiteX4" fmla="*/ 176603 w 176649"/>
                    <a:gd name="connsiteY4" fmla="*/ 9925 h 18002"/>
                    <a:gd name="connsiteX5" fmla="*/ 168525 w 176649"/>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6649" h="18002">
                      <a:moveTo>
                        <a:pt x="8124" y="18002"/>
                      </a:moveTo>
                      <a:cubicBezTo>
                        <a:pt x="3152" y="17488"/>
                        <a:pt x="-458" y="13049"/>
                        <a:pt x="47" y="8077"/>
                      </a:cubicBezTo>
                      <a:cubicBezTo>
                        <a:pt x="485" y="3810"/>
                        <a:pt x="3857" y="438"/>
                        <a:pt x="8124" y="0"/>
                      </a:cubicBezTo>
                      <a:lnTo>
                        <a:pt x="168525" y="0"/>
                      </a:lnTo>
                      <a:cubicBezTo>
                        <a:pt x="173497" y="514"/>
                        <a:pt x="177107" y="4953"/>
                        <a:pt x="176603" y="9925"/>
                      </a:cubicBezTo>
                      <a:cubicBezTo>
                        <a:pt x="176164" y="14192"/>
                        <a:pt x="172793" y="17564"/>
                        <a:pt x="168525" y="18002"/>
                      </a:cubicBezTo>
                      <a:close/>
                    </a:path>
                  </a:pathLst>
                </a:custGeom>
                <a:solidFill>
                  <a:srgbClr val="265998"/>
                </a:solidFill>
                <a:ln w="9525" cap="flat">
                  <a:noFill/>
                  <a:prstDash val="solid"/>
                  <a:miter/>
                </a:ln>
              </p:spPr>
              <p:txBody>
                <a:bodyPr rtlCol="0" anchor="ctr"/>
                <a:lstStyle/>
                <a:p>
                  <a:endParaRPr lang="en-AU" sz="153"/>
                </a:p>
              </p:txBody>
            </p:sp>
            <p:sp>
              <p:nvSpPr>
                <p:cNvPr id="54" name="Graphic 256">
                  <a:extLst>
                    <a:ext uri="{FF2B5EF4-FFF2-40B4-BE49-F238E27FC236}">
                      <a16:creationId xmlns:a16="http://schemas.microsoft.com/office/drawing/2014/main" id="{C6643FA3-61FE-43EA-08A0-182F8EA3EB88}"/>
                    </a:ext>
                  </a:extLst>
                </p:cNvPr>
                <p:cNvSpPr/>
                <p:nvPr/>
              </p:nvSpPr>
              <p:spPr>
                <a:xfrm>
                  <a:off x="2290286" y="3187382"/>
                  <a:ext cx="58102" cy="17906"/>
                </a:xfrm>
                <a:custGeom>
                  <a:avLst/>
                  <a:gdLst>
                    <a:gd name="connsiteX0" fmla="*/ 8954 w 58102"/>
                    <a:gd name="connsiteY0" fmla="*/ 17907 h 17906"/>
                    <a:gd name="connsiteX1" fmla="*/ 0 w 58102"/>
                    <a:gd name="connsiteY1" fmla="*/ 8954 h 17906"/>
                    <a:gd name="connsiteX2" fmla="*/ 8954 w 58102"/>
                    <a:gd name="connsiteY2" fmla="*/ 0 h 17906"/>
                    <a:gd name="connsiteX3" fmla="*/ 49149 w 58102"/>
                    <a:gd name="connsiteY3" fmla="*/ 0 h 17906"/>
                    <a:gd name="connsiteX4" fmla="*/ 58103 w 58102"/>
                    <a:gd name="connsiteY4" fmla="*/ 8954 h 17906"/>
                    <a:gd name="connsiteX5" fmla="*/ 49149 w 5810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8102" h="17906">
                      <a:moveTo>
                        <a:pt x="8954" y="17907"/>
                      </a:moveTo>
                      <a:cubicBezTo>
                        <a:pt x="4010" y="17907"/>
                        <a:pt x="0" y="13897"/>
                        <a:pt x="0" y="8954"/>
                      </a:cubicBezTo>
                      <a:cubicBezTo>
                        <a:pt x="0" y="4010"/>
                        <a:pt x="4010" y="0"/>
                        <a:pt x="8954" y="0"/>
                      </a:cubicBezTo>
                      <a:lnTo>
                        <a:pt x="49149" y="0"/>
                      </a:lnTo>
                      <a:cubicBezTo>
                        <a:pt x="54092" y="0"/>
                        <a:pt x="58103" y="4010"/>
                        <a:pt x="58103" y="8954"/>
                      </a:cubicBezTo>
                      <a:cubicBezTo>
                        <a:pt x="58103" y="13897"/>
                        <a:pt x="54092" y="17907"/>
                        <a:pt x="49149" y="17907"/>
                      </a:cubicBezTo>
                      <a:close/>
                    </a:path>
                  </a:pathLst>
                </a:custGeom>
                <a:solidFill>
                  <a:srgbClr val="265998"/>
                </a:solidFill>
                <a:ln w="9525" cap="flat">
                  <a:noFill/>
                  <a:prstDash val="solid"/>
                  <a:miter/>
                </a:ln>
              </p:spPr>
              <p:txBody>
                <a:bodyPr rtlCol="0" anchor="ctr"/>
                <a:lstStyle/>
                <a:p>
                  <a:endParaRPr lang="en-AU" sz="153"/>
                </a:p>
              </p:txBody>
            </p:sp>
            <p:sp>
              <p:nvSpPr>
                <p:cNvPr id="55" name="Graphic 256">
                  <a:extLst>
                    <a:ext uri="{FF2B5EF4-FFF2-40B4-BE49-F238E27FC236}">
                      <a16:creationId xmlns:a16="http://schemas.microsoft.com/office/drawing/2014/main" id="{A6E7F634-AF93-484B-E298-A82EB3933666}"/>
                    </a:ext>
                  </a:extLst>
                </p:cNvPr>
                <p:cNvSpPr/>
                <p:nvPr/>
              </p:nvSpPr>
              <p:spPr>
                <a:xfrm>
                  <a:off x="2369915" y="3079273"/>
                  <a:ext cx="179505" cy="179546"/>
                </a:xfrm>
                <a:custGeom>
                  <a:avLst/>
                  <a:gdLst>
                    <a:gd name="connsiteX0" fmla="*/ 170021 w 179505"/>
                    <a:gd name="connsiteY0" fmla="*/ 179546 h 179546"/>
                    <a:gd name="connsiteX1" fmla="*/ 163735 w 179505"/>
                    <a:gd name="connsiteY1" fmla="*/ 176879 h 179546"/>
                    <a:gd name="connsiteX2" fmla="*/ 125635 w 179505"/>
                    <a:gd name="connsiteY2" fmla="*/ 138779 h 179546"/>
                    <a:gd name="connsiteX3" fmla="*/ 122587 w 179505"/>
                    <a:gd name="connsiteY3" fmla="*/ 137541 h 179546"/>
                    <a:gd name="connsiteX4" fmla="*/ 120015 w 179505"/>
                    <a:gd name="connsiteY4" fmla="*/ 138303 h 179546"/>
                    <a:gd name="connsiteX5" fmla="*/ 76200 w 179505"/>
                    <a:gd name="connsiteY5" fmla="*/ 152400 h 179546"/>
                    <a:gd name="connsiteX6" fmla="*/ 0 w 179505"/>
                    <a:gd name="connsiteY6" fmla="*/ 76200 h 179546"/>
                    <a:gd name="connsiteX7" fmla="*/ 76200 w 179505"/>
                    <a:gd name="connsiteY7" fmla="*/ 0 h 179546"/>
                    <a:gd name="connsiteX8" fmla="*/ 152400 w 179505"/>
                    <a:gd name="connsiteY8" fmla="*/ 76200 h 179546"/>
                    <a:gd name="connsiteX9" fmla="*/ 138303 w 179505"/>
                    <a:gd name="connsiteY9" fmla="*/ 120015 h 179546"/>
                    <a:gd name="connsiteX10" fmla="*/ 138779 w 179505"/>
                    <a:gd name="connsiteY10" fmla="*/ 125730 h 179546"/>
                    <a:gd name="connsiteX11" fmla="*/ 176879 w 179505"/>
                    <a:gd name="connsiteY11" fmla="*/ 163830 h 179546"/>
                    <a:gd name="connsiteX12" fmla="*/ 176889 w 179505"/>
                    <a:gd name="connsiteY12" fmla="*/ 176489 h 179546"/>
                    <a:gd name="connsiteX13" fmla="*/ 176879 w 179505"/>
                    <a:gd name="connsiteY13" fmla="*/ 176498 h 179546"/>
                    <a:gd name="connsiteX14" fmla="*/ 170021 w 179505"/>
                    <a:gd name="connsiteY14" fmla="*/ 179546 h 179546"/>
                    <a:gd name="connsiteX15" fmla="*/ 76486 w 179505"/>
                    <a:gd name="connsiteY15" fmla="*/ 19526 h 179546"/>
                    <a:gd name="connsiteX16" fmla="*/ 18479 w 179505"/>
                    <a:gd name="connsiteY16" fmla="*/ 77343 h 179546"/>
                    <a:gd name="connsiteX17" fmla="*/ 76295 w 179505"/>
                    <a:gd name="connsiteY17" fmla="*/ 135350 h 179546"/>
                    <a:gd name="connsiteX18" fmla="*/ 134303 w 179505"/>
                    <a:gd name="connsiteY18" fmla="*/ 77533 h 179546"/>
                    <a:gd name="connsiteX19" fmla="*/ 134303 w 179505"/>
                    <a:gd name="connsiteY19" fmla="*/ 77438 h 179546"/>
                    <a:gd name="connsiteX20" fmla="*/ 76486 w 179505"/>
                    <a:gd name="connsiteY20" fmla="*/ 19526 h 1795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79505" h="179546">
                      <a:moveTo>
                        <a:pt x="170021" y="179546"/>
                      </a:moveTo>
                      <a:cubicBezTo>
                        <a:pt x="167650" y="179556"/>
                        <a:pt x="165373" y="178594"/>
                        <a:pt x="163735" y="176879"/>
                      </a:cubicBezTo>
                      <a:lnTo>
                        <a:pt x="125635" y="138779"/>
                      </a:lnTo>
                      <a:cubicBezTo>
                        <a:pt x="124844" y="137951"/>
                        <a:pt x="123730" y="137493"/>
                        <a:pt x="122587" y="137541"/>
                      </a:cubicBezTo>
                      <a:cubicBezTo>
                        <a:pt x="121672" y="137512"/>
                        <a:pt x="120767" y="137779"/>
                        <a:pt x="120015" y="138303"/>
                      </a:cubicBezTo>
                      <a:cubicBezTo>
                        <a:pt x="107242" y="147476"/>
                        <a:pt x="91916" y="152410"/>
                        <a:pt x="76200" y="152400"/>
                      </a:cubicBezTo>
                      <a:cubicBezTo>
                        <a:pt x="34119" y="152400"/>
                        <a:pt x="0" y="118281"/>
                        <a:pt x="0" y="76200"/>
                      </a:cubicBezTo>
                      <a:cubicBezTo>
                        <a:pt x="0" y="34119"/>
                        <a:pt x="34119" y="0"/>
                        <a:pt x="76200" y="0"/>
                      </a:cubicBezTo>
                      <a:cubicBezTo>
                        <a:pt x="118281" y="0"/>
                        <a:pt x="152400" y="34119"/>
                        <a:pt x="152400" y="76200"/>
                      </a:cubicBezTo>
                      <a:cubicBezTo>
                        <a:pt x="152419" y="91926"/>
                        <a:pt x="147485" y="107252"/>
                        <a:pt x="138303" y="120015"/>
                      </a:cubicBezTo>
                      <a:cubicBezTo>
                        <a:pt x="137065" y="121787"/>
                        <a:pt x="137265" y="124187"/>
                        <a:pt x="138779" y="125730"/>
                      </a:cubicBezTo>
                      <a:lnTo>
                        <a:pt x="176879" y="163830"/>
                      </a:lnTo>
                      <a:cubicBezTo>
                        <a:pt x="180375" y="167326"/>
                        <a:pt x="180384" y="172993"/>
                        <a:pt x="176889" y="176489"/>
                      </a:cubicBezTo>
                      <a:cubicBezTo>
                        <a:pt x="176879" y="176498"/>
                        <a:pt x="176879" y="176498"/>
                        <a:pt x="176879" y="176498"/>
                      </a:cubicBezTo>
                      <a:cubicBezTo>
                        <a:pt x="175108" y="178413"/>
                        <a:pt x="172631" y="179508"/>
                        <a:pt x="170021" y="179546"/>
                      </a:cubicBezTo>
                      <a:close/>
                      <a:moveTo>
                        <a:pt x="76486" y="19526"/>
                      </a:moveTo>
                      <a:cubicBezTo>
                        <a:pt x="44501" y="19469"/>
                        <a:pt x="18536" y="45358"/>
                        <a:pt x="18479" y="77343"/>
                      </a:cubicBezTo>
                      <a:cubicBezTo>
                        <a:pt x="18421" y="109328"/>
                        <a:pt x="44310" y="135293"/>
                        <a:pt x="76295" y="135350"/>
                      </a:cubicBezTo>
                      <a:cubicBezTo>
                        <a:pt x="108280" y="135407"/>
                        <a:pt x="134245" y="109518"/>
                        <a:pt x="134303" y="77533"/>
                      </a:cubicBezTo>
                      <a:cubicBezTo>
                        <a:pt x="134303" y="77505"/>
                        <a:pt x="134303" y="77467"/>
                        <a:pt x="134303" y="77438"/>
                      </a:cubicBezTo>
                      <a:cubicBezTo>
                        <a:pt x="134255" y="45510"/>
                        <a:pt x="108414" y="19631"/>
                        <a:pt x="76486" y="19526"/>
                      </a:cubicBezTo>
                      <a:close/>
                    </a:path>
                  </a:pathLst>
                </a:custGeom>
                <a:solidFill>
                  <a:srgbClr val="265998"/>
                </a:solidFill>
                <a:ln w="9525" cap="flat">
                  <a:noFill/>
                  <a:prstDash val="solid"/>
                  <a:miter/>
                </a:ln>
              </p:spPr>
              <p:txBody>
                <a:bodyPr rtlCol="0" anchor="ctr"/>
                <a:lstStyle/>
                <a:p>
                  <a:endParaRPr lang="en-AU" sz="153"/>
                </a:p>
              </p:txBody>
            </p:sp>
            <p:sp>
              <p:nvSpPr>
                <p:cNvPr id="56" name="Graphic 256">
                  <a:extLst>
                    <a:ext uri="{FF2B5EF4-FFF2-40B4-BE49-F238E27FC236}">
                      <a16:creationId xmlns:a16="http://schemas.microsoft.com/office/drawing/2014/main" id="{8C20D614-F6BA-5D56-16D5-79380F6D21DD}"/>
                    </a:ext>
                  </a:extLst>
                </p:cNvPr>
                <p:cNvSpPr/>
                <p:nvPr/>
              </p:nvSpPr>
              <p:spPr>
                <a:xfrm>
                  <a:off x="2183598" y="3134278"/>
                  <a:ext cx="98164" cy="71393"/>
                </a:xfrm>
                <a:custGeom>
                  <a:avLst/>
                  <a:gdLst>
                    <a:gd name="connsiteX0" fmla="*/ 35726 w 98164"/>
                    <a:gd name="connsiteY0" fmla="*/ 71392 h 71393"/>
                    <a:gd name="connsiteX1" fmla="*/ 29344 w 98164"/>
                    <a:gd name="connsiteY1" fmla="*/ 68821 h 71393"/>
                    <a:gd name="connsiteX2" fmla="*/ 2674 w 98164"/>
                    <a:gd name="connsiteY2" fmla="*/ 42055 h 71393"/>
                    <a:gd name="connsiteX3" fmla="*/ 2570 w 98164"/>
                    <a:gd name="connsiteY3" fmla="*/ 29397 h 71393"/>
                    <a:gd name="connsiteX4" fmla="*/ 8961 w 98164"/>
                    <a:gd name="connsiteY4" fmla="*/ 26720 h 71393"/>
                    <a:gd name="connsiteX5" fmla="*/ 15343 w 98164"/>
                    <a:gd name="connsiteY5" fmla="*/ 29292 h 71393"/>
                    <a:gd name="connsiteX6" fmla="*/ 32678 w 98164"/>
                    <a:gd name="connsiteY6" fmla="*/ 46627 h 71393"/>
                    <a:gd name="connsiteX7" fmla="*/ 35726 w 98164"/>
                    <a:gd name="connsiteY7" fmla="*/ 47866 h 71393"/>
                    <a:gd name="connsiteX8" fmla="*/ 38869 w 98164"/>
                    <a:gd name="connsiteY8" fmla="*/ 46627 h 71393"/>
                    <a:gd name="connsiteX9" fmla="*/ 82875 w 98164"/>
                    <a:gd name="connsiteY9" fmla="*/ 2622 h 71393"/>
                    <a:gd name="connsiteX10" fmla="*/ 95543 w 98164"/>
                    <a:gd name="connsiteY10" fmla="*/ 2622 h 71393"/>
                    <a:gd name="connsiteX11" fmla="*/ 95543 w 98164"/>
                    <a:gd name="connsiteY11" fmla="*/ 15290 h 71393"/>
                    <a:gd name="connsiteX12" fmla="*/ 41822 w 98164"/>
                    <a:gd name="connsiteY12" fmla="*/ 69297 h 71393"/>
                    <a:gd name="connsiteX13" fmla="*/ 35726 w 98164"/>
                    <a:gd name="connsiteY13" fmla="*/ 71392 h 713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8164" h="71393">
                      <a:moveTo>
                        <a:pt x="35726" y="71392"/>
                      </a:moveTo>
                      <a:cubicBezTo>
                        <a:pt x="33355" y="71364"/>
                        <a:pt x="31078" y="70440"/>
                        <a:pt x="29344" y="68821"/>
                      </a:cubicBezTo>
                      <a:lnTo>
                        <a:pt x="2674" y="42055"/>
                      </a:lnTo>
                      <a:cubicBezTo>
                        <a:pt x="-850" y="38588"/>
                        <a:pt x="-897" y="32921"/>
                        <a:pt x="2570" y="29397"/>
                      </a:cubicBezTo>
                      <a:cubicBezTo>
                        <a:pt x="4256" y="27682"/>
                        <a:pt x="6561" y="26720"/>
                        <a:pt x="8961" y="26720"/>
                      </a:cubicBezTo>
                      <a:cubicBezTo>
                        <a:pt x="11333" y="26749"/>
                        <a:pt x="13609" y="27673"/>
                        <a:pt x="15343" y="29292"/>
                      </a:cubicBezTo>
                      <a:lnTo>
                        <a:pt x="32678" y="46627"/>
                      </a:lnTo>
                      <a:cubicBezTo>
                        <a:pt x="33478" y="47437"/>
                        <a:pt x="34583" y="47885"/>
                        <a:pt x="35726" y="47866"/>
                      </a:cubicBezTo>
                      <a:cubicBezTo>
                        <a:pt x="36898" y="47894"/>
                        <a:pt x="38031" y="47446"/>
                        <a:pt x="38869" y="46627"/>
                      </a:cubicBezTo>
                      <a:lnTo>
                        <a:pt x="82875" y="2622"/>
                      </a:lnTo>
                      <a:cubicBezTo>
                        <a:pt x="86371" y="-874"/>
                        <a:pt x="92047" y="-874"/>
                        <a:pt x="95543" y="2622"/>
                      </a:cubicBezTo>
                      <a:cubicBezTo>
                        <a:pt x="99039" y="6118"/>
                        <a:pt x="99039" y="11794"/>
                        <a:pt x="95543" y="15290"/>
                      </a:cubicBezTo>
                      <a:lnTo>
                        <a:pt x="41822" y="69297"/>
                      </a:lnTo>
                      <a:cubicBezTo>
                        <a:pt x="40098" y="70678"/>
                        <a:pt x="37936" y="71421"/>
                        <a:pt x="35726" y="71392"/>
                      </a:cubicBezTo>
                      <a:close/>
                    </a:path>
                  </a:pathLst>
                </a:custGeom>
                <a:solidFill>
                  <a:srgbClr val="265998"/>
                </a:solidFill>
                <a:ln w="9525" cap="flat">
                  <a:noFill/>
                  <a:prstDash val="solid"/>
                  <a:miter/>
                </a:ln>
              </p:spPr>
              <p:txBody>
                <a:bodyPr rtlCol="0" anchor="ctr"/>
                <a:lstStyle/>
                <a:p>
                  <a:endParaRPr lang="en-AU" sz="153"/>
                </a:p>
              </p:txBody>
            </p:sp>
          </p:grpSp>
        </p:grpSp>
      </p:grpSp>
    </p:spTree>
    <p:custDataLst>
      <p:custData r:id="rId1"/>
      <p:custData r:id="rId2"/>
    </p:custDataLst>
    <p:extLst>
      <p:ext uri="{BB962C8B-B14F-4D97-AF65-F5344CB8AC3E}">
        <p14:creationId xmlns:p14="http://schemas.microsoft.com/office/powerpoint/2010/main" val="37590685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58C6E08-D8AC-8A77-2975-E1EFBBAB9DDE}"/>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050DD163-88E6-2255-85CC-91D908FBC591}"/>
              </a:ext>
            </a:extLst>
          </p:cNvPr>
          <p:cNvSpPr>
            <a:spLocks noGrp="1"/>
          </p:cNvSpPr>
          <p:nvPr>
            <p:ph type="ctrTitle"/>
          </p:nvPr>
        </p:nvSpPr>
        <p:spPr>
          <a:xfrm>
            <a:off x="569994" y="519358"/>
            <a:ext cx="11082431" cy="515848"/>
          </a:xfrm>
        </p:spPr>
        <p:txBody>
          <a:bodyPr/>
          <a:lstStyle/>
          <a:p>
            <a:r>
              <a:rPr lang="en-US"/>
              <a:t>A cohesive approach to reform </a:t>
            </a:r>
          </a:p>
        </p:txBody>
      </p:sp>
      <p:sp>
        <p:nvSpPr>
          <p:cNvPr id="10" name="Slide Number Placeholder 9">
            <a:extLst>
              <a:ext uri="{FF2B5EF4-FFF2-40B4-BE49-F238E27FC236}">
                <a16:creationId xmlns:a16="http://schemas.microsoft.com/office/drawing/2014/main" id="{B400F764-190D-4156-1B07-4B1A30EEF256}"/>
              </a:ext>
            </a:extLst>
          </p:cNvPr>
          <p:cNvSpPr>
            <a:spLocks noGrp="1"/>
          </p:cNvSpPr>
          <p:nvPr>
            <p:ph type="sldNum" sz="quarter" idx="4"/>
          </p:nvPr>
        </p:nvSpPr>
        <p:spPr/>
        <p:txBody>
          <a:bodyPr/>
          <a:lstStyle/>
          <a:p>
            <a:fld id="{3FE8A0A5-0893-3B4E-9EB9-FE67329D76D6}" type="slidenum">
              <a:rPr lang="en-US" smtClean="0"/>
              <a:pPr/>
              <a:t>33</a:t>
            </a:fld>
            <a:endParaRPr lang="en-US"/>
          </a:p>
        </p:txBody>
      </p:sp>
      <p:grpSp>
        <p:nvGrpSpPr>
          <p:cNvPr id="11" name="Group 10">
            <a:extLst>
              <a:ext uri="{FF2B5EF4-FFF2-40B4-BE49-F238E27FC236}">
                <a16:creationId xmlns:a16="http://schemas.microsoft.com/office/drawing/2014/main" id="{AA6E3051-DF2C-21D8-7EB8-550FE93A9579}"/>
              </a:ext>
            </a:extLst>
          </p:cNvPr>
          <p:cNvGrpSpPr/>
          <p:nvPr/>
        </p:nvGrpSpPr>
        <p:grpSpPr>
          <a:xfrm>
            <a:off x="2096277" y="1719447"/>
            <a:ext cx="8472778" cy="4320481"/>
            <a:chOff x="0" y="1845000"/>
            <a:chExt cx="6119813" cy="3120646"/>
          </a:xfrm>
        </p:grpSpPr>
        <p:sp>
          <p:nvSpPr>
            <p:cNvPr id="12" name="TextBox 11">
              <a:extLst>
                <a:ext uri="{FF2B5EF4-FFF2-40B4-BE49-F238E27FC236}">
                  <a16:creationId xmlns:a16="http://schemas.microsoft.com/office/drawing/2014/main" id="{AB458E39-89EB-379C-2DB4-1DB74F098873}"/>
                </a:ext>
              </a:extLst>
            </p:cNvPr>
            <p:cNvSpPr txBox="1"/>
            <p:nvPr/>
          </p:nvSpPr>
          <p:spPr>
            <a:xfrm flipH="1">
              <a:off x="3352800" y="4245645"/>
              <a:ext cx="2767010" cy="720001"/>
            </a:xfrm>
            <a:prstGeom prst="rect">
              <a:avLst/>
            </a:prstGeom>
            <a:solidFill>
              <a:schemeClr val="bg2">
                <a:lumMod val="40000"/>
                <a:lumOff val="60000"/>
              </a:schemeClr>
            </a:solidFill>
            <a:ln>
              <a:noFill/>
            </a:ln>
          </p:spPr>
          <p:txBody>
            <a:bodyPr wrap="square" lIns="468000" tIns="108000" rIns="180000" bIns="108000" rtlCol="0" anchor="ctr" anchorCtr="0">
              <a:noAutofit/>
            </a:bodyPr>
            <a:lstStyle/>
            <a:p>
              <a:pPr algn="r"/>
              <a:r>
                <a:rPr lang="en-US" sz="1200"/>
                <a:t>The </a:t>
              </a:r>
              <a:r>
                <a:rPr lang="en-US" sz="1200" b="1"/>
                <a:t>National Suicide Prevention Strategy and new Mental Health Declaration </a:t>
              </a:r>
              <a:br>
                <a:rPr lang="en-US" sz="1200" b="1"/>
              </a:br>
              <a:r>
                <a:rPr lang="en-US" sz="1200"/>
                <a:t>set the long-term </a:t>
              </a:r>
              <a:br>
                <a:rPr lang="en-US" sz="1200"/>
              </a:br>
              <a:r>
                <a:rPr lang="en-US" sz="1200"/>
                <a:t>goals of the system</a:t>
              </a:r>
            </a:p>
          </p:txBody>
        </p:sp>
        <p:sp>
          <p:nvSpPr>
            <p:cNvPr id="13" name="TextBox 12">
              <a:extLst>
                <a:ext uri="{FF2B5EF4-FFF2-40B4-BE49-F238E27FC236}">
                  <a16:creationId xmlns:a16="http://schemas.microsoft.com/office/drawing/2014/main" id="{D0D72DFD-1C36-02E2-4528-AD066102723C}"/>
                </a:ext>
              </a:extLst>
            </p:cNvPr>
            <p:cNvSpPr txBox="1"/>
            <p:nvPr/>
          </p:nvSpPr>
          <p:spPr>
            <a:xfrm flipH="1">
              <a:off x="2907586" y="3473759"/>
              <a:ext cx="3212225" cy="711726"/>
            </a:xfrm>
            <a:prstGeom prst="rect">
              <a:avLst/>
            </a:prstGeom>
            <a:solidFill>
              <a:schemeClr val="bg2">
                <a:lumMod val="20000"/>
                <a:lumOff val="80000"/>
              </a:schemeClr>
            </a:solidFill>
            <a:ln>
              <a:noFill/>
            </a:ln>
          </p:spPr>
          <p:txBody>
            <a:bodyPr wrap="square" lIns="468000" tIns="108000" rIns="180000" bIns="108000" rtlCol="0" anchor="ctr" anchorCtr="0">
              <a:noAutofit/>
            </a:bodyPr>
            <a:lstStyle/>
            <a:p>
              <a:pPr algn="r"/>
              <a:r>
                <a:rPr lang="en-US" sz="1200"/>
                <a:t>The next agreement’s </a:t>
              </a:r>
              <a:r>
                <a:rPr lang="en-US" sz="1200" b="1"/>
                <a:t>objectives and outcomes </a:t>
              </a:r>
              <a:r>
                <a:rPr lang="en-US" sz="1200"/>
                <a:t>should be drawn from the long-term strategic </a:t>
              </a:r>
              <a:br>
                <a:rPr lang="en-US" sz="1200"/>
              </a:br>
              <a:r>
                <a:rPr lang="en-US" sz="1200"/>
                <a:t>goals set in the Strategy and Declaration</a:t>
              </a:r>
            </a:p>
          </p:txBody>
        </p:sp>
        <p:sp>
          <p:nvSpPr>
            <p:cNvPr id="14" name="TextBox 13">
              <a:extLst>
                <a:ext uri="{FF2B5EF4-FFF2-40B4-BE49-F238E27FC236}">
                  <a16:creationId xmlns:a16="http://schemas.microsoft.com/office/drawing/2014/main" id="{D27FC5A8-2440-6D1B-1DBC-BA3AD1F63FF9}"/>
                </a:ext>
              </a:extLst>
            </p:cNvPr>
            <p:cNvSpPr txBox="1"/>
            <p:nvPr/>
          </p:nvSpPr>
          <p:spPr>
            <a:xfrm flipH="1">
              <a:off x="2517402" y="2686980"/>
              <a:ext cx="3602410" cy="720000"/>
            </a:xfrm>
            <a:prstGeom prst="rect">
              <a:avLst/>
            </a:prstGeom>
            <a:solidFill>
              <a:schemeClr val="accent1">
                <a:lumMod val="40000"/>
                <a:lumOff val="60000"/>
              </a:schemeClr>
            </a:solidFill>
            <a:ln>
              <a:noFill/>
            </a:ln>
          </p:spPr>
          <p:txBody>
            <a:bodyPr wrap="square" lIns="468000" tIns="108000" rIns="180000" bIns="108000" rtlCol="0" anchor="ctr" anchorCtr="0">
              <a:noAutofit/>
            </a:bodyPr>
            <a:lstStyle/>
            <a:p>
              <a:pPr algn="r"/>
              <a:r>
                <a:rPr lang="en-US" sz="1200" b="1"/>
                <a:t>Commitments, priorities and initiatives </a:t>
              </a:r>
              <a:r>
                <a:rPr lang="en-US" sz="1200"/>
                <a:t>in the next agreement must directly support progress towards </a:t>
              </a:r>
              <a:br>
                <a:rPr lang="en-US" sz="1200"/>
              </a:br>
              <a:r>
                <a:rPr lang="en-US" sz="1200"/>
                <a:t>the agreement’s objectives and outcomes</a:t>
              </a:r>
            </a:p>
          </p:txBody>
        </p:sp>
        <p:sp>
          <p:nvSpPr>
            <p:cNvPr id="15" name="TextBox 14">
              <a:extLst>
                <a:ext uri="{FF2B5EF4-FFF2-40B4-BE49-F238E27FC236}">
                  <a16:creationId xmlns:a16="http://schemas.microsoft.com/office/drawing/2014/main" id="{20A07201-2AB8-50BE-ADBB-A389AF9C138D}"/>
                </a:ext>
              </a:extLst>
            </p:cNvPr>
            <p:cNvSpPr txBox="1"/>
            <p:nvPr/>
          </p:nvSpPr>
          <p:spPr>
            <a:xfrm flipH="1">
              <a:off x="2013735" y="1845002"/>
              <a:ext cx="4106078" cy="781200"/>
            </a:xfrm>
            <a:prstGeom prst="rect">
              <a:avLst/>
            </a:prstGeom>
            <a:solidFill>
              <a:schemeClr val="accent1">
                <a:lumMod val="20000"/>
                <a:lumOff val="80000"/>
              </a:schemeClr>
            </a:solidFill>
            <a:ln>
              <a:noFill/>
            </a:ln>
          </p:spPr>
          <p:txBody>
            <a:bodyPr wrap="square" lIns="468000" tIns="108000" rIns="180000" bIns="108000" rtlCol="0" anchor="ctr" anchorCtr="0">
              <a:noAutofit/>
            </a:bodyPr>
            <a:lstStyle/>
            <a:p>
              <a:pPr algn="r"/>
              <a:r>
                <a:rPr lang="en-US" sz="1200" b="1"/>
                <a:t>Indicators</a:t>
              </a:r>
              <a:r>
                <a:rPr lang="en-US" sz="1200"/>
                <a:t> need to be developed using available data</a:t>
              </a:r>
              <a:br>
                <a:rPr lang="en-US" sz="1200"/>
              </a:br>
              <a:r>
                <a:rPr lang="en-US" sz="1200"/>
                <a:t> to track progress towards the agreement’s outcomes</a:t>
              </a:r>
            </a:p>
          </p:txBody>
        </p:sp>
        <p:grpSp>
          <p:nvGrpSpPr>
            <p:cNvPr id="16" name="Group 15">
              <a:extLst>
                <a:ext uri="{FF2B5EF4-FFF2-40B4-BE49-F238E27FC236}">
                  <a16:creationId xmlns:a16="http://schemas.microsoft.com/office/drawing/2014/main" id="{968C30CD-4654-72E0-5E92-21AFAA6028DA}"/>
                </a:ext>
              </a:extLst>
            </p:cNvPr>
            <p:cNvGrpSpPr/>
            <p:nvPr/>
          </p:nvGrpSpPr>
          <p:grpSpPr>
            <a:xfrm>
              <a:off x="0" y="1845000"/>
              <a:ext cx="4027819" cy="3120645"/>
              <a:chOff x="-1" y="2860243"/>
              <a:chExt cx="2860274" cy="2216254"/>
            </a:xfrm>
          </p:grpSpPr>
          <p:sp>
            <p:nvSpPr>
              <p:cNvPr id="69" name="Freeform 33">
                <a:extLst>
                  <a:ext uri="{FF2B5EF4-FFF2-40B4-BE49-F238E27FC236}">
                    <a16:creationId xmlns:a16="http://schemas.microsoft.com/office/drawing/2014/main" id="{8E8511E5-6098-1CDA-FC33-55AFE9857645}"/>
                  </a:ext>
                </a:extLst>
              </p:cNvPr>
              <p:cNvSpPr/>
              <p:nvPr/>
            </p:nvSpPr>
            <p:spPr>
              <a:xfrm>
                <a:off x="-1" y="4566335"/>
                <a:ext cx="2860274" cy="510162"/>
              </a:xfrm>
              <a:custGeom>
                <a:avLst/>
                <a:gdLst>
                  <a:gd name="connsiteX0" fmla="*/ 3289078 w 3289077"/>
                  <a:gd name="connsiteY0" fmla="*/ 586645 h 586644"/>
                  <a:gd name="connsiteX1" fmla="*/ 0 w 3289077"/>
                  <a:gd name="connsiteY1" fmla="*/ 586645 h 586644"/>
                  <a:gd name="connsiteX2" fmla="*/ 378524 w 3289077"/>
                  <a:gd name="connsiteY2" fmla="*/ 0 h 586644"/>
                  <a:gd name="connsiteX3" fmla="*/ 2910554 w 3289077"/>
                  <a:gd name="connsiteY3" fmla="*/ 0 h 586644"/>
                  <a:gd name="connsiteX4" fmla="*/ 2931605 w 3289077"/>
                  <a:gd name="connsiteY4" fmla="*/ 32671 h 586644"/>
                  <a:gd name="connsiteX5" fmla="*/ 3240215 w 3289077"/>
                  <a:gd name="connsiteY5" fmla="*/ 510921 h 586644"/>
                  <a:gd name="connsiteX6" fmla="*/ 3289078 w 3289077"/>
                  <a:gd name="connsiteY6" fmla="*/ 586645 h 586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89077" h="586644">
                    <a:moveTo>
                      <a:pt x="3289078" y="586645"/>
                    </a:moveTo>
                    <a:lnTo>
                      <a:pt x="0" y="586645"/>
                    </a:lnTo>
                    <a:lnTo>
                      <a:pt x="378524" y="0"/>
                    </a:lnTo>
                    <a:lnTo>
                      <a:pt x="2910554" y="0"/>
                    </a:lnTo>
                    <a:lnTo>
                      <a:pt x="2931605" y="32671"/>
                    </a:lnTo>
                    <a:lnTo>
                      <a:pt x="3240215" y="510921"/>
                    </a:lnTo>
                    <a:lnTo>
                      <a:pt x="3289078" y="586645"/>
                    </a:lnTo>
                    <a:close/>
                  </a:path>
                </a:pathLst>
              </a:custGeom>
              <a:solidFill>
                <a:schemeClr val="bg2">
                  <a:lumMod val="60000"/>
                  <a:lumOff val="40000"/>
                </a:schemeClr>
              </a:solidFill>
              <a:ln w="0" cap="flat">
                <a:noFill/>
                <a:prstDash val="solid"/>
                <a:miter/>
              </a:ln>
            </p:spPr>
            <p:txBody>
              <a:bodyPr rtlCol="0" anchor="ctr"/>
              <a:lstStyle/>
              <a:p>
                <a:pPr algn="ctr"/>
                <a:endParaRPr lang="en-US" sz="1600" b="1">
                  <a:solidFill>
                    <a:schemeClr val="bg2">
                      <a:lumMod val="60000"/>
                      <a:lumOff val="40000"/>
                    </a:schemeClr>
                  </a:solidFill>
                  <a:latin typeface="Arial Black" panose="020B0604020202020204" pitchFamily="34" charset="0"/>
                  <a:cs typeface="Arial Black" panose="020B0604020202020204" pitchFamily="34" charset="0"/>
                </a:endParaRPr>
              </a:p>
            </p:txBody>
          </p:sp>
          <p:sp>
            <p:nvSpPr>
              <p:cNvPr id="70" name="Freeform 34">
                <a:extLst>
                  <a:ext uri="{FF2B5EF4-FFF2-40B4-BE49-F238E27FC236}">
                    <a16:creationId xmlns:a16="http://schemas.microsoft.com/office/drawing/2014/main" id="{0158471B-1096-577D-04E7-2D736286BAE1}"/>
                  </a:ext>
                </a:extLst>
              </p:cNvPr>
              <p:cNvSpPr/>
              <p:nvPr/>
            </p:nvSpPr>
            <p:spPr>
              <a:xfrm>
                <a:off x="357502" y="4012271"/>
                <a:ext cx="2145268" cy="510162"/>
              </a:xfrm>
              <a:custGeom>
                <a:avLst/>
                <a:gdLst>
                  <a:gd name="connsiteX0" fmla="*/ 2466880 w 2466879"/>
                  <a:gd name="connsiteY0" fmla="*/ 586645 h 586644"/>
                  <a:gd name="connsiteX1" fmla="*/ 0 w 2466879"/>
                  <a:gd name="connsiteY1" fmla="*/ 586645 h 586644"/>
                  <a:gd name="connsiteX2" fmla="*/ 16383 w 2466879"/>
                  <a:gd name="connsiteY2" fmla="*/ 561308 h 586644"/>
                  <a:gd name="connsiteX3" fmla="*/ 32671 w 2466879"/>
                  <a:gd name="connsiteY3" fmla="*/ 536067 h 586644"/>
                  <a:gd name="connsiteX4" fmla="*/ 378619 w 2466879"/>
                  <a:gd name="connsiteY4" fmla="*/ 0 h 586644"/>
                  <a:gd name="connsiteX5" fmla="*/ 2088261 w 2466879"/>
                  <a:gd name="connsiteY5" fmla="*/ 0 h 586644"/>
                  <a:gd name="connsiteX6" fmla="*/ 2104454 w 2466879"/>
                  <a:gd name="connsiteY6" fmla="*/ 25051 h 586644"/>
                  <a:gd name="connsiteX7" fmla="*/ 2422970 w 2466879"/>
                  <a:gd name="connsiteY7" fmla="*/ 518541 h 586644"/>
                  <a:gd name="connsiteX8" fmla="*/ 2434209 w 2466879"/>
                  <a:gd name="connsiteY8" fmla="*/ 536067 h 586644"/>
                  <a:gd name="connsiteX9" fmla="*/ 2450497 w 2466879"/>
                  <a:gd name="connsiteY9" fmla="*/ 561308 h 586644"/>
                  <a:gd name="connsiteX10" fmla="*/ 2466880 w 2466879"/>
                  <a:gd name="connsiteY10" fmla="*/ 586645 h 586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466879" h="586644">
                    <a:moveTo>
                      <a:pt x="2466880" y="586645"/>
                    </a:moveTo>
                    <a:lnTo>
                      <a:pt x="0" y="586645"/>
                    </a:lnTo>
                    <a:lnTo>
                      <a:pt x="16383" y="561308"/>
                    </a:lnTo>
                    <a:lnTo>
                      <a:pt x="32671" y="536067"/>
                    </a:lnTo>
                    <a:lnTo>
                      <a:pt x="378619" y="0"/>
                    </a:lnTo>
                    <a:lnTo>
                      <a:pt x="2088261" y="0"/>
                    </a:lnTo>
                    <a:lnTo>
                      <a:pt x="2104454" y="25051"/>
                    </a:lnTo>
                    <a:lnTo>
                      <a:pt x="2422970" y="518541"/>
                    </a:lnTo>
                    <a:lnTo>
                      <a:pt x="2434209" y="536067"/>
                    </a:lnTo>
                    <a:lnTo>
                      <a:pt x="2450497" y="561308"/>
                    </a:lnTo>
                    <a:lnTo>
                      <a:pt x="2466880" y="586645"/>
                    </a:lnTo>
                    <a:close/>
                  </a:path>
                </a:pathLst>
              </a:custGeom>
              <a:solidFill>
                <a:schemeClr val="bg2">
                  <a:lumMod val="40000"/>
                  <a:lumOff val="60000"/>
                </a:schemeClr>
              </a:solidFill>
              <a:ln w="0" cap="flat">
                <a:noFill/>
                <a:prstDash val="solid"/>
                <a:miter/>
              </a:ln>
            </p:spPr>
            <p:txBody>
              <a:bodyPr rtlCol="0" anchor="ctr"/>
              <a:lstStyle/>
              <a:p>
                <a:pPr algn="ctr"/>
                <a:endParaRPr lang="en-US" sz="1600" b="1">
                  <a:solidFill>
                    <a:schemeClr val="bg1"/>
                  </a:solidFill>
                  <a:latin typeface="Arial Black" panose="020B0604020202020204" pitchFamily="34" charset="0"/>
                  <a:cs typeface="Arial Black" panose="020B0604020202020204" pitchFamily="34" charset="0"/>
                </a:endParaRPr>
              </a:p>
            </p:txBody>
          </p:sp>
          <p:sp>
            <p:nvSpPr>
              <p:cNvPr id="71" name="Freeform 35">
                <a:extLst>
                  <a:ext uri="{FF2B5EF4-FFF2-40B4-BE49-F238E27FC236}">
                    <a16:creationId xmlns:a16="http://schemas.microsoft.com/office/drawing/2014/main" id="{677AEF64-76C2-E86B-D90C-1DC7A7ABEF75}"/>
                  </a:ext>
                </a:extLst>
              </p:cNvPr>
              <p:cNvSpPr/>
              <p:nvPr/>
            </p:nvSpPr>
            <p:spPr>
              <a:xfrm>
                <a:off x="715088" y="3458290"/>
                <a:ext cx="1430096" cy="510080"/>
              </a:xfrm>
              <a:custGeom>
                <a:avLst/>
                <a:gdLst>
                  <a:gd name="connsiteX0" fmla="*/ 1644491 w 1644491"/>
                  <a:gd name="connsiteY0" fmla="*/ 586550 h 586549"/>
                  <a:gd name="connsiteX1" fmla="*/ 0 w 1644491"/>
                  <a:gd name="connsiteY1" fmla="*/ 586550 h 586549"/>
                  <a:gd name="connsiteX2" fmla="*/ 16383 w 1644491"/>
                  <a:gd name="connsiteY2" fmla="*/ 561213 h 586549"/>
                  <a:gd name="connsiteX3" fmla="*/ 32671 w 1644491"/>
                  <a:gd name="connsiteY3" fmla="*/ 535972 h 586549"/>
                  <a:gd name="connsiteX4" fmla="*/ 378428 w 1644491"/>
                  <a:gd name="connsiteY4" fmla="*/ 0 h 586549"/>
                  <a:gd name="connsiteX5" fmla="*/ 1266063 w 1644491"/>
                  <a:gd name="connsiteY5" fmla="*/ 0 h 586549"/>
                  <a:gd name="connsiteX6" fmla="*/ 1282160 w 1644491"/>
                  <a:gd name="connsiteY6" fmla="*/ 25051 h 586549"/>
                  <a:gd name="connsiteX7" fmla="*/ 1600581 w 1644491"/>
                  <a:gd name="connsiteY7" fmla="*/ 518446 h 586549"/>
                  <a:gd name="connsiteX8" fmla="*/ 1611821 w 1644491"/>
                  <a:gd name="connsiteY8" fmla="*/ 535972 h 586549"/>
                  <a:gd name="connsiteX9" fmla="*/ 1628108 w 1644491"/>
                  <a:gd name="connsiteY9" fmla="*/ 561213 h 586549"/>
                  <a:gd name="connsiteX10" fmla="*/ 1644491 w 1644491"/>
                  <a:gd name="connsiteY10" fmla="*/ 586550 h 586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644491" h="586549">
                    <a:moveTo>
                      <a:pt x="1644491" y="586550"/>
                    </a:moveTo>
                    <a:lnTo>
                      <a:pt x="0" y="586550"/>
                    </a:lnTo>
                    <a:lnTo>
                      <a:pt x="16383" y="561213"/>
                    </a:lnTo>
                    <a:lnTo>
                      <a:pt x="32671" y="535972"/>
                    </a:lnTo>
                    <a:lnTo>
                      <a:pt x="378428" y="0"/>
                    </a:lnTo>
                    <a:lnTo>
                      <a:pt x="1266063" y="0"/>
                    </a:lnTo>
                    <a:lnTo>
                      <a:pt x="1282160" y="25051"/>
                    </a:lnTo>
                    <a:lnTo>
                      <a:pt x="1600581" y="518446"/>
                    </a:lnTo>
                    <a:lnTo>
                      <a:pt x="1611821" y="535972"/>
                    </a:lnTo>
                    <a:lnTo>
                      <a:pt x="1628108" y="561213"/>
                    </a:lnTo>
                    <a:lnTo>
                      <a:pt x="1644491" y="586550"/>
                    </a:lnTo>
                    <a:close/>
                  </a:path>
                </a:pathLst>
              </a:custGeom>
              <a:solidFill>
                <a:schemeClr val="accent1">
                  <a:lumMod val="60000"/>
                  <a:lumOff val="40000"/>
                </a:schemeClr>
              </a:solidFill>
              <a:ln w="0" cap="flat">
                <a:noFill/>
                <a:prstDash val="solid"/>
                <a:miter/>
              </a:ln>
            </p:spPr>
            <p:txBody>
              <a:bodyPr rtlCol="0" anchor="ctr"/>
              <a:lstStyle/>
              <a:p>
                <a:pPr algn="ctr"/>
                <a:endParaRPr lang="en-US" sz="1600" b="1">
                  <a:solidFill>
                    <a:schemeClr val="bg1"/>
                  </a:solidFill>
                  <a:latin typeface="Arial Black" panose="020B0604020202020204" pitchFamily="34" charset="0"/>
                  <a:cs typeface="Arial Black" panose="020B0604020202020204" pitchFamily="34" charset="0"/>
                </a:endParaRPr>
              </a:p>
            </p:txBody>
          </p:sp>
          <p:sp>
            <p:nvSpPr>
              <p:cNvPr id="72" name="Freeform 36">
                <a:extLst>
                  <a:ext uri="{FF2B5EF4-FFF2-40B4-BE49-F238E27FC236}">
                    <a16:creationId xmlns:a16="http://schemas.microsoft.com/office/drawing/2014/main" id="{CD12729E-4232-2E77-0C9F-E106B10818F5}"/>
                  </a:ext>
                </a:extLst>
              </p:cNvPr>
              <p:cNvSpPr/>
              <p:nvPr/>
            </p:nvSpPr>
            <p:spPr>
              <a:xfrm>
                <a:off x="1072592" y="2860243"/>
                <a:ext cx="715089" cy="554064"/>
              </a:xfrm>
              <a:custGeom>
                <a:avLst/>
                <a:gdLst>
                  <a:gd name="connsiteX0" fmla="*/ 822293 w 822293"/>
                  <a:gd name="connsiteY0" fmla="*/ 637127 h 637127"/>
                  <a:gd name="connsiteX1" fmla="*/ 0 w 822293"/>
                  <a:gd name="connsiteY1" fmla="*/ 637127 h 637127"/>
                  <a:gd name="connsiteX2" fmla="*/ 16288 w 822293"/>
                  <a:gd name="connsiteY2" fmla="*/ 611886 h 637127"/>
                  <a:gd name="connsiteX3" fmla="*/ 32575 w 822293"/>
                  <a:gd name="connsiteY3" fmla="*/ 586645 h 637127"/>
                  <a:gd name="connsiteX4" fmla="*/ 411194 w 822293"/>
                  <a:gd name="connsiteY4" fmla="*/ 0 h 637127"/>
                  <a:gd name="connsiteX5" fmla="*/ 544925 w 822293"/>
                  <a:gd name="connsiteY5" fmla="*/ 207264 h 637127"/>
                  <a:gd name="connsiteX6" fmla="*/ 778383 w 822293"/>
                  <a:gd name="connsiteY6" fmla="*/ 569024 h 637127"/>
                  <a:gd name="connsiteX7" fmla="*/ 789718 w 822293"/>
                  <a:gd name="connsiteY7" fmla="*/ 586645 h 637127"/>
                  <a:gd name="connsiteX8" fmla="*/ 806005 w 822293"/>
                  <a:gd name="connsiteY8" fmla="*/ 611886 h 637127"/>
                  <a:gd name="connsiteX9" fmla="*/ 822293 w 822293"/>
                  <a:gd name="connsiteY9" fmla="*/ 637127 h 637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22293" h="637127">
                    <a:moveTo>
                      <a:pt x="822293" y="637127"/>
                    </a:moveTo>
                    <a:lnTo>
                      <a:pt x="0" y="637127"/>
                    </a:lnTo>
                    <a:lnTo>
                      <a:pt x="16288" y="611886"/>
                    </a:lnTo>
                    <a:lnTo>
                      <a:pt x="32575" y="586645"/>
                    </a:lnTo>
                    <a:lnTo>
                      <a:pt x="411194" y="0"/>
                    </a:lnTo>
                    <a:lnTo>
                      <a:pt x="544925" y="207264"/>
                    </a:lnTo>
                    <a:lnTo>
                      <a:pt x="778383" y="569024"/>
                    </a:lnTo>
                    <a:lnTo>
                      <a:pt x="789718" y="586645"/>
                    </a:lnTo>
                    <a:lnTo>
                      <a:pt x="806005" y="611886"/>
                    </a:lnTo>
                    <a:lnTo>
                      <a:pt x="822293" y="637127"/>
                    </a:lnTo>
                    <a:close/>
                  </a:path>
                </a:pathLst>
              </a:custGeom>
              <a:solidFill>
                <a:schemeClr val="accent1">
                  <a:lumMod val="40000"/>
                  <a:lumOff val="60000"/>
                </a:schemeClr>
              </a:solidFill>
              <a:ln w="0" cap="flat">
                <a:noFill/>
                <a:prstDash val="solid"/>
                <a:miter/>
              </a:ln>
            </p:spPr>
            <p:txBody>
              <a:bodyPr tIns="180000" rtlCol="0" anchor="ctr"/>
              <a:lstStyle/>
              <a:p>
                <a:pPr algn="ctr"/>
                <a:endParaRPr lang="en-US" sz="1600" b="1">
                  <a:solidFill>
                    <a:schemeClr val="bg1"/>
                  </a:solidFill>
                  <a:latin typeface="Arial Black" panose="020B0604020202020204" pitchFamily="34" charset="0"/>
                  <a:cs typeface="Arial Black" panose="020B0604020202020204" pitchFamily="34" charset="0"/>
                </a:endParaRPr>
              </a:p>
            </p:txBody>
          </p:sp>
        </p:grpSp>
        <p:grpSp>
          <p:nvGrpSpPr>
            <p:cNvPr id="17" name="Group 16">
              <a:extLst>
                <a:ext uri="{FF2B5EF4-FFF2-40B4-BE49-F238E27FC236}">
                  <a16:creationId xmlns:a16="http://schemas.microsoft.com/office/drawing/2014/main" id="{3B8328B8-221E-31DD-08CB-A4F5DFD8E2F6}"/>
                </a:ext>
              </a:extLst>
            </p:cNvPr>
            <p:cNvGrpSpPr/>
            <p:nvPr/>
          </p:nvGrpSpPr>
          <p:grpSpPr>
            <a:xfrm>
              <a:off x="1853420" y="4425645"/>
              <a:ext cx="359998" cy="360000"/>
              <a:chOff x="2108168" y="2892774"/>
              <a:chExt cx="400240" cy="400050"/>
            </a:xfrm>
          </p:grpSpPr>
          <p:sp>
            <p:nvSpPr>
              <p:cNvPr id="58" name="Graphic 142">
                <a:extLst>
                  <a:ext uri="{FF2B5EF4-FFF2-40B4-BE49-F238E27FC236}">
                    <a16:creationId xmlns:a16="http://schemas.microsoft.com/office/drawing/2014/main" id="{C6C76E8D-5DFF-124E-BD11-90705BD9AFFB}"/>
                  </a:ext>
                </a:extLst>
              </p:cNvPr>
              <p:cNvSpPr/>
              <p:nvPr/>
            </p:nvSpPr>
            <p:spPr>
              <a:xfrm>
                <a:off x="2121503" y="2902299"/>
                <a:ext cx="275462" cy="377761"/>
              </a:xfrm>
              <a:custGeom>
                <a:avLst/>
                <a:gdLst>
                  <a:gd name="connsiteX0" fmla="*/ 0 w 275462"/>
                  <a:gd name="connsiteY0" fmla="*/ 0 h 377761"/>
                  <a:gd name="connsiteX1" fmla="*/ 275463 w 275462"/>
                  <a:gd name="connsiteY1" fmla="*/ 0 h 377761"/>
                  <a:gd name="connsiteX2" fmla="*/ 275463 w 275462"/>
                  <a:gd name="connsiteY2" fmla="*/ 377762 h 377761"/>
                  <a:gd name="connsiteX3" fmla="*/ 0 w 275462"/>
                  <a:gd name="connsiteY3" fmla="*/ 377762 h 377761"/>
                </a:gdLst>
                <a:ahLst/>
                <a:cxnLst>
                  <a:cxn ang="0">
                    <a:pos x="connsiteX0" y="connsiteY0"/>
                  </a:cxn>
                  <a:cxn ang="0">
                    <a:pos x="connsiteX1" y="connsiteY1"/>
                  </a:cxn>
                  <a:cxn ang="0">
                    <a:pos x="connsiteX2" y="connsiteY2"/>
                  </a:cxn>
                  <a:cxn ang="0">
                    <a:pos x="connsiteX3" y="connsiteY3"/>
                  </a:cxn>
                </a:cxnLst>
                <a:rect l="l" t="t" r="r" b="b"/>
                <a:pathLst>
                  <a:path w="275462" h="377761">
                    <a:moveTo>
                      <a:pt x="0" y="0"/>
                    </a:moveTo>
                    <a:lnTo>
                      <a:pt x="275463" y="0"/>
                    </a:lnTo>
                    <a:lnTo>
                      <a:pt x="275463" y="377762"/>
                    </a:lnTo>
                    <a:lnTo>
                      <a:pt x="0" y="377762"/>
                    </a:lnTo>
                    <a:close/>
                  </a:path>
                </a:pathLst>
              </a:custGeom>
              <a:solidFill>
                <a:srgbClr val="C7E4F1"/>
              </a:solidFill>
              <a:ln w="9525" cap="flat">
                <a:noFill/>
                <a:prstDash val="solid"/>
                <a:miter/>
              </a:ln>
            </p:spPr>
            <p:txBody>
              <a:bodyPr rtlCol="0" anchor="ctr"/>
              <a:lstStyle/>
              <a:p>
                <a:endParaRPr lang="en-AU" sz="153"/>
              </a:p>
            </p:txBody>
          </p:sp>
          <p:sp>
            <p:nvSpPr>
              <p:cNvPr id="59" name="Graphic 142">
                <a:extLst>
                  <a:ext uri="{FF2B5EF4-FFF2-40B4-BE49-F238E27FC236}">
                    <a16:creationId xmlns:a16="http://schemas.microsoft.com/office/drawing/2014/main" id="{F16CF244-705C-7562-E6A6-F918D7C45DF3}"/>
                  </a:ext>
                </a:extLst>
              </p:cNvPr>
              <p:cNvSpPr/>
              <p:nvPr/>
            </p:nvSpPr>
            <p:spPr>
              <a:xfrm>
                <a:off x="2173700" y="3176238"/>
                <a:ext cx="60579" cy="60579"/>
              </a:xfrm>
              <a:custGeom>
                <a:avLst/>
                <a:gdLst>
                  <a:gd name="connsiteX0" fmla="*/ 60579 w 60579"/>
                  <a:gd name="connsiteY0" fmla="*/ 30194 h 60579"/>
                  <a:gd name="connsiteX1" fmla="*/ 30385 w 60579"/>
                  <a:gd name="connsiteY1" fmla="*/ 60579 h 60579"/>
                  <a:gd name="connsiteX2" fmla="*/ 0 w 60579"/>
                  <a:gd name="connsiteY2" fmla="*/ 30385 h 60579"/>
                  <a:gd name="connsiteX3" fmla="*/ 30194 w 60579"/>
                  <a:gd name="connsiteY3" fmla="*/ 0 h 60579"/>
                  <a:gd name="connsiteX4" fmla="*/ 30385 w 60579"/>
                  <a:gd name="connsiteY4" fmla="*/ 0 h 60579"/>
                  <a:gd name="connsiteX5" fmla="*/ 60579 w 60579"/>
                  <a:gd name="connsiteY5" fmla="*/ 30194 h 605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579" h="60579">
                    <a:moveTo>
                      <a:pt x="60579" y="30194"/>
                    </a:moveTo>
                    <a:cubicBezTo>
                      <a:pt x="60636" y="46920"/>
                      <a:pt x="47111" y="60522"/>
                      <a:pt x="30385" y="60579"/>
                    </a:cubicBezTo>
                    <a:cubicBezTo>
                      <a:pt x="13659" y="60627"/>
                      <a:pt x="57" y="47111"/>
                      <a:pt x="0" y="30385"/>
                    </a:cubicBezTo>
                    <a:cubicBezTo>
                      <a:pt x="-48" y="13659"/>
                      <a:pt x="13468" y="57"/>
                      <a:pt x="30194" y="0"/>
                    </a:cubicBezTo>
                    <a:cubicBezTo>
                      <a:pt x="30261" y="0"/>
                      <a:pt x="30318" y="0"/>
                      <a:pt x="30385" y="0"/>
                    </a:cubicBezTo>
                    <a:cubicBezTo>
                      <a:pt x="47063" y="0"/>
                      <a:pt x="60579" y="13516"/>
                      <a:pt x="60579" y="30194"/>
                    </a:cubicBezTo>
                    <a:close/>
                  </a:path>
                </a:pathLst>
              </a:custGeom>
              <a:solidFill>
                <a:srgbClr val="66B9DA"/>
              </a:solidFill>
              <a:ln w="9525" cap="flat">
                <a:noFill/>
                <a:prstDash val="solid"/>
                <a:miter/>
              </a:ln>
            </p:spPr>
            <p:txBody>
              <a:bodyPr rtlCol="0" anchor="ctr"/>
              <a:lstStyle/>
              <a:p>
                <a:endParaRPr lang="en-AU" sz="153"/>
              </a:p>
            </p:txBody>
          </p:sp>
          <p:sp>
            <p:nvSpPr>
              <p:cNvPr id="60" name="Graphic 142">
                <a:extLst>
                  <a:ext uri="{FF2B5EF4-FFF2-40B4-BE49-F238E27FC236}">
                    <a16:creationId xmlns:a16="http://schemas.microsoft.com/office/drawing/2014/main" id="{A4D03198-3DC0-99ED-B26A-1D9E381CA801}"/>
                  </a:ext>
                </a:extLst>
              </p:cNvPr>
              <p:cNvSpPr/>
              <p:nvPr/>
            </p:nvSpPr>
            <p:spPr>
              <a:xfrm>
                <a:off x="2448306" y="2943066"/>
                <a:ext cx="53530" cy="256603"/>
              </a:xfrm>
              <a:custGeom>
                <a:avLst/>
                <a:gdLst>
                  <a:gd name="connsiteX0" fmla="*/ 0 w 53530"/>
                  <a:gd name="connsiteY0" fmla="*/ 0 h 256603"/>
                  <a:gd name="connsiteX1" fmla="*/ 53530 w 53530"/>
                  <a:gd name="connsiteY1" fmla="*/ 0 h 256603"/>
                  <a:gd name="connsiteX2" fmla="*/ 53530 w 53530"/>
                  <a:gd name="connsiteY2" fmla="*/ 256603 h 256603"/>
                  <a:gd name="connsiteX3" fmla="*/ 0 w 53530"/>
                  <a:gd name="connsiteY3" fmla="*/ 256603 h 256603"/>
                </a:gdLst>
                <a:ahLst/>
                <a:cxnLst>
                  <a:cxn ang="0">
                    <a:pos x="connsiteX0" y="connsiteY0"/>
                  </a:cxn>
                  <a:cxn ang="0">
                    <a:pos x="connsiteX1" y="connsiteY1"/>
                  </a:cxn>
                  <a:cxn ang="0">
                    <a:pos x="connsiteX2" y="connsiteY2"/>
                  </a:cxn>
                  <a:cxn ang="0">
                    <a:pos x="connsiteX3" y="connsiteY3"/>
                  </a:cxn>
                </a:cxnLst>
                <a:rect l="l" t="t" r="r" b="b"/>
                <a:pathLst>
                  <a:path w="53530" h="256603">
                    <a:moveTo>
                      <a:pt x="0" y="0"/>
                    </a:moveTo>
                    <a:lnTo>
                      <a:pt x="53530" y="0"/>
                    </a:lnTo>
                    <a:lnTo>
                      <a:pt x="53530" y="256603"/>
                    </a:lnTo>
                    <a:lnTo>
                      <a:pt x="0" y="256603"/>
                    </a:lnTo>
                    <a:close/>
                  </a:path>
                </a:pathLst>
              </a:custGeom>
              <a:solidFill>
                <a:srgbClr val="66B9DA"/>
              </a:solidFill>
              <a:ln w="9525" cap="flat">
                <a:noFill/>
                <a:prstDash val="solid"/>
                <a:miter/>
              </a:ln>
            </p:spPr>
            <p:txBody>
              <a:bodyPr rtlCol="0" anchor="ctr"/>
              <a:lstStyle/>
              <a:p>
                <a:endParaRPr lang="en-AU" sz="153"/>
              </a:p>
            </p:txBody>
          </p:sp>
          <p:sp>
            <p:nvSpPr>
              <p:cNvPr id="61" name="Graphic 142">
                <a:extLst>
                  <a:ext uri="{FF2B5EF4-FFF2-40B4-BE49-F238E27FC236}">
                    <a16:creationId xmlns:a16="http://schemas.microsoft.com/office/drawing/2014/main" id="{F656006E-5E73-723E-C9F8-CD0C4C2796A8}"/>
                  </a:ext>
                </a:extLst>
              </p:cNvPr>
              <p:cNvSpPr/>
              <p:nvPr/>
            </p:nvSpPr>
            <p:spPr>
              <a:xfrm>
                <a:off x="2175033" y="3003645"/>
                <a:ext cx="164972" cy="17907"/>
              </a:xfrm>
              <a:custGeom>
                <a:avLst/>
                <a:gdLst>
                  <a:gd name="connsiteX0" fmla="*/ 8953 w 164972"/>
                  <a:gd name="connsiteY0" fmla="*/ 17907 h 17907"/>
                  <a:gd name="connsiteX1" fmla="*/ 0 w 164972"/>
                  <a:gd name="connsiteY1" fmla="*/ 8954 h 17907"/>
                  <a:gd name="connsiteX2" fmla="*/ 8953 w 164972"/>
                  <a:gd name="connsiteY2" fmla="*/ 0 h 17907"/>
                  <a:gd name="connsiteX3" fmla="*/ 156019 w 164972"/>
                  <a:gd name="connsiteY3" fmla="*/ 0 h 17907"/>
                  <a:gd name="connsiteX4" fmla="*/ 164973 w 164972"/>
                  <a:gd name="connsiteY4" fmla="*/ 8954 h 17907"/>
                  <a:gd name="connsiteX5" fmla="*/ 156019 w 16497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2" h="17907">
                    <a:moveTo>
                      <a:pt x="8953" y="17907"/>
                    </a:moveTo>
                    <a:cubicBezTo>
                      <a:pt x="4010" y="17907"/>
                      <a:pt x="0" y="13897"/>
                      <a:pt x="0" y="8954"/>
                    </a:cubicBezTo>
                    <a:cubicBezTo>
                      <a:pt x="0" y="4010"/>
                      <a:pt x="4010" y="0"/>
                      <a:pt x="8953" y="0"/>
                    </a:cubicBezTo>
                    <a:lnTo>
                      <a:pt x="156019" y="0"/>
                    </a:lnTo>
                    <a:cubicBezTo>
                      <a:pt x="160963" y="0"/>
                      <a:pt x="164973" y="4010"/>
                      <a:pt x="164973" y="8954"/>
                    </a:cubicBezTo>
                    <a:cubicBezTo>
                      <a:pt x="164973" y="13897"/>
                      <a:pt x="160963" y="17907"/>
                      <a:pt x="156019" y="17907"/>
                    </a:cubicBezTo>
                    <a:close/>
                  </a:path>
                </a:pathLst>
              </a:custGeom>
              <a:solidFill>
                <a:srgbClr val="265999"/>
              </a:solidFill>
              <a:ln w="9525" cap="flat">
                <a:noFill/>
                <a:prstDash val="solid"/>
                <a:miter/>
              </a:ln>
            </p:spPr>
            <p:txBody>
              <a:bodyPr rtlCol="0" anchor="ctr"/>
              <a:lstStyle/>
              <a:p>
                <a:endParaRPr lang="en-AU" sz="153"/>
              </a:p>
            </p:txBody>
          </p:sp>
          <p:sp>
            <p:nvSpPr>
              <p:cNvPr id="62" name="Graphic 142">
                <a:extLst>
                  <a:ext uri="{FF2B5EF4-FFF2-40B4-BE49-F238E27FC236}">
                    <a16:creationId xmlns:a16="http://schemas.microsoft.com/office/drawing/2014/main" id="{08C4B707-441A-88B2-EE80-304F10DCC7F3}"/>
                  </a:ext>
                </a:extLst>
              </p:cNvPr>
              <p:cNvSpPr/>
              <p:nvPr/>
            </p:nvSpPr>
            <p:spPr>
              <a:xfrm>
                <a:off x="2215963" y="2950114"/>
                <a:ext cx="82923" cy="18002"/>
              </a:xfrm>
              <a:custGeom>
                <a:avLst/>
                <a:gdLst>
                  <a:gd name="connsiteX0" fmla="*/ 8124 w 82923"/>
                  <a:gd name="connsiteY0" fmla="*/ 18002 h 18002"/>
                  <a:gd name="connsiteX1" fmla="*/ 47 w 82923"/>
                  <a:gd name="connsiteY1" fmla="*/ 8077 h 18002"/>
                  <a:gd name="connsiteX2" fmla="*/ 8124 w 82923"/>
                  <a:gd name="connsiteY2" fmla="*/ 0 h 18002"/>
                  <a:gd name="connsiteX3" fmla="*/ 74799 w 82923"/>
                  <a:gd name="connsiteY3" fmla="*/ 0 h 18002"/>
                  <a:gd name="connsiteX4" fmla="*/ 82877 w 82923"/>
                  <a:gd name="connsiteY4" fmla="*/ 9925 h 18002"/>
                  <a:gd name="connsiteX5" fmla="*/ 74799 w 82923"/>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2923" h="18002">
                    <a:moveTo>
                      <a:pt x="8124" y="18002"/>
                    </a:moveTo>
                    <a:cubicBezTo>
                      <a:pt x="3152" y="17488"/>
                      <a:pt x="-458" y="13049"/>
                      <a:pt x="47" y="8077"/>
                    </a:cubicBezTo>
                    <a:cubicBezTo>
                      <a:pt x="485" y="3810"/>
                      <a:pt x="3857" y="438"/>
                      <a:pt x="8124" y="0"/>
                    </a:cubicBezTo>
                    <a:lnTo>
                      <a:pt x="74799" y="0"/>
                    </a:lnTo>
                    <a:cubicBezTo>
                      <a:pt x="79771" y="514"/>
                      <a:pt x="83381" y="4953"/>
                      <a:pt x="82877" y="9925"/>
                    </a:cubicBezTo>
                    <a:cubicBezTo>
                      <a:pt x="82438" y="14192"/>
                      <a:pt x="79067" y="17564"/>
                      <a:pt x="74799" y="18002"/>
                    </a:cubicBezTo>
                    <a:close/>
                  </a:path>
                </a:pathLst>
              </a:custGeom>
              <a:solidFill>
                <a:srgbClr val="265999"/>
              </a:solidFill>
              <a:ln w="9525" cap="flat">
                <a:noFill/>
                <a:prstDash val="solid"/>
                <a:miter/>
              </a:ln>
            </p:spPr>
            <p:txBody>
              <a:bodyPr rtlCol="0" anchor="ctr"/>
              <a:lstStyle/>
              <a:p>
                <a:endParaRPr lang="en-AU" sz="153"/>
              </a:p>
            </p:txBody>
          </p:sp>
          <p:sp>
            <p:nvSpPr>
              <p:cNvPr id="63" name="Graphic 142">
                <a:extLst>
                  <a:ext uri="{FF2B5EF4-FFF2-40B4-BE49-F238E27FC236}">
                    <a16:creationId xmlns:a16="http://schemas.microsoft.com/office/drawing/2014/main" id="{5E0FFFF7-E1AD-FAA8-BDE1-AA0AB303ED97}"/>
                  </a:ext>
                </a:extLst>
              </p:cNvPr>
              <p:cNvSpPr/>
              <p:nvPr/>
            </p:nvSpPr>
            <p:spPr>
              <a:xfrm>
                <a:off x="2175862" y="3057031"/>
                <a:ext cx="165164" cy="18100"/>
              </a:xfrm>
              <a:custGeom>
                <a:avLst/>
                <a:gdLst>
                  <a:gd name="connsiteX0" fmla="*/ 8124 w 165164"/>
                  <a:gd name="connsiteY0" fmla="*/ 18051 h 18100"/>
                  <a:gd name="connsiteX1" fmla="*/ 47 w 165164"/>
                  <a:gd name="connsiteY1" fmla="*/ 8126 h 18100"/>
                  <a:gd name="connsiteX2" fmla="*/ 8124 w 165164"/>
                  <a:gd name="connsiteY2" fmla="*/ 49 h 18100"/>
                  <a:gd name="connsiteX3" fmla="*/ 155190 w 165164"/>
                  <a:gd name="connsiteY3" fmla="*/ 49 h 18100"/>
                  <a:gd name="connsiteX4" fmla="*/ 165115 w 165164"/>
                  <a:gd name="connsiteY4" fmla="*/ 8126 h 18100"/>
                  <a:gd name="connsiteX5" fmla="*/ 157048 w 165164"/>
                  <a:gd name="connsiteY5" fmla="*/ 18051 h 18100"/>
                  <a:gd name="connsiteX6" fmla="*/ 155190 w 165164"/>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65164" h="18100">
                    <a:moveTo>
                      <a:pt x="8124" y="18051"/>
                    </a:moveTo>
                    <a:cubicBezTo>
                      <a:pt x="3152" y="17537"/>
                      <a:pt x="-458" y="13098"/>
                      <a:pt x="47" y="8126"/>
                    </a:cubicBezTo>
                    <a:cubicBezTo>
                      <a:pt x="485" y="3859"/>
                      <a:pt x="3857" y="487"/>
                      <a:pt x="8124" y="49"/>
                    </a:cubicBezTo>
                    <a:lnTo>
                      <a:pt x="155190" y="49"/>
                    </a:lnTo>
                    <a:cubicBezTo>
                      <a:pt x="160162" y="-466"/>
                      <a:pt x="164610" y="3154"/>
                      <a:pt x="165115" y="8126"/>
                    </a:cubicBezTo>
                    <a:cubicBezTo>
                      <a:pt x="165630" y="13098"/>
                      <a:pt x="162020" y="17537"/>
                      <a:pt x="157048" y="18051"/>
                    </a:cubicBezTo>
                    <a:cubicBezTo>
                      <a:pt x="156429" y="18118"/>
                      <a:pt x="155809" y="18118"/>
                      <a:pt x="155190" y="18051"/>
                    </a:cubicBezTo>
                    <a:close/>
                  </a:path>
                </a:pathLst>
              </a:custGeom>
              <a:solidFill>
                <a:srgbClr val="265999"/>
              </a:solidFill>
              <a:ln w="9525" cap="flat">
                <a:noFill/>
                <a:prstDash val="solid"/>
                <a:miter/>
              </a:ln>
            </p:spPr>
            <p:txBody>
              <a:bodyPr rtlCol="0" anchor="ctr"/>
              <a:lstStyle/>
              <a:p>
                <a:endParaRPr lang="en-AU" sz="153"/>
              </a:p>
            </p:txBody>
          </p:sp>
          <p:sp>
            <p:nvSpPr>
              <p:cNvPr id="64" name="Graphic 142">
                <a:extLst>
                  <a:ext uri="{FF2B5EF4-FFF2-40B4-BE49-F238E27FC236}">
                    <a16:creationId xmlns:a16="http://schemas.microsoft.com/office/drawing/2014/main" id="{2C6069EB-5844-7494-BD96-2BE5B7CB5EBC}"/>
                  </a:ext>
                </a:extLst>
              </p:cNvPr>
              <p:cNvSpPr/>
              <p:nvPr/>
            </p:nvSpPr>
            <p:spPr>
              <a:xfrm>
                <a:off x="2175033" y="3110611"/>
                <a:ext cx="164972" cy="17906"/>
              </a:xfrm>
              <a:custGeom>
                <a:avLst/>
                <a:gdLst>
                  <a:gd name="connsiteX0" fmla="*/ 8953 w 164972"/>
                  <a:gd name="connsiteY0" fmla="*/ 17907 h 17906"/>
                  <a:gd name="connsiteX1" fmla="*/ 0 w 164972"/>
                  <a:gd name="connsiteY1" fmla="*/ 8953 h 17906"/>
                  <a:gd name="connsiteX2" fmla="*/ 8953 w 164972"/>
                  <a:gd name="connsiteY2" fmla="*/ 0 h 17906"/>
                  <a:gd name="connsiteX3" fmla="*/ 156019 w 164972"/>
                  <a:gd name="connsiteY3" fmla="*/ 0 h 17906"/>
                  <a:gd name="connsiteX4" fmla="*/ 164973 w 164972"/>
                  <a:gd name="connsiteY4" fmla="*/ 8953 h 17906"/>
                  <a:gd name="connsiteX5" fmla="*/ 156019 w 1649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2" h="17906">
                    <a:moveTo>
                      <a:pt x="8953" y="17907"/>
                    </a:moveTo>
                    <a:cubicBezTo>
                      <a:pt x="4010" y="17907"/>
                      <a:pt x="0" y="13897"/>
                      <a:pt x="0" y="8953"/>
                    </a:cubicBezTo>
                    <a:cubicBezTo>
                      <a:pt x="0" y="4010"/>
                      <a:pt x="4010" y="0"/>
                      <a:pt x="8953" y="0"/>
                    </a:cubicBezTo>
                    <a:lnTo>
                      <a:pt x="156019" y="0"/>
                    </a:lnTo>
                    <a:cubicBezTo>
                      <a:pt x="160963" y="0"/>
                      <a:pt x="164973" y="4010"/>
                      <a:pt x="164973" y="8953"/>
                    </a:cubicBezTo>
                    <a:cubicBezTo>
                      <a:pt x="164973" y="13897"/>
                      <a:pt x="160963" y="17907"/>
                      <a:pt x="156019" y="17907"/>
                    </a:cubicBezTo>
                    <a:close/>
                  </a:path>
                </a:pathLst>
              </a:custGeom>
              <a:solidFill>
                <a:srgbClr val="265999"/>
              </a:solidFill>
              <a:ln w="9525" cap="flat">
                <a:noFill/>
                <a:prstDash val="solid"/>
                <a:miter/>
              </a:ln>
            </p:spPr>
            <p:txBody>
              <a:bodyPr rtlCol="0" anchor="ctr"/>
              <a:lstStyle/>
              <a:p>
                <a:endParaRPr lang="en-AU" sz="153"/>
              </a:p>
            </p:txBody>
          </p:sp>
          <p:sp>
            <p:nvSpPr>
              <p:cNvPr id="65" name="Graphic 142">
                <a:extLst>
                  <a:ext uri="{FF2B5EF4-FFF2-40B4-BE49-F238E27FC236}">
                    <a16:creationId xmlns:a16="http://schemas.microsoft.com/office/drawing/2014/main" id="{4DFEC71A-8761-1985-BC47-83AA2650D634}"/>
                  </a:ext>
                </a:extLst>
              </p:cNvPr>
              <p:cNvSpPr/>
              <p:nvPr/>
            </p:nvSpPr>
            <p:spPr>
              <a:xfrm>
                <a:off x="2108168" y="2892774"/>
                <a:ext cx="298704" cy="400050"/>
              </a:xfrm>
              <a:custGeom>
                <a:avLst/>
                <a:gdLst>
                  <a:gd name="connsiteX0" fmla="*/ 22384 w 298704"/>
                  <a:gd name="connsiteY0" fmla="*/ 400050 h 400050"/>
                  <a:gd name="connsiteX1" fmla="*/ 0 w 298704"/>
                  <a:gd name="connsiteY1" fmla="*/ 377762 h 400050"/>
                  <a:gd name="connsiteX2" fmla="*/ 0 w 298704"/>
                  <a:gd name="connsiteY2" fmla="*/ 22384 h 400050"/>
                  <a:gd name="connsiteX3" fmla="*/ 22384 w 298704"/>
                  <a:gd name="connsiteY3" fmla="*/ 0 h 400050"/>
                  <a:gd name="connsiteX4" fmla="*/ 276416 w 298704"/>
                  <a:gd name="connsiteY4" fmla="*/ 0 h 400050"/>
                  <a:gd name="connsiteX5" fmla="*/ 298704 w 298704"/>
                  <a:gd name="connsiteY5" fmla="*/ 22384 h 400050"/>
                  <a:gd name="connsiteX6" fmla="*/ 298704 w 298704"/>
                  <a:gd name="connsiteY6" fmla="*/ 377476 h 400050"/>
                  <a:gd name="connsiteX7" fmla="*/ 276416 w 298704"/>
                  <a:gd name="connsiteY7" fmla="*/ 399764 h 400050"/>
                  <a:gd name="connsiteX8" fmla="*/ 22384 w 298704"/>
                  <a:gd name="connsiteY8" fmla="*/ 18002 h 400050"/>
                  <a:gd name="connsiteX9" fmla="*/ 17907 w 298704"/>
                  <a:gd name="connsiteY9" fmla="*/ 22289 h 400050"/>
                  <a:gd name="connsiteX10" fmla="*/ 17907 w 298704"/>
                  <a:gd name="connsiteY10" fmla="*/ 22384 h 400050"/>
                  <a:gd name="connsiteX11" fmla="*/ 17907 w 298704"/>
                  <a:gd name="connsiteY11" fmla="*/ 377476 h 400050"/>
                  <a:gd name="connsiteX12" fmla="*/ 22384 w 298704"/>
                  <a:gd name="connsiteY12" fmla="*/ 381857 h 400050"/>
                  <a:gd name="connsiteX13" fmla="*/ 276320 w 298704"/>
                  <a:gd name="connsiteY13" fmla="*/ 381857 h 400050"/>
                  <a:gd name="connsiteX14" fmla="*/ 280702 w 298704"/>
                  <a:gd name="connsiteY14" fmla="*/ 377476 h 400050"/>
                  <a:gd name="connsiteX15" fmla="*/ 280702 w 298704"/>
                  <a:gd name="connsiteY15" fmla="*/ 22384 h 400050"/>
                  <a:gd name="connsiteX16" fmla="*/ 279368 w 298704"/>
                  <a:gd name="connsiteY16" fmla="*/ 19241 h 400050"/>
                  <a:gd name="connsiteX17" fmla="*/ 276320 w 298704"/>
                  <a:gd name="connsiteY17" fmla="*/ 18002 h 4000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98704" h="400050">
                    <a:moveTo>
                      <a:pt x="22384" y="400050"/>
                    </a:moveTo>
                    <a:cubicBezTo>
                      <a:pt x="10058" y="400050"/>
                      <a:pt x="48" y="390087"/>
                      <a:pt x="0" y="377762"/>
                    </a:cubicBezTo>
                    <a:lnTo>
                      <a:pt x="0" y="22384"/>
                    </a:lnTo>
                    <a:cubicBezTo>
                      <a:pt x="0" y="10020"/>
                      <a:pt x="10020" y="0"/>
                      <a:pt x="22384" y="0"/>
                    </a:cubicBezTo>
                    <a:lnTo>
                      <a:pt x="276416" y="0"/>
                    </a:lnTo>
                    <a:cubicBezTo>
                      <a:pt x="288741" y="57"/>
                      <a:pt x="298704" y="10058"/>
                      <a:pt x="298704" y="22384"/>
                    </a:cubicBezTo>
                    <a:lnTo>
                      <a:pt x="298704" y="377476"/>
                    </a:lnTo>
                    <a:cubicBezTo>
                      <a:pt x="298704" y="389782"/>
                      <a:pt x="288722" y="399764"/>
                      <a:pt x="276416" y="399764"/>
                    </a:cubicBezTo>
                    <a:close/>
                    <a:moveTo>
                      <a:pt x="22384" y="18002"/>
                    </a:moveTo>
                    <a:cubicBezTo>
                      <a:pt x="19964" y="17945"/>
                      <a:pt x="17964" y="19869"/>
                      <a:pt x="17907" y="22289"/>
                    </a:cubicBezTo>
                    <a:cubicBezTo>
                      <a:pt x="17907" y="22317"/>
                      <a:pt x="17907" y="22355"/>
                      <a:pt x="17907" y="22384"/>
                    </a:cubicBezTo>
                    <a:lnTo>
                      <a:pt x="17907" y="377476"/>
                    </a:lnTo>
                    <a:cubicBezTo>
                      <a:pt x="17955" y="379914"/>
                      <a:pt x="19945" y="381857"/>
                      <a:pt x="22384" y="381857"/>
                    </a:cubicBezTo>
                    <a:lnTo>
                      <a:pt x="276320" y="381857"/>
                    </a:lnTo>
                    <a:cubicBezTo>
                      <a:pt x="278740" y="381857"/>
                      <a:pt x="280702" y="379895"/>
                      <a:pt x="280702" y="377476"/>
                    </a:cubicBezTo>
                    <a:lnTo>
                      <a:pt x="280702" y="22384"/>
                    </a:lnTo>
                    <a:cubicBezTo>
                      <a:pt x="280692" y="21203"/>
                      <a:pt x="280206" y="20069"/>
                      <a:pt x="279368" y="19241"/>
                    </a:cubicBezTo>
                    <a:cubicBezTo>
                      <a:pt x="278549" y="18450"/>
                      <a:pt x="277463" y="18002"/>
                      <a:pt x="276320" y="18002"/>
                    </a:cubicBezTo>
                    <a:close/>
                  </a:path>
                </a:pathLst>
              </a:custGeom>
              <a:solidFill>
                <a:srgbClr val="265999"/>
              </a:solidFill>
              <a:ln w="9525" cap="flat">
                <a:noFill/>
                <a:prstDash val="solid"/>
                <a:miter/>
              </a:ln>
            </p:spPr>
            <p:txBody>
              <a:bodyPr rtlCol="0" anchor="ctr"/>
              <a:lstStyle/>
              <a:p>
                <a:endParaRPr lang="en-AU" sz="153"/>
              </a:p>
            </p:txBody>
          </p:sp>
          <p:sp>
            <p:nvSpPr>
              <p:cNvPr id="66" name="Graphic 142">
                <a:extLst>
                  <a:ext uri="{FF2B5EF4-FFF2-40B4-BE49-F238E27FC236}">
                    <a16:creationId xmlns:a16="http://schemas.microsoft.com/office/drawing/2014/main" id="{9A2B2E4E-E7E1-A6AA-0567-2EB8BF936A0B}"/>
                  </a:ext>
                </a:extLst>
              </p:cNvPr>
              <p:cNvSpPr/>
              <p:nvPr/>
            </p:nvSpPr>
            <p:spPr>
              <a:xfrm>
                <a:off x="2436304" y="2892774"/>
                <a:ext cx="72104" cy="400050"/>
              </a:xfrm>
              <a:custGeom>
                <a:avLst/>
                <a:gdLst>
                  <a:gd name="connsiteX0" fmla="*/ 36195 w 72104"/>
                  <a:gd name="connsiteY0" fmla="*/ 400050 h 400050"/>
                  <a:gd name="connsiteX1" fmla="*/ 26670 w 72104"/>
                  <a:gd name="connsiteY1" fmla="*/ 391096 h 400050"/>
                  <a:gd name="connsiteX2" fmla="*/ 26670 w 72104"/>
                  <a:gd name="connsiteY2" fmla="*/ 364331 h 400050"/>
                  <a:gd name="connsiteX3" fmla="*/ 22288 w 72104"/>
                  <a:gd name="connsiteY3" fmla="*/ 359950 h 400050"/>
                  <a:gd name="connsiteX4" fmla="*/ 13335 w 72104"/>
                  <a:gd name="connsiteY4" fmla="*/ 350996 h 400050"/>
                  <a:gd name="connsiteX5" fmla="*/ 13335 w 72104"/>
                  <a:gd name="connsiteY5" fmla="*/ 324231 h 400050"/>
                  <a:gd name="connsiteX6" fmla="*/ 8954 w 72104"/>
                  <a:gd name="connsiteY6" fmla="*/ 319850 h 400050"/>
                  <a:gd name="connsiteX7" fmla="*/ 0 w 72104"/>
                  <a:gd name="connsiteY7" fmla="*/ 310896 h 400050"/>
                  <a:gd name="connsiteX8" fmla="*/ 0 w 72104"/>
                  <a:gd name="connsiteY8" fmla="*/ 49149 h 400050"/>
                  <a:gd name="connsiteX9" fmla="*/ 8954 w 72104"/>
                  <a:gd name="connsiteY9" fmla="*/ 40100 h 400050"/>
                  <a:gd name="connsiteX10" fmla="*/ 13335 w 72104"/>
                  <a:gd name="connsiteY10" fmla="*/ 35719 h 400050"/>
                  <a:gd name="connsiteX11" fmla="*/ 13335 w 72104"/>
                  <a:gd name="connsiteY11" fmla="*/ 9049 h 400050"/>
                  <a:gd name="connsiteX12" fmla="*/ 22288 w 72104"/>
                  <a:gd name="connsiteY12" fmla="*/ 0 h 400050"/>
                  <a:gd name="connsiteX13" fmla="*/ 49721 w 72104"/>
                  <a:gd name="connsiteY13" fmla="*/ 0 h 400050"/>
                  <a:gd name="connsiteX14" fmla="*/ 58674 w 72104"/>
                  <a:gd name="connsiteY14" fmla="*/ 9049 h 400050"/>
                  <a:gd name="connsiteX15" fmla="*/ 58674 w 72104"/>
                  <a:gd name="connsiteY15" fmla="*/ 35719 h 400050"/>
                  <a:gd name="connsiteX16" fmla="*/ 63055 w 72104"/>
                  <a:gd name="connsiteY16" fmla="*/ 40100 h 400050"/>
                  <a:gd name="connsiteX17" fmla="*/ 63151 w 72104"/>
                  <a:gd name="connsiteY17" fmla="*/ 40100 h 400050"/>
                  <a:gd name="connsiteX18" fmla="*/ 72104 w 72104"/>
                  <a:gd name="connsiteY18" fmla="*/ 49149 h 400050"/>
                  <a:gd name="connsiteX19" fmla="*/ 72104 w 72104"/>
                  <a:gd name="connsiteY19" fmla="*/ 310801 h 400050"/>
                  <a:gd name="connsiteX20" fmla="*/ 63151 w 72104"/>
                  <a:gd name="connsiteY20" fmla="*/ 319754 h 400050"/>
                  <a:gd name="connsiteX21" fmla="*/ 58674 w 72104"/>
                  <a:gd name="connsiteY21" fmla="*/ 324136 h 400050"/>
                  <a:gd name="connsiteX22" fmla="*/ 58674 w 72104"/>
                  <a:gd name="connsiteY22" fmla="*/ 350901 h 400050"/>
                  <a:gd name="connsiteX23" fmla="*/ 49721 w 72104"/>
                  <a:gd name="connsiteY23" fmla="*/ 359855 h 400050"/>
                  <a:gd name="connsiteX24" fmla="*/ 45339 w 72104"/>
                  <a:gd name="connsiteY24" fmla="*/ 364236 h 400050"/>
                  <a:gd name="connsiteX25" fmla="*/ 45339 w 72104"/>
                  <a:gd name="connsiteY25" fmla="*/ 391001 h 400050"/>
                  <a:gd name="connsiteX26" fmla="*/ 36481 w 72104"/>
                  <a:gd name="connsiteY26" fmla="*/ 400050 h 400050"/>
                  <a:gd name="connsiteX27" fmla="*/ 36195 w 72104"/>
                  <a:gd name="connsiteY27" fmla="*/ 400050 h 400050"/>
                  <a:gd name="connsiteX28" fmla="*/ 22765 w 72104"/>
                  <a:gd name="connsiteY28" fmla="*/ 58103 h 400050"/>
                  <a:gd name="connsiteX29" fmla="*/ 18383 w 72104"/>
                  <a:gd name="connsiteY29" fmla="*/ 62484 h 400050"/>
                  <a:gd name="connsiteX30" fmla="*/ 18383 w 72104"/>
                  <a:gd name="connsiteY30" fmla="*/ 297466 h 400050"/>
                  <a:gd name="connsiteX31" fmla="*/ 22765 w 72104"/>
                  <a:gd name="connsiteY31" fmla="*/ 301847 h 400050"/>
                  <a:gd name="connsiteX32" fmla="*/ 49721 w 72104"/>
                  <a:gd name="connsiteY32" fmla="*/ 301847 h 400050"/>
                  <a:gd name="connsiteX33" fmla="*/ 54102 w 72104"/>
                  <a:gd name="connsiteY33" fmla="*/ 297656 h 400050"/>
                  <a:gd name="connsiteX34" fmla="*/ 54102 w 72104"/>
                  <a:gd name="connsiteY34" fmla="*/ 297466 h 400050"/>
                  <a:gd name="connsiteX35" fmla="*/ 54102 w 72104"/>
                  <a:gd name="connsiteY35" fmla="*/ 62484 h 400050"/>
                  <a:gd name="connsiteX36" fmla="*/ 49721 w 72104"/>
                  <a:gd name="connsiteY36" fmla="*/ 58103 h 4000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72104" h="400050">
                    <a:moveTo>
                      <a:pt x="36195" y="400050"/>
                    </a:moveTo>
                    <a:cubicBezTo>
                      <a:pt x="31147" y="400060"/>
                      <a:pt x="26975" y="396135"/>
                      <a:pt x="26670" y="391096"/>
                    </a:cubicBezTo>
                    <a:lnTo>
                      <a:pt x="26670" y="364331"/>
                    </a:lnTo>
                    <a:cubicBezTo>
                      <a:pt x="26670" y="361912"/>
                      <a:pt x="24708" y="359950"/>
                      <a:pt x="22288" y="359950"/>
                    </a:cubicBezTo>
                    <a:cubicBezTo>
                      <a:pt x="17345" y="359950"/>
                      <a:pt x="13335" y="355940"/>
                      <a:pt x="13335" y="350996"/>
                    </a:cubicBezTo>
                    <a:lnTo>
                      <a:pt x="13335" y="324231"/>
                    </a:lnTo>
                    <a:cubicBezTo>
                      <a:pt x="13287" y="321831"/>
                      <a:pt x="11354" y="319897"/>
                      <a:pt x="8954" y="319850"/>
                    </a:cubicBezTo>
                    <a:cubicBezTo>
                      <a:pt x="4010" y="319850"/>
                      <a:pt x="0" y="315840"/>
                      <a:pt x="0" y="310896"/>
                    </a:cubicBezTo>
                    <a:lnTo>
                      <a:pt x="0" y="49149"/>
                    </a:lnTo>
                    <a:cubicBezTo>
                      <a:pt x="238" y="44291"/>
                      <a:pt x="4096" y="40386"/>
                      <a:pt x="8954" y="40100"/>
                    </a:cubicBezTo>
                    <a:cubicBezTo>
                      <a:pt x="11373" y="40100"/>
                      <a:pt x="13335" y="38138"/>
                      <a:pt x="13335" y="35719"/>
                    </a:cubicBezTo>
                    <a:lnTo>
                      <a:pt x="13335" y="9049"/>
                    </a:lnTo>
                    <a:cubicBezTo>
                      <a:pt x="13573" y="4191"/>
                      <a:pt x="17431" y="286"/>
                      <a:pt x="22288" y="0"/>
                    </a:cubicBezTo>
                    <a:lnTo>
                      <a:pt x="49721" y="0"/>
                    </a:lnTo>
                    <a:cubicBezTo>
                      <a:pt x="54578" y="286"/>
                      <a:pt x="58436" y="4191"/>
                      <a:pt x="58674" y="9049"/>
                    </a:cubicBezTo>
                    <a:lnTo>
                      <a:pt x="58674" y="35719"/>
                    </a:lnTo>
                    <a:cubicBezTo>
                      <a:pt x="58674" y="38138"/>
                      <a:pt x="60636" y="40100"/>
                      <a:pt x="63055" y="40100"/>
                    </a:cubicBezTo>
                    <a:cubicBezTo>
                      <a:pt x="63084" y="40100"/>
                      <a:pt x="63122" y="40100"/>
                      <a:pt x="63151" y="40100"/>
                    </a:cubicBezTo>
                    <a:cubicBezTo>
                      <a:pt x="68008" y="40386"/>
                      <a:pt x="71866" y="44291"/>
                      <a:pt x="72104" y="49149"/>
                    </a:cubicBezTo>
                    <a:lnTo>
                      <a:pt x="72104" y="310801"/>
                    </a:lnTo>
                    <a:cubicBezTo>
                      <a:pt x="72104" y="315744"/>
                      <a:pt x="68094" y="319754"/>
                      <a:pt x="63151" y="319754"/>
                    </a:cubicBezTo>
                    <a:cubicBezTo>
                      <a:pt x="60712" y="319754"/>
                      <a:pt x="58722" y="321697"/>
                      <a:pt x="58674" y="324136"/>
                    </a:cubicBezTo>
                    <a:lnTo>
                      <a:pt x="58674" y="350901"/>
                    </a:lnTo>
                    <a:cubicBezTo>
                      <a:pt x="58674" y="355845"/>
                      <a:pt x="54664" y="359855"/>
                      <a:pt x="49721" y="359855"/>
                    </a:cubicBezTo>
                    <a:cubicBezTo>
                      <a:pt x="47320" y="359902"/>
                      <a:pt x="45387" y="361836"/>
                      <a:pt x="45339" y="364236"/>
                    </a:cubicBezTo>
                    <a:lnTo>
                      <a:pt x="45339" y="391001"/>
                    </a:lnTo>
                    <a:cubicBezTo>
                      <a:pt x="45396" y="395945"/>
                      <a:pt x="41424" y="400002"/>
                      <a:pt x="36481" y="400050"/>
                    </a:cubicBezTo>
                    <a:cubicBezTo>
                      <a:pt x="36386" y="400050"/>
                      <a:pt x="36290" y="400050"/>
                      <a:pt x="36195" y="400050"/>
                    </a:cubicBezTo>
                    <a:close/>
                    <a:moveTo>
                      <a:pt x="22765" y="58103"/>
                    </a:moveTo>
                    <a:cubicBezTo>
                      <a:pt x="20364" y="58150"/>
                      <a:pt x="18431" y="60084"/>
                      <a:pt x="18383" y="62484"/>
                    </a:cubicBezTo>
                    <a:lnTo>
                      <a:pt x="18383" y="297466"/>
                    </a:lnTo>
                    <a:cubicBezTo>
                      <a:pt x="18383" y="299885"/>
                      <a:pt x="20345" y="301847"/>
                      <a:pt x="22765" y="301847"/>
                    </a:cubicBezTo>
                    <a:lnTo>
                      <a:pt x="49721" y="301847"/>
                    </a:lnTo>
                    <a:cubicBezTo>
                      <a:pt x="52083" y="301904"/>
                      <a:pt x="54045" y="300028"/>
                      <a:pt x="54102" y="297656"/>
                    </a:cubicBezTo>
                    <a:cubicBezTo>
                      <a:pt x="54102" y="297590"/>
                      <a:pt x="54102" y="297532"/>
                      <a:pt x="54102" y="297466"/>
                    </a:cubicBezTo>
                    <a:lnTo>
                      <a:pt x="54102" y="62484"/>
                    </a:lnTo>
                    <a:cubicBezTo>
                      <a:pt x="54102" y="60065"/>
                      <a:pt x="52140" y="58103"/>
                      <a:pt x="49721" y="58103"/>
                    </a:cubicBezTo>
                    <a:close/>
                  </a:path>
                </a:pathLst>
              </a:custGeom>
              <a:solidFill>
                <a:srgbClr val="265999"/>
              </a:solidFill>
              <a:ln w="9525" cap="flat">
                <a:noFill/>
                <a:prstDash val="solid"/>
                <a:miter/>
              </a:ln>
            </p:spPr>
            <p:txBody>
              <a:bodyPr rtlCol="0" anchor="ctr"/>
              <a:lstStyle/>
              <a:p>
                <a:endParaRPr lang="en-AU" sz="153"/>
              </a:p>
            </p:txBody>
          </p:sp>
          <p:sp>
            <p:nvSpPr>
              <p:cNvPr id="67" name="Graphic 142">
                <a:extLst>
                  <a:ext uri="{FF2B5EF4-FFF2-40B4-BE49-F238E27FC236}">
                    <a16:creationId xmlns:a16="http://schemas.microsoft.com/office/drawing/2014/main" id="{29252B33-C29D-D175-4D55-264F83891FCD}"/>
                  </a:ext>
                </a:extLst>
              </p:cNvPr>
              <p:cNvSpPr/>
              <p:nvPr/>
            </p:nvSpPr>
            <p:spPr>
              <a:xfrm>
                <a:off x="2161508" y="3163950"/>
                <a:ext cx="84963" cy="84963"/>
              </a:xfrm>
              <a:custGeom>
                <a:avLst/>
                <a:gdLst>
                  <a:gd name="connsiteX0" fmla="*/ 42577 w 84963"/>
                  <a:gd name="connsiteY0" fmla="*/ 84963 h 84963"/>
                  <a:gd name="connsiteX1" fmla="*/ 0 w 84963"/>
                  <a:gd name="connsiteY1" fmla="*/ 42577 h 84963"/>
                  <a:gd name="connsiteX2" fmla="*/ 42386 w 84963"/>
                  <a:gd name="connsiteY2" fmla="*/ 0 h 84963"/>
                  <a:gd name="connsiteX3" fmla="*/ 84963 w 84963"/>
                  <a:gd name="connsiteY3" fmla="*/ 42386 h 84963"/>
                  <a:gd name="connsiteX4" fmla="*/ 84963 w 84963"/>
                  <a:gd name="connsiteY4" fmla="*/ 42482 h 84963"/>
                  <a:gd name="connsiteX5" fmla="*/ 42577 w 84963"/>
                  <a:gd name="connsiteY5" fmla="*/ 84963 h 84963"/>
                  <a:gd name="connsiteX6" fmla="*/ 42577 w 84963"/>
                  <a:gd name="connsiteY6" fmla="*/ 18288 h 84963"/>
                  <a:gd name="connsiteX7" fmla="*/ 18383 w 84963"/>
                  <a:gd name="connsiteY7" fmla="*/ 43053 h 84963"/>
                  <a:gd name="connsiteX8" fmla="*/ 43149 w 84963"/>
                  <a:gd name="connsiteY8" fmla="*/ 67247 h 84963"/>
                  <a:gd name="connsiteX9" fmla="*/ 67342 w 84963"/>
                  <a:gd name="connsiteY9" fmla="*/ 42482 h 84963"/>
                  <a:gd name="connsiteX10" fmla="*/ 42767 w 84963"/>
                  <a:gd name="connsiteY10" fmla="*/ 18098 h 84963"/>
                  <a:gd name="connsiteX11" fmla="*/ 42577 w 84963"/>
                  <a:gd name="connsiteY11" fmla="*/ 18098 h 84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963" h="84963">
                    <a:moveTo>
                      <a:pt x="42577" y="84963"/>
                    </a:moveTo>
                    <a:cubicBezTo>
                      <a:pt x="19117" y="85020"/>
                      <a:pt x="57" y="66037"/>
                      <a:pt x="0" y="42577"/>
                    </a:cubicBezTo>
                    <a:cubicBezTo>
                      <a:pt x="-57" y="19117"/>
                      <a:pt x="18926" y="57"/>
                      <a:pt x="42386" y="0"/>
                    </a:cubicBezTo>
                    <a:cubicBezTo>
                      <a:pt x="65847" y="-47"/>
                      <a:pt x="84906" y="18926"/>
                      <a:pt x="84963" y="42386"/>
                    </a:cubicBezTo>
                    <a:cubicBezTo>
                      <a:pt x="84963" y="42415"/>
                      <a:pt x="84963" y="42453"/>
                      <a:pt x="84963" y="42482"/>
                    </a:cubicBezTo>
                    <a:cubicBezTo>
                      <a:pt x="84963" y="65904"/>
                      <a:pt x="65999" y="84906"/>
                      <a:pt x="42577" y="84963"/>
                    </a:cubicBezTo>
                    <a:close/>
                    <a:moveTo>
                      <a:pt x="42577" y="18288"/>
                    </a:moveTo>
                    <a:cubicBezTo>
                      <a:pt x="29061" y="18450"/>
                      <a:pt x="18231" y="29537"/>
                      <a:pt x="18383" y="43053"/>
                    </a:cubicBezTo>
                    <a:cubicBezTo>
                      <a:pt x="18545" y="56569"/>
                      <a:pt x="29632" y="67399"/>
                      <a:pt x="43149" y="67247"/>
                    </a:cubicBezTo>
                    <a:cubicBezTo>
                      <a:pt x="56664" y="67085"/>
                      <a:pt x="67494" y="55998"/>
                      <a:pt x="67342" y="42482"/>
                    </a:cubicBezTo>
                    <a:cubicBezTo>
                      <a:pt x="67294" y="28966"/>
                      <a:pt x="56293" y="18040"/>
                      <a:pt x="42767" y="18098"/>
                    </a:cubicBezTo>
                    <a:cubicBezTo>
                      <a:pt x="42701" y="18098"/>
                      <a:pt x="42644" y="18098"/>
                      <a:pt x="42577" y="18098"/>
                    </a:cubicBezTo>
                    <a:close/>
                  </a:path>
                </a:pathLst>
              </a:custGeom>
              <a:solidFill>
                <a:srgbClr val="265999"/>
              </a:solidFill>
              <a:ln w="9525" cap="flat">
                <a:noFill/>
                <a:prstDash val="solid"/>
                <a:miter/>
              </a:ln>
            </p:spPr>
            <p:txBody>
              <a:bodyPr rtlCol="0" anchor="ctr"/>
              <a:lstStyle/>
              <a:p>
                <a:endParaRPr lang="en-AU" sz="153"/>
              </a:p>
            </p:txBody>
          </p:sp>
          <p:sp>
            <p:nvSpPr>
              <p:cNvPr id="68" name="Graphic 142">
                <a:extLst>
                  <a:ext uri="{FF2B5EF4-FFF2-40B4-BE49-F238E27FC236}">
                    <a16:creationId xmlns:a16="http://schemas.microsoft.com/office/drawing/2014/main" id="{C284F3D7-0A20-6DD0-D5A9-4C96C9F912CA}"/>
                  </a:ext>
                </a:extLst>
              </p:cNvPr>
              <p:cNvSpPr/>
              <p:nvPr/>
            </p:nvSpPr>
            <p:spPr>
              <a:xfrm>
                <a:off x="2296163" y="3204574"/>
                <a:ext cx="44863" cy="18100"/>
              </a:xfrm>
              <a:custGeom>
                <a:avLst/>
                <a:gdLst>
                  <a:gd name="connsiteX0" fmla="*/ 8124 w 44863"/>
                  <a:gd name="connsiteY0" fmla="*/ 18051 h 18100"/>
                  <a:gd name="connsiteX1" fmla="*/ 47 w 44863"/>
                  <a:gd name="connsiteY1" fmla="*/ 8126 h 18100"/>
                  <a:gd name="connsiteX2" fmla="*/ 8124 w 44863"/>
                  <a:gd name="connsiteY2" fmla="*/ 49 h 18100"/>
                  <a:gd name="connsiteX3" fmla="*/ 34889 w 44863"/>
                  <a:gd name="connsiteY3" fmla="*/ 49 h 18100"/>
                  <a:gd name="connsiteX4" fmla="*/ 44815 w 44863"/>
                  <a:gd name="connsiteY4" fmla="*/ 8126 h 18100"/>
                  <a:gd name="connsiteX5" fmla="*/ 36747 w 44863"/>
                  <a:gd name="connsiteY5" fmla="*/ 18051 h 18100"/>
                  <a:gd name="connsiteX6" fmla="*/ 34889 w 44863"/>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4863" h="18100">
                    <a:moveTo>
                      <a:pt x="8124" y="18051"/>
                    </a:moveTo>
                    <a:cubicBezTo>
                      <a:pt x="3152" y="17537"/>
                      <a:pt x="-458" y="13098"/>
                      <a:pt x="47" y="8126"/>
                    </a:cubicBezTo>
                    <a:cubicBezTo>
                      <a:pt x="485" y="3859"/>
                      <a:pt x="3857" y="487"/>
                      <a:pt x="8124" y="49"/>
                    </a:cubicBezTo>
                    <a:lnTo>
                      <a:pt x="34889" y="49"/>
                    </a:lnTo>
                    <a:cubicBezTo>
                      <a:pt x="39862" y="-466"/>
                      <a:pt x="44310" y="3154"/>
                      <a:pt x="44815" y="8126"/>
                    </a:cubicBezTo>
                    <a:cubicBezTo>
                      <a:pt x="45329" y="13098"/>
                      <a:pt x="41719" y="17537"/>
                      <a:pt x="36747" y="18051"/>
                    </a:cubicBezTo>
                    <a:cubicBezTo>
                      <a:pt x="36128" y="18118"/>
                      <a:pt x="35509" y="18118"/>
                      <a:pt x="34889" y="18051"/>
                    </a:cubicBezTo>
                    <a:close/>
                  </a:path>
                </a:pathLst>
              </a:custGeom>
              <a:solidFill>
                <a:srgbClr val="265999"/>
              </a:solidFill>
              <a:ln w="9525" cap="flat">
                <a:noFill/>
                <a:prstDash val="solid"/>
                <a:miter/>
              </a:ln>
            </p:spPr>
            <p:txBody>
              <a:bodyPr rtlCol="0" anchor="ctr"/>
              <a:lstStyle/>
              <a:p>
                <a:endParaRPr lang="en-AU" sz="153"/>
              </a:p>
            </p:txBody>
          </p:sp>
        </p:grpSp>
        <p:grpSp>
          <p:nvGrpSpPr>
            <p:cNvPr id="18" name="Group 17">
              <a:extLst>
                <a:ext uri="{FF2B5EF4-FFF2-40B4-BE49-F238E27FC236}">
                  <a16:creationId xmlns:a16="http://schemas.microsoft.com/office/drawing/2014/main" id="{8F1F3732-5684-77D5-993C-E1D1D683FC4F}"/>
                </a:ext>
              </a:extLst>
            </p:cNvPr>
            <p:cNvGrpSpPr/>
            <p:nvPr/>
          </p:nvGrpSpPr>
          <p:grpSpPr>
            <a:xfrm>
              <a:off x="1832042" y="3613248"/>
              <a:ext cx="420510" cy="408894"/>
              <a:chOff x="472171" y="36412"/>
              <a:chExt cx="118528" cy="110363"/>
            </a:xfrm>
          </p:grpSpPr>
          <p:sp>
            <p:nvSpPr>
              <p:cNvPr id="49" name="Freeform 2">
                <a:extLst>
                  <a:ext uri="{FF2B5EF4-FFF2-40B4-BE49-F238E27FC236}">
                    <a16:creationId xmlns:a16="http://schemas.microsoft.com/office/drawing/2014/main" id="{43251E1D-53B6-5395-60F8-45B83D125BF4}"/>
                  </a:ext>
                </a:extLst>
              </p:cNvPr>
              <p:cNvSpPr/>
              <p:nvPr/>
            </p:nvSpPr>
            <p:spPr>
              <a:xfrm>
                <a:off x="545001" y="48921"/>
                <a:ext cx="23108" cy="25845"/>
              </a:xfrm>
              <a:custGeom>
                <a:avLst/>
                <a:gdLst>
                  <a:gd name="connsiteX0" fmla="*/ 0 w 23108"/>
                  <a:gd name="connsiteY0" fmla="*/ 1498 h 25845"/>
                  <a:gd name="connsiteX1" fmla="*/ 0 w 23108"/>
                  <a:gd name="connsiteY1" fmla="*/ 22144 h 25845"/>
                  <a:gd name="connsiteX2" fmla="*/ 23091 w 23108"/>
                  <a:gd name="connsiteY2" fmla="*/ 25845 h 25845"/>
                  <a:gd name="connsiteX3" fmla="*/ 21370 w 23108"/>
                  <a:gd name="connsiteY3" fmla="*/ 22725 h 25845"/>
                  <a:gd name="connsiteX4" fmla="*/ 15847 w 23108"/>
                  <a:gd name="connsiteY4" fmla="*/ 12402 h 25845"/>
                  <a:gd name="connsiteX5" fmla="*/ 23109 w 23108"/>
                  <a:gd name="connsiteY5" fmla="*/ 5199 h 25845"/>
                  <a:gd name="connsiteX6" fmla="*/ 0 w 23108"/>
                  <a:gd name="connsiteY6" fmla="*/ 1498 h 25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108" h="25845">
                    <a:moveTo>
                      <a:pt x="0" y="1498"/>
                    </a:moveTo>
                    <a:lnTo>
                      <a:pt x="0" y="22144"/>
                    </a:lnTo>
                    <a:cubicBezTo>
                      <a:pt x="7661" y="19223"/>
                      <a:pt x="15901" y="20602"/>
                      <a:pt x="23091" y="25845"/>
                    </a:cubicBezTo>
                    <a:lnTo>
                      <a:pt x="21370" y="22725"/>
                    </a:lnTo>
                    <a:lnTo>
                      <a:pt x="15847" y="12402"/>
                    </a:lnTo>
                    <a:lnTo>
                      <a:pt x="23109" y="5199"/>
                    </a:lnTo>
                    <a:cubicBezTo>
                      <a:pt x="15919" y="-44"/>
                      <a:pt x="7661" y="-1405"/>
                      <a:pt x="0" y="1498"/>
                    </a:cubicBezTo>
                    <a:close/>
                  </a:path>
                </a:pathLst>
              </a:custGeom>
              <a:solidFill>
                <a:schemeClr val="accent1">
                  <a:lumMod val="40000"/>
                  <a:lumOff val="60000"/>
                </a:schemeClr>
              </a:solidFill>
              <a:ln w="1793" cap="flat">
                <a:noFill/>
                <a:prstDash val="solid"/>
                <a:miter/>
              </a:ln>
            </p:spPr>
            <p:txBody>
              <a:bodyPr rtlCol="0" anchor="ctr"/>
              <a:lstStyle/>
              <a:p>
                <a:endParaRPr lang="en-AU"/>
              </a:p>
            </p:txBody>
          </p:sp>
          <p:sp>
            <p:nvSpPr>
              <p:cNvPr id="50" name="Freeform 3">
                <a:extLst>
                  <a:ext uri="{FF2B5EF4-FFF2-40B4-BE49-F238E27FC236}">
                    <a16:creationId xmlns:a16="http://schemas.microsoft.com/office/drawing/2014/main" id="{A7212596-1594-8B2E-1A37-B6F8E6DB20A6}"/>
                  </a:ext>
                </a:extLst>
              </p:cNvPr>
              <p:cNvSpPr/>
              <p:nvPr/>
            </p:nvSpPr>
            <p:spPr>
              <a:xfrm>
                <a:off x="520118" y="41210"/>
                <a:ext cx="24883" cy="23976"/>
              </a:xfrm>
              <a:custGeom>
                <a:avLst/>
                <a:gdLst>
                  <a:gd name="connsiteX0" fmla="*/ 0 w 24883"/>
                  <a:gd name="connsiteY0" fmla="*/ 2804 h 23976"/>
                  <a:gd name="connsiteX1" fmla="*/ 0 w 24883"/>
                  <a:gd name="connsiteY1" fmla="*/ 23451 h 23976"/>
                  <a:gd name="connsiteX2" fmla="*/ 24884 w 24883"/>
                  <a:gd name="connsiteY2" fmla="*/ 23977 h 23976"/>
                  <a:gd name="connsiteX3" fmla="*/ 24884 w 24883"/>
                  <a:gd name="connsiteY3" fmla="*/ 3330 h 23976"/>
                  <a:gd name="connsiteX4" fmla="*/ 0 w 24883"/>
                  <a:gd name="connsiteY4" fmla="*/ 2804 h 239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883" h="23976">
                    <a:moveTo>
                      <a:pt x="0" y="2804"/>
                    </a:moveTo>
                    <a:lnTo>
                      <a:pt x="0" y="23451"/>
                    </a:lnTo>
                    <a:cubicBezTo>
                      <a:pt x="7842" y="19532"/>
                      <a:pt x="17169" y="19713"/>
                      <a:pt x="24884" y="23977"/>
                    </a:cubicBezTo>
                    <a:lnTo>
                      <a:pt x="24884" y="3330"/>
                    </a:lnTo>
                    <a:cubicBezTo>
                      <a:pt x="17187" y="-933"/>
                      <a:pt x="7842" y="-1097"/>
                      <a:pt x="0" y="2804"/>
                    </a:cubicBezTo>
                    <a:close/>
                  </a:path>
                </a:pathLst>
              </a:custGeom>
              <a:solidFill>
                <a:schemeClr val="accent1">
                  <a:lumMod val="40000"/>
                  <a:lumOff val="60000"/>
                </a:schemeClr>
              </a:solidFill>
              <a:ln w="1793" cap="flat">
                <a:noFill/>
                <a:prstDash val="solid"/>
                <a:miter/>
              </a:ln>
            </p:spPr>
            <p:txBody>
              <a:bodyPr rtlCol="0" anchor="ctr"/>
              <a:lstStyle/>
              <a:p>
                <a:endParaRPr lang="en-AU"/>
              </a:p>
            </p:txBody>
          </p:sp>
          <p:sp>
            <p:nvSpPr>
              <p:cNvPr id="51" name="Freeform 4">
                <a:extLst>
                  <a:ext uri="{FF2B5EF4-FFF2-40B4-BE49-F238E27FC236}">
                    <a16:creationId xmlns:a16="http://schemas.microsoft.com/office/drawing/2014/main" id="{9A04B21D-D7A3-4CB6-B3E0-BC367630B2E7}"/>
                  </a:ext>
                </a:extLst>
              </p:cNvPr>
              <p:cNvSpPr/>
              <p:nvPr/>
            </p:nvSpPr>
            <p:spPr>
              <a:xfrm>
                <a:off x="518307" y="36412"/>
                <a:ext cx="3622" cy="41982"/>
              </a:xfrm>
              <a:custGeom>
                <a:avLst/>
                <a:gdLst>
                  <a:gd name="connsiteX0" fmla="*/ 1811 w 3622"/>
                  <a:gd name="connsiteY0" fmla="*/ 0 h 41982"/>
                  <a:gd name="connsiteX1" fmla="*/ 3622 w 3622"/>
                  <a:gd name="connsiteY1" fmla="*/ 1814 h 41982"/>
                  <a:gd name="connsiteX2" fmla="*/ 3622 w 3622"/>
                  <a:gd name="connsiteY2" fmla="*/ 40168 h 41982"/>
                  <a:gd name="connsiteX3" fmla="*/ 1811 w 3622"/>
                  <a:gd name="connsiteY3" fmla="*/ 41983 h 41982"/>
                  <a:gd name="connsiteX4" fmla="*/ 1811 w 3622"/>
                  <a:gd name="connsiteY4" fmla="*/ 41983 h 41982"/>
                  <a:gd name="connsiteX5" fmla="*/ 0 w 3622"/>
                  <a:gd name="connsiteY5" fmla="*/ 40168 h 41982"/>
                  <a:gd name="connsiteX6" fmla="*/ 0 w 3622"/>
                  <a:gd name="connsiteY6" fmla="*/ 1814 h 41982"/>
                  <a:gd name="connsiteX7" fmla="*/ 1811 w 3622"/>
                  <a:gd name="connsiteY7" fmla="*/ 0 h 419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22" h="41982">
                    <a:moveTo>
                      <a:pt x="1811" y="0"/>
                    </a:moveTo>
                    <a:cubicBezTo>
                      <a:pt x="2811" y="0"/>
                      <a:pt x="3622" y="812"/>
                      <a:pt x="3622" y="1814"/>
                    </a:cubicBezTo>
                    <a:lnTo>
                      <a:pt x="3622" y="40168"/>
                    </a:lnTo>
                    <a:cubicBezTo>
                      <a:pt x="3622" y="41170"/>
                      <a:pt x="2811" y="41983"/>
                      <a:pt x="1811" y="41983"/>
                    </a:cubicBezTo>
                    <a:lnTo>
                      <a:pt x="1811" y="41983"/>
                    </a:lnTo>
                    <a:cubicBezTo>
                      <a:pt x="811" y="41983"/>
                      <a:pt x="0" y="41170"/>
                      <a:pt x="0" y="40168"/>
                    </a:cubicBezTo>
                    <a:lnTo>
                      <a:pt x="0" y="1814"/>
                    </a:lnTo>
                    <a:cubicBezTo>
                      <a:pt x="0" y="812"/>
                      <a:pt x="811" y="0"/>
                      <a:pt x="1811" y="0"/>
                    </a:cubicBezTo>
                    <a:close/>
                  </a:path>
                </a:pathLst>
              </a:custGeom>
              <a:solidFill>
                <a:srgbClr val="265A9A"/>
              </a:solidFill>
              <a:ln w="1793" cap="flat">
                <a:noFill/>
                <a:prstDash val="solid"/>
                <a:miter/>
              </a:ln>
            </p:spPr>
            <p:txBody>
              <a:bodyPr rtlCol="0" anchor="ctr"/>
              <a:lstStyle/>
              <a:p>
                <a:endParaRPr lang="en-AU"/>
              </a:p>
            </p:txBody>
          </p:sp>
          <p:sp>
            <p:nvSpPr>
              <p:cNvPr id="52" name="Freeform 5">
                <a:extLst>
                  <a:ext uri="{FF2B5EF4-FFF2-40B4-BE49-F238E27FC236}">
                    <a16:creationId xmlns:a16="http://schemas.microsoft.com/office/drawing/2014/main" id="{B7440AD9-E2B2-C237-3929-827A0FD29E39}"/>
                  </a:ext>
                </a:extLst>
              </p:cNvPr>
              <p:cNvSpPr/>
              <p:nvPr/>
            </p:nvSpPr>
            <p:spPr>
              <a:xfrm>
                <a:off x="543190" y="47109"/>
                <a:ext cx="26735" cy="29471"/>
              </a:xfrm>
              <a:custGeom>
                <a:avLst/>
                <a:gdLst>
                  <a:gd name="connsiteX0" fmla="*/ 24902 w 26735"/>
                  <a:gd name="connsiteY0" fmla="*/ 29472 h 29471"/>
                  <a:gd name="connsiteX1" fmla="*/ 23833 w 26735"/>
                  <a:gd name="connsiteY1" fmla="*/ 29127 h 29471"/>
                  <a:gd name="connsiteX2" fmla="*/ 2445 w 26735"/>
                  <a:gd name="connsiteY2" fmla="*/ 25662 h 29471"/>
                  <a:gd name="connsiteX3" fmla="*/ 779 w 26735"/>
                  <a:gd name="connsiteY3" fmla="*/ 25462 h 29471"/>
                  <a:gd name="connsiteX4" fmla="*/ 0 w 26735"/>
                  <a:gd name="connsiteY4" fmla="*/ 23974 h 29471"/>
                  <a:gd name="connsiteX5" fmla="*/ 0 w 26735"/>
                  <a:gd name="connsiteY5" fmla="*/ 3328 h 29471"/>
                  <a:gd name="connsiteX6" fmla="*/ 1177 w 26735"/>
                  <a:gd name="connsiteY6" fmla="*/ 1640 h 29471"/>
                  <a:gd name="connsiteX7" fmla="*/ 25988 w 26735"/>
                  <a:gd name="connsiteY7" fmla="*/ 5559 h 29471"/>
                  <a:gd name="connsiteX8" fmla="*/ 26731 w 26735"/>
                  <a:gd name="connsiteY8" fmla="*/ 6884 h 29471"/>
                  <a:gd name="connsiteX9" fmla="*/ 26206 w 26735"/>
                  <a:gd name="connsiteY9" fmla="*/ 8317 h 29471"/>
                  <a:gd name="connsiteX10" fmla="*/ 19903 w 26735"/>
                  <a:gd name="connsiteY10" fmla="*/ 14558 h 29471"/>
                  <a:gd name="connsiteX11" fmla="*/ 26495 w 26735"/>
                  <a:gd name="connsiteY11" fmla="*/ 26786 h 29471"/>
                  <a:gd name="connsiteX12" fmla="*/ 26115 w 26735"/>
                  <a:gd name="connsiteY12" fmla="*/ 29018 h 29471"/>
                  <a:gd name="connsiteX13" fmla="*/ 24920 w 26735"/>
                  <a:gd name="connsiteY13" fmla="*/ 29472 h 29471"/>
                  <a:gd name="connsiteX14" fmla="*/ 9943 w 26735"/>
                  <a:gd name="connsiteY14" fmla="*/ 20636 h 29471"/>
                  <a:gd name="connsiteX15" fmla="*/ 20229 w 26735"/>
                  <a:gd name="connsiteY15" fmla="*/ 22868 h 29471"/>
                  <a:gd name="connsiteX16" fmla="*/ 16064 w 26735"/>
                  <a:gd name="connsiteY16" fmla="*/ 15066 h 29471"/>
                  <a:gd name="connsiteX17" fmla="*/ 16390 w 26735"/>
                  <a:gd name="connsiteY17" fmla="*/ 12925 h 29471"/>
                  <a:gd name="connsiteX18" fmla="*/ 22076 w 26735"/>
                  <a:gd name="connsiteY18" fmla="*/ 7283 h 29471"/>
                  <a:gd name="connsiteX19" fmla="*/ 3622 w 26735"/>
                  <a:gd name="connsiteY19" fmla="*/ 4616 h 29471"/>
                  <a:gd name="connsiteX20" fmla="*/ 3622 w 26735"/>
                  <a:gd name="connsiteY20" fmla="*/ 21471 h 29471"/>
                  <a:gd name="connsiteX21" fmla="*/ 9943 w 26735"/>
                  <a:gd name="connsiteY21" fmla="*/ 20636 h 29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6735" h="29471">
                    <a:moveTo>
                      <a:pt x="24902" y="29472"/>
                    </a:moveTo>
                    <a:cubicBezTo>
                      <a:pt x="24521" y="29472"/>
                      <a:pt x="24159" y="29363"/>
                      <a:pt x="23833" y="29127"/>
                    </a:cubicBezTo>
                    <a:cubicBezTo>
                      <a:pt x="17096" y="24210"/>
                      <a:pt x="9490" y="22976"/>
                      <a:pt x="2445" y="25662"/>
                    </a:cubicBezTo>
                    <a:cubicBezTo>
                      <a:pt x="1883" y="25879"/>
                      <a:pt x="1268" y="25807"/>
                      <a:pt x="779" y="25462"/>
                    </a:cubicBezTo>
                    <a:cubicBezTo>
                      <a:pt x="290" y="25117"/>
                      <a:pt x="0" y="24573"/>
                      <a:pt x="0" y="23974"/>
                    </a:cubicBezTo>
                    <a:lnTo>
                      <a:pt x="0" y="3328"/>
                    </a:lnTo>
                    <a:cubicBezTo>
                      <a:pt x="0" y="2566"/>
                      <a:pt x="471" y="1894"/>
                      <a:pt x="1177" y="1640"/>
                    </a:cubicBezTo>
                    <a:cubicBezTo>
                      <a:pt x="9417" y="-1498"/>
                      <a:pt x="18219" y="-101"/>
                      <a:pt x="25988" y="5559"/>
                    </a:cubicBezTo>
                    <a:cubicBezTo>
                      <a:pt x="26423" y="5868"/>
                      <a:pt x="26695" y="6358"/>
                      <a:pt x="26731" y="6884"/>
                    </a:cubicBezTo>
                    <a:cubicBezTo>
                      <a:pt x="26767" y="7410"/>
                      <a:pt x="26586" y="7936"/>
                      <a:pt x="26206" y="8317"/>
                    </a:cubicBezTo>
                    <a:lnTo>
                      <a:pt x="19903" y="14558"/>
                    </a:lnTo>
                    <a:lnTo>
                      <a:pt x="26495" y="26786"/>
                    </a:lnTo>
                    <a:cubicBezTo>
                      <a:pt x="26912" y="27530"/>
                      <a:pt x="26749" y="28456"/>
                      <a:pt x="26115" y="29018"/>
                    </a:cubicBezTo>
                    <a:cubicBezTo>
                      <a:pt x="25771" y="29326"/>
                      <a:pt x="25354" y="29472"/>
                      <a:pt x="24920" y="29472"/>
                    </a:cubicBezTo>
                    <a:close/>
                    <a:moveTo>
                      <a:pt x="9943" y="20636"/>
                    </a:moveTo>
                    <a:cubicBezTo>
                      <a:pt x="13402" y="20636"/>
                      <a:pt x="16879" y="21380"/>
                      <a:pt x="20229" y="22868"/>
                    </a:cubicBezTo>
                    <a:lnTo>
                      <a:pt x="16064" y="15066"/>
                    </a:lnTo>
                    <a:cubicBezTo>
                      <a:pt x="15684" y="14359"/>
                      <a:pt x="15810" y="13488"/>
                      <a:pt x="16390" y="12925"/>
                    </a:cubicBezTo>
                    <a:lnTo>
                      <a:pt x="22076" y="7283"/>
                    </a:lnTo>
                    <a:cubicBezTo>
                      <a:pt x="16173" y="3618"/>
                      <a:pt x="9725" y="2675"/>
                      <a:pt x="3622" y="4616"/>
                    </a:cubicBezTo>
                    <a:lnTo>
                      <a:pt x="3622" y="21471"/>
                    </a:lnTo>
                    <a:cubicBezTo>
                      <a:pt x="5705" y="20908"/>
                      <a:pt x="7824" y="20636"/>
                      <a:pt x="9943" y="20636"/>
                    </a:cubicBezTo>
                    <a:close/>
                  </a:path>
                </a:pathLst>
              </a:custGeom>
              <a:solidFill>
                <a:srgbClr val="265A9A"/>
              </a:solidFill>
              <a:ln w="1793" cap="flat">
                <a:noFill/>
                <a:prstDash val="solid"/>
                <a:miter/>
              </a:ln>
            </p:spPr>
            <p:txBody>
              <a:bodyPr rtlCol="0" anchor="ctr"/>
              <a:lstStyle/>
              <a:p>
                <a:endParaRPr lang="en-AU"/>
              </a:p>
            </p:txBody>
          </p:sp>
          <p:sp>
            <p:nvSpPr>
              <p:cNvPr id="53" name="Freeform 6">
                <a:extLst>
                  <a:ext uri="{FF2B5EF4-FFF2-40B4-BE49-F238E27FC236}">
                    <a16:creationId xmlns:a16="http://schemas.microsoft.com/office/drawing/2014/main" id="{5C041088-C147-5FAA-890A-B3C49ED492E3}"/>
                  </a:ext>
                </a:extLst>
              </p:cNvPr>
              <p:cNvSpPr/>
              <p:nvPr/>
            </p:nvSpPr>
            <p:spPr>
              <a:xfrm>
                <a:off x="518325" y="39386"/>
                <a:ext cx="28505" cy="27615"/>
              </a:xfrm>
              <a:custGeom>
                <a:avLst/>
                <a:gdLst>
                  <a:gd name="connsiteX0" fmla="*/ 26676 w 28505"/>
                  <a:gd name="connsiteY0" fmla="*/ 27597 h 27615"/>
                  <a:gd name="connsiteX1" fmla="*/ 25807 w 28505"/>
                  <a:gd name="connsiteY1" fmla="*/ 27379 h 27615"/>
                  <a:gd name="connsiteX2" fmla="*/ 2608 w 28505"/>
                  <a:gd name="connsiteY2" fmla="*/ 26889 h 27615"/>
                  <a:gd name="connsiteX3" fmla="*/ 851 w 28505"/>
                  <a:gd name="connsiteY3" fmla="*/ 26817 h 27615"/>
                  <a:gd name="connsiteX4" fmla="*/ 0 w 28505"/>
                  <a:gd name="connsiteY4" fmla="*/ 25275 h 27615"/>
                  <a:gd name="connsiteX5" fmla="*/ 0 w 28505"/>
                  <a:gd name="connsiteY5" fmla="*/ 4628 h 27615"/>
                  <a:gd name="connsiteX6" fmla="*/ 996 w 28505"/>
                  <a:gd name="connsiteY6" fmla="*/ 3013 h 27615"/>
                  <a:gd name="connsiteX7" fmla="*/ 27564 w 28505"/>
                  <a:gd name="connsiteY7" fmla="*/ 3558 h 27615"/>
                  <a:gd name="connsiteX8" fmla="*/ 28506 w 28505"/>
                  <a:gd name="connsiteY8" fmla="*/ 5154 h 27615"/>
                  <a:gd name="connsiteX9" fmla="*/ 28506 w 28505"/>
                  <a:gd name="connsiteY9" fmla="*/ 25801 h 27615"/>
                  <a:gd name="connsiteX10" fmla="*/ 27618 w 28505"/>
                  <a:gd name="connsiteY10" fmla="*/ 27361 h 27615"/>
                  <a:gd name="connsiteX11" fmla="*/ 26695 w 28505"/>
                  <a:gd name="connsiteY11" fmla="*/ 27615 h 27615"/>
                  <a:gd name="connsiteX12" fmla="*/ 13746 w 28505"/>
                  <a:gd name="connsiteY12" fmla="*/ 20630 h 27615"/>
                  <a:gd name="connsiteX13" fmla="*/ 24865 w 28505"/>
                  <a:gd name="connsiteY13" fmla="*/ 22880 h 27615"/>
                  <a:gd name="connsiteX14" fmla="*/ 24865 w 28505"/>
                  <a:gd name="connsiteY14" fmla="*/ 6225 h 27615"/>
                  <a:gd name="connsiteX15" fmla="*/ 3604 w 28505"/>
                  <a:gd name="connsiteY15" fmla="*/ 5753 h 27615"/>
                  <a:gd name="connsiteX16" fmla="*/ 3604 w 28505"/>
                  <a:gd name="connsiteY16" fmla="*/ 22481 h 27615"/>
                  <a:gd name="connsiteX17" fmla="*/ 13746 w 28505"/>
                  <a:gd name="connsiteY17" fmla="*/ 20612 h 27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8505" h="27615">
                    <a:moveTo>
                      <a:pt x="26676" y="27597"/>
                    </a:moveTo>
                    <a:cubicBezTo>
                      <a:pt x="26369" y="27597"/>
                      <a:pt x="26079" y="27524"/>
                      <a:pt x="25807" y="27379"/>
                    </a:cubicBezTo>
                    <a:cubicBezTo>
                      <a:pt x="18636" y="23406"/>
                      <a:pt x="9961" y="23225"/>
                      <a:pt x="2608" y="26889"/>
                    </a:cubicBezTo>
                    <a:cubicBezTo>
                      <a:pt x="2046" y="27162"/>
                      <a:pt x="1376" y="27143"/>
                      <a:pt x="851" y="26817"/>
                    </a:cubicBezTo>
                    <a:cubicBezTo>
                      <a:pt x="326" y="26490"/>
                      <a:pt x="0" y="25910"/>
                      <a:pt x="0" y="25275"/>
                    </a:cubicBezTo>
                    <a:lnTo>
                      <a:pt x="0" y="4628"/>
                    </a:lnTo>
                    <a:cubicBezTo>
                      <a:pt x="0" y="3939"/>
                      <a:pt x="380" y="3304"/>
                      <a:pt x="996" y="3013"/>
                    </a:cubicBezTo>
                    <a:cubicBezTo>
                      <a:pt x="9399" y="-1196"/>
                      <a:pt x="19342" y="-978"/>
                      <a:pt x="27564" y="3558"/>
                    </a:cubicBezTo>
                    <a:cubicBezTo>
                      <a:pt x="28143" y="3884"/>
                      <a:pt x="28506" y="4483"/>
                      <a:pt x="28506" y="5154"/>
                    </a:cubicBezTo>
                    <a:lnTo>
                      <a:pt x="28506" y="25801"/>
                    </a:lnTo>
                    <a:cubicBezTo>
                      <a:pt x="28506" y="26436"/>
                      <a:pt x="28162" y="27035"/>
                      <a:pt x="27618" y="27361"/>
                    </a:cubicBezTo>
                    <a:cubicBezTo>
                      <a:pt x="27328" y="27524"/>
                      <a:pt x="27021" y="27615"/>
                      <a:pt x="26695" y="27615"/>
                    </a:cubicBezTo>
                    <a:close/>
                    <a:moveTo>
                      <a:pt x="13746" y="20630"/>
                    </a:moveTo>
                    <a:cubicBezTo>
                      <a:pt x="17531" y="20630"/>
                      <a:pt x="21316" y="21392"/>
                      <a:pt x="24865" y="22880"/>
                    </a:cubicBezTo>
                    <a:lnTo>
                      <a:pt x="24865" y="6225"/>
                    </a:lnTo>
                    <a:cubicBezTo>
                      <a:pt x="18201" y="2905"/>
                      <a:pt x="10413" y="2723"/>
                      <a:pt x="3604" y="5753"/>
                    </a:cubicBezTo>
                    <a:lnTo>
                      <a:pt x="3604" y="22481"/>
                    </a:lnTo>
                    <a:cubicBezTo>
                      <a:pt x="6864" y="21247"/>
                      <a:pt x="10305" y="20612"/>
                      <a:pt x="13746" y="20612"/>
                    </a:cubicBezTo>
                    <a:close/>
                  </a:path>
                </a:pathLst>
              </a:custGeom>
              <a:solidFill>
                <a:srgbClr val="265A9A"/>
              </a:solidFill>
              <a:ln w="1793" cap="flat">
                <a:noFill/>
                <a:prstDash val="solid"/>
                <a:miter/>
              </a:ln>
            </p:spPr>
            <p:txBody>
              <a:bodyPr rtlCol="0" anchor="ctr"/>
              <a:lstStyle/>
              <a:p>
                <a:endParaRPr lang="en-AU"/>
              </a:p>
            </p:txBody>
          </p:sp>
          <p:grpSp>
            <p:nvGrpSpPr>
              <p:cNvPr id="54" name="Group 53">
                <a:extLst>
                  <a:ext uri="{FF2B5EF4-FFF2-40B4-BE49-F238E27FC236}">
                    <a16:creationId xmlns:a16="http://schemas.microsoft.com/office/drawing/2014/main" id="{D333CD3F-3CDE-FC62-76C0-8A3F78B2578F}"/>
                  </a:ext>
                </a:extLst>
              </p:cNvPr>
              <p:cNvGrpSpPr/>
              <p:nvPr/>
            </p:nvGrpSpPr>
            <p:grpSpPr>
              <a:xfrm>
                <a:off x="472171" y="76127"/>
                <a:ext cx="118528" cy="70648"/>
                <a:chOff x="472171" y="76127"/>
                <a:chExt cx="118528" cy="70648"/>
              </a:xfrm>
            </p:grpSpPr>
            <p:sp>
              <p:nvSpPr>
                <p:cNvPr id="55" name="Freeform 8">
                  <a:extLst>
                    <a:ext uri="{FF2B5EF4-FFF2-40B4-BE49-F238E27FC236}">
                      <a16:creationId xmlns:a16="http://schemas.microsoft.com/office/drawing/2014/main" id="{6308A0EA-8B7E-8875-1551-CCAC0E44B32C}"/>
                    </a:ext>
                  </a:extLst>
                </p:cNvPr>
                <p:cNvSpPr/>
                <p:nvPr/>
              </p:nvSpPr>
              <p:spPr>
                <a:xfrm>
                  <a:off x="472171" y="76127"/>
                  <a:ext cx="95007" cy="70648"/>
                </a:xfrm>
                <a:custGeom>
                  <a:avLst/>
                  <a:gdLst>
                    <a:gd name="connsiteX0" fmla="*/ 2273 w 95007"/>
                    <a:gd name="connsiteY0" fmla="*/ 70648 h 70648"/>
                    <a:gd name="connsiteX1" fmla="*/ 1078 w 95007"/>
                    <a:gd name="connsiteY1" fmla="*/ 70304 h 70648"/>
                    <a:gd name="connsiteX2" fmla="*/ 335 w 95007"/>
                    <a:gd name="connsiteY2" fmla="*/ 67183 h 70648"/>
                    <a:gd name="connsiteX3" fmla="*/ 38928 w 95007"/>
                    <a:gd name="connsiteY3" fmla="*/ 4699 h 70648"/>
                    <a:gd name="connsiteX4" fmla="*/ 47513 w 95007"/>
                    <a:gd name="connsiteY4" fmla="*/ 0 h 70648"/>
                    <a:gd name="connsiteX5" fmla="*/ 47513 w 95007"/>
                    <a:gd name="connsiteY5" fmla="*/ 0 h 70648"/>
                    <a:gd name="connsiteX6" fmla="*/ 56061 w 95007"/>
                    <a:gd name="connsiteY6" fmla="*/ 4663 h 70648"/>
                    <a:gd name="connsiteX7" fmla="*/ 94672 w 95007"/>
                    <a:gd name="connsiteY7" fmla="*/ 67183 h 70648"/>
                    <a:gd name="connsiteX8" fmla="*/ 93929 w 95007"/>
                    <a:gd name="connsiteY8" fmla="*/ 70304 h 70648"/>
                    <a:gd name="connsiteX9" fmla="*/ 90814 w 95007"/>
                    <a:gd name="connsiteY9" fmla="*/ 69560 h 70648"/>
                    <a:gd name="connsiteX10" fmla="*/ 52239 w 95007"/>
                    <a:gd name="connsiteY10" fmla="*/ 7076 h 70648"/>
                    <a:gd name="connsiteX11" fmla="*/ 47513 w 95007"/>
                    <a:gd name="connsiteY11" fmla="*/ 4518 h 70648"/>
                    <a:gd name="connsiteX12" fmla="*/ 42750 w 95007"/>
                    <a:gd name="connsiteY12" fmla="*/ 7112 h 70648"/>
                    <a:gd name="connsiteX13" fmla="*/ 4193 w 95007"/>
                    <a:gd name="connsiteY13" fmla="*/ 69560 h 70648"/>
                    <a:gd name="connsiteX14" fmla="*/ 2273 w 95007"/>
                    <a:gd name="connsiteY14" fmla="*/ 70630 h 7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5007" h="70648">
                      <a:moveTo>
                        <a:pt x="2273" y="70648"/>
                      </a:moveTo>
                      <a:cubicBezTo>
                        <a:pt x="1875" y="70648"/>
                        <a:pt x="1458" y="70539"/>
                        <a:pt x="1078" y="70304"/>
                      </a:cubicBezTo>
                      <a:cubicBezTo>
                        <a:pt x="9" y="69650"/>
                        <a:pt x="-317" y="68253"/>
                        <a:pt x="335" y="67183"/>
                      </a:cubicBezTo>
                      <a:lnTo>
                        <a:pt x="38928" y="4699"/>
                      </a:lnTo>
                      <a:cubicBezTo>
                        <a:pt x="40848" y="1742"/>
                        <a:pt x="44035" y="0"/>
                        <a:pt x="47513" y="0"/>
                      </a:cubicBezTo>
                      <a:lnTo>
                        <a:pt x="47513" y="0"/>
                      </a:lnTo>
                      <a:cubicBezTo>
                        <a:pt x="50990" y="0"/>
                        <a:pt x="54177" y="1742"/>
                        <a:pt x="56061" y="4663"/>
                      </a:cubicBezTo>
                      <a:lnTo>
                        <a:pt x="94672" y="67183"/>
                      </a:lnTo>
                      <a:cubicBezTo>
                        <a:pt x="95324" y="68253"/>
                        <a:pt x="94998" y="69650"/>
                        <a:pt x="93929" y="70304"/>
                      </a:cubicBezTo>
                      <a:cubicBezTo>
                        <a:pt x="92879" y="70957"/>
                        <a:pt x="91466" y="70630"/>
                        <a:pt x="90814" y="69560"/>
                      </a:cubicBezTo>
                      <a:lnTo>
                        <a:pt x="52239" y="7076"/>
                      </a:lnTo>
                      <a:cubicBezTo>
                        <a:pt x="51207" y="5461"/>
                        <a:pt x="49469" y="4518"/>
                        <a:pt x="47513" y="4518"/>
                      </a:cubicBezTo>
                      <a:cubicBezTo>
                        <a:pt x="45557" y="4518"/>
                        <a:pt x="43818" y="5461"/>
                        <a:pt x="42750" y="7112"/>
                      </a:cubicBezTo>
                      <a:lnTo>
                        <a:pt x="4193" y="69560"/>
                      </a:lnTo>
                      <a:cubicBezTo>
                        <a:pt x="3758" y="70249"/>
                        <a:pt x="3016" y="70630"/>
                        <a:pt x="2273" y="70630"/>
                      </a:cubicBezTo>
                      <a:close/>
                    </a:path>
                  </a:pathLst>
                </a:custGeom>
                <a:solidFill>
                  <a:srgbClr val="265A9A"/>
                </a:solidFill>
                <a:ln w="1793" cap="flat">
                  <a:noFill/>
                  <a:prstDash val="solid"/>
                  <a:miter/>
                </a:ln>
              </p:spPr>
              <p:txBody>
                <a:bodyPr rtlCol="0" anchor="ctr"/>
                <a:lstStyle/>
                <a:p>
                  <a:endParaRPr lang="en-AU"/>
                </a:p>
              </p:txBody>
            </p:sp>
            <p:sp>
              <p:nvSpPr>
                <p:cNvPr id="56" name="Freeform 9">
                  <a:extLst>
                    <a:ext uri="{FF2B5EF4-FFF2-40B4-BE49-F238E27FC236}">
                      <a16:creationId xmlns:a16="http://schemas.microsoft.com/office/drawing/2014/main" id="{7E1D00D5-4F18-3E3E-96A3-F9A9132189DC}"/>
                    </a:ext>
                  </a:extLst>
                </p:cNvPr>
                <p:cNvSpPr/>
                <p:nvPr/>
              </p:nvSpPr>
              <p:spPr>
                <a:xfrm>
                  <a:off x="539164" y="88373"/>
                  <a:ext cx="51535" cy="51471"/>
                </a:xfrm>
                <a:custGeom>
                  <a:avLst/>
                  <a:gdLst>
                    <a:gd name="connsiteX0" fmla="*/ 49302 w 51535"/>
                    <a:gd name="connsiteY0" fmla="*/ 51471 h 51471"/>
                    <a:gd name="connsiteX1" fmla="*/ 47400 w 51535"/>
                    <a:gd name="connsiteY1" fmla="*/ 50437 h 51471"/>
                    <a:gd name="connsiteX2" fmla="*/ 18967 w 51535"/>
                    <a:gd name="connsiteY2" fmla="*/ 6459 h 51471"/>
                    <a:gd name="connsiteX3" fmla="*/ 15436 w 51535"/>
                    <a:gd name="connsiteY3" fmla="*/ 4536 h 51471"/>
                    <a:gd name="connsiteX4" fmla="*/ 11904 w 51535"/>
                    <a:gd name="connsiteY4" fmla="*/ 6459 h 51471"/>
                    <a:gd name="connsiteX5" fmla="*/ 4171 w 51535"/>
                    <a:gd name="connsiteY5" fmla="*/ 18415 h 51471"/>
                    <a:gd name="connsiteX6" fmla="*/ 1038 w 51535"/>
                    <a:gd name="connsiteY6" fmla="*/ 19086 h 51471"/>
                    <a:gd name="connsiteX7" fmla="*/ 368 w 51535"/>
                    <a:gd name="connsiteY7" fmla="*/ 15948 h 51471"/>
                    <a:gd name="connsiteX8" fmla="*/ 8101 w 51535"/>
                    <a:gd name="connsiteY8" fmla="*/ 3991 h 51471"/>
                    <a:gd name="connsiteX9" fmla="*/ 15417 w 51535"/>
                    <a:gd name="connsiteY9" fmla="*/ 0 h 51471"/>
                    <a:gd name="connsiteX10" fmla="*/ 22734 w 51535"/>
                    <a:gd name="connsiteY10" fmla="*/ 3991 h 51471"/>
                    <a:gd name="connsiteX11" fmla="*/ 51167 w 51535"/>
                    <a:gd name="connsiteY11" fmla="*/ 47970 h 51471"/>
                    <a:gd name="connsiteX12" fmla="*/ 50497 w 51535"/>
                    <a:gd name="connsiteY12" fmla="*/ 51108 h 51471"/>
                    <a:gd name="connsiteX13" fmla="*/ 49266 w 51535"/>
                    <a:gd name="connsiteY13" fmla="*/ 51471 h 5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535" h="51471">
                      <a:moveTo>
                        <a:pt x="49302" y="51471"/>
                      </a:moveTo>
                      <a:cubicBezTo>
                        <a:pt x="48559" y="51471"/>
                        <a:pt x="47835" y="51108"/>
                        <a:pt x="47400" y="50437"/>
                      </a:cubicBezTo>
                      <a:lnTo>
                        <a:pt x="18967" y="6459"/>
                      </a:lnTo>
                      <a:cubicBezTo>
                        <a:pt x="18170" y="5243"/>
                        <a:pt x="16903" y="4536"/>
                        <a:pt x="15436" y="4536"/>
                      </a:cubicBezTo>
                      <a:cubicBezTo>
                        <a:pt x="13969" y="4536"/>
                        <a:pt x="12701" y="5243"/>
                        <a:pt x="11904" y="6459"/>
                      </a:cubicBezTo>
                      <a:lnTo>
                        <a:pt x="4171" y="18415"/>
                      </a:lnTo>
                      <a:cubicBezTo>
                        <a:pt x="3483" y="19467"/>
                        <a:pt x="2088" y="19776"/>
                        <a:pt x="1038" y="19086"/>
                      </a:cubicBezTo>
                      <a:cubicBezTo>
                        <a:pt x="-13" y="18397"/>
                        <a:pt x="-320" y="17000"/>
                        <a:pt x="368" y="15948"/>
                      </a:cubicBezTo>
                      <a:lnTo>
                        <a:pt x="8101" y="3991"/>
                      </a:lnTo>
                      <a:cubicBezTo>
                        <a:pt x="9713" y="1488"/>
                        <a:pt x="12447" y="0"/>
                        <a:pt x="15417" y="0"/>
                      </a:cubicBezTo>
                      <a:cubicBezTo>
                        <a:pt x="18388" y="0"/>
                        <a:pt x="21122" y="1488"/>
                        <a:pt x="22734" y="3991"/>
                      </a:cubicBezTo>
                      <a:lnTo>
                        <a:pt x="51167" y="47970"/>
                      </a:lnTo>
                      <a:cubicBezTo>
                        <a:pt x="51855" y="49022"/>
                        <a:pt x="51548" y="50419"/>
                        <a:pt x="50497" y="51108"/>
                      </a:cubicBezTo>
                      <a:cubicBezTo>
                        <a:pt x="50117" y="51362"/>
                        <a:pt x="49682" y="51471"/>
                        <a:pt x="49266" y="51471"/>
                      </a:cubicBezTo>
                      <a:close/>
                    </a:path>
                  </a:pathLst>
                </a:custGeom>
                <a:solidFill>
                  <a:srgbClr val="265A9A"/>
                </a:solidFill>
                <a:ln w="1793" cap="flat">
                  <a:noFill/>
                  <a:prstDash val="solid"/>
                  <a:miter/>
                </a:ln>
              </p:spPr>
              <p:txBody>
                <a:bodyPr rtlCol="0" anchor="ctr"/>
                <a:lstStyle/>
                <a:p>
                  <a:endParaRPr lang="en-AU"/>
                </a:p>
              </p:txBody>
            </p:sp>
            <p:sp>
              <p:nvSpPr>
                <p:cNvPr id="57" name="Freeform 10">
                  <a:extLst>
                    <a:ext uri="{FF2B5EF4-FFF2-40B4-BE49-F238E27FC236}">
                      <a16:creationId xmlns:a16="http://schemas.microsoft.com/office/drawing/2014/main" id="{F06B1055-7707-31AD-6772-9E03B76D3227}"/>
                    </a:ext>
                  </a:extLst>
                </p:cNvPr>
                <p:cNvSpPr/>
                <p:nvPr/>
              </p:nvSpPr>
              <p:spPr>
                <a:xfrm>
                  <a:off x="498250" y="99462"/>
                  <a:ext cx="42822" cy="12515"/>
                </a:xfrm>
                <a:custGeom>
                  <a:avLst/>
                  <a:gdLst>
                    <a:gd name="connsiteX0" fmla="*/ 11418 w 42822"/>
                    <a:gd name="connsiteY0" fmla="*/ 12497 h 12515"/>
                    <a:gd name="connsiteX1" fmla="*/ 8557 w 42822"/>
                    <a:gd name="connsiteY1" fmla="*/ 11409 h 12515"/>
                    <a:gd name="connsiteX2" fmla="*/ 770 w 42822"/>
                    <a:gd name="connsiteY2" fmla="*/ 4514 h 12515"/>
                    <a:gd name="connsiteX3" fmla="*/ 570 w 42822"/>
                    <a:gd name="connsiteY3" fmla="*/ 1321 h 12515"/>
                    <a:gd name="connsiteX4" fmla="*/ 3758 w 42822"/>
                    <a:gd name="connsiteY4" fmla="*/ 1122 h 12515"/>
                    <a:gd name="connsiteX5" fmla="*/ 11400 w 42822"/>
                    <a:gd name="connsiteY5" fmla="*/ 7889 h 12515"/>
                    <a:gd name="connsiteX6" fmla="*/ 18952 w 42822"/>
                    <a:gd name="connsiteY6" fmla="*/ 1085 h 12515"/>
                    <a:gd name="connsiteX7" fmla="*/ 24766 w 42822"/>
                    <a:gd name="connsiteY7" fmla="*/ 1231 h 12515"/>
                    <a:gd name="connsiteX8" fmla="*/ 31394 w 42822"/>
                    <a:gd name="connsiteY8" fmla="*/ 7835 h 12515"/>
                    <a:gd name="connsiteX9" fmla="*/ 39073 w 42822"/>
                    <a:gd name="connsiteY9" fmla="*/ 1085 h 12515"/>
                    <a:gd name="connsiteX10" fmla="*/ 42260 w 42822"/>
                    <a:gd name="connsiteY10" fmla="*/ 1303 h 12515"/>
                    <a:gd name="connsiteX11" fmla="*/ 42043 w 42822"/>
                    <a:gd name="connsiteY11" fmla="*/ 4496 h 12515"/>
                    <a:gd name="connsiteX12" fmla="*/ 34201 w 42822"/>
                    <a:gd name="connsiteY12" fmla="*/ 11391 h 12515"/>
                    <a:gd name="connsiteX13" fmla="*/ 28333 w 42822"/>
                    <a:gd name="connsiteY13" fmla="*/ 11209 h 12515"/>
                    <a:gd name="connsiteX14" fmla="*/ 21759 w 42822"/>
                    <a:gd name="connsiteY14" fmla="*/ 4660 h 12515"/>
                    <a:gd name="connsiteX15" fmla="*/ 14280 w 42822"/>
                    <a:gd name="connsiteY15" fmla="*/ 11409 h 12515"/>
                    <a:gd name="connsiteX16" fmla="*/ 11400 w 42822"/>
                    <a:gd name="connsiteY16" fmla="*/ 12515 h 12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822" h="12515">
                      <a:moveTo>
                        <a:pt x="11418" y="12497"/>
                      </a:moveTo>
                      <a:cubicBezTo>
                        <a:pt x="10404" y="12497"/>
                        <a:pt x="9390" y="12134"/>
                        <a:pt x="8557" y="11409"/>
                      </a:cubicBezTo>
                      <a:lnTo>
                        <a:pt x="770" y="4514"/>
                      </a:lnTo>
                      <a:cubicBezTo>
                        <a:pt x="-172" y="3680"/>
                        <a:pt x="-263" y="2247"/>
                        <a:pt x="570" y="1321"/>
                      </a:cubicBezTo>
                      <a:cubicBezTo>
                        <a:pt x="1403" y="378"/>
                        <a:pt x="2834" y="287"/>
                        <a:pt x="3758" y="1122"/>
                      </a:cubicBezTo>
                      <a:lnTo>
                        <a:pt x="11400" y="7889"/>
                      </a:lnTo>
                      <a:lnTo>
                        <a:pt x="18952" y="1085"/>
                      </a:lnTo>
                      <a:cubicBezTo>
                        <a:pt x="20618" y="-420"/>
                        <a:pt x="23172" y="-348"/>
                        <a:pt x="24766" y="1231"/>
                      </a:cubicBezTo>
                      <a:lnTo>
                        <a:pt x="31394" y="7835"/>
                      </a:lnTo>
                      <a:lnTo>
                        <a:pt x="39073" y="1085"/>
                      </a:lnTo>
                      <a:cubicBezTo>
                        <a:pt x="40015" y="251"/>
                        <a:pt x="41445" y="360"/>
                        <a:pt x="42260" y="1303"/>
                      </a:cubicBezTo>
                      <a:cubicBezTo>
                        <a:pt x="43093" y="2247"/>
                        <a:pt x="42985" y="3680"/>
                        <a:pt x="42043" y="4496"/>
                      </a:cubicBezTo>
                      <a:lnTo>
                        <a:pt x="34201" y="11391"/>
                      </a:lnTo>
                      <a:cubicBezTo>
                        <a:pt x="32517" y="12878"/>
                        <a:pt x="29927" y="12806"/>
                        <a:pt x="28333" y="11209"/>
                      </a:cubicBezTo>
                      <a:lnTo>
                        <a:pt x="21759" y="4660"/>
                      </a:lnTo>
                      <a:lnTo>
                        <a:pt x="14280" y="11409"/>
                      </a:lnTo>
                      <a:cubicBezTo>
                        <a:pt x="13465" y="12153"/>
                        <a:pt x="12433" y="12515"/>
                        <a:pt x="11400" y="12515"/>
                      </a:cubicBezTo>
                      <a:close/>
                    </a:path>
                  </a:pathLst>
                </a:custGeom>
                <a:solidFill>
                  <a:srgbClr val="265A9A"/>
                </a:solidFill>
                <a:ln w="1793" cap="flat">
                  <a:noFill/>
                  <a:prstDash val="solid"/>
                  <a:miter/>
                </a:ln>
              </p:spPr>
              <p:txBody>
                <a:bodyPr rtlCol="0" anchor="ctr"/>
                <a:lstStyle/>
                <a:p>
                  <a:endParaRPr lang="en-AU"/>
                </a:p>
              </p:txBody>
            </p:sp>
          </p:grpSp>
        </p:grpSp>
        <p:grpSp>
          <p:nvGrpSpPr>
            <p:cNvPr id="19" name="Group 18">
              <a:extLst>
                <a:ext uri="{FF2B5EF4-FFF2-40B4-BE49-F238E27FC236}">
                  <a16:creationId xmlns:a16="http://schemas.microsoft.com/office/drawing/2014/main" id="{0913A675-33A0-94D0-F15D-B2B31B1593F0}"/>
                </a:ext>
              </a:extLst>
            </p:cNvPr>
            <p:cNvGrpSpPr>
              <a:grpSpLocks noChangeAspect="1"/>
            </p:cNvGrpSpPr>
            <p:nvPr/>
          </p:nvGrpSpPr>
          <p:grpSpPr>
            <a:xfrm>
              <a:off x="1824158" y="2968169"/>
              <a:ext cx="379572" cy="288932"/>
              <a:chOff x="2312197" y="4738738"/>
              <a:chExt cx="494911" cy="376732"/>
            </a:xfrm>
          </p:grpSpPr>
          <p:sp>
            <p:nvSpPr>
              <p:cNvPr id="31" name="Freeform: Shape 30">
                <a:extLst>
                  <a:ext uri="{FF2B5EF4-FFF2-40B4-BE49-F238E27FC236}">
                    <a16:creationId xmlns:a16="http://schemas.microsoft.com/office/drawing/2014/main" id="{8424B10D-BCA6-8BD2-93F9-B1988D62701C}"/>
                  </a:ext>
                </a:extLst>
              </p:cNvPr>
              <p:cNvSpPr/>
              <p:nvPr/>
            </p:nvSpPr>
            <p:spPr>
              <a:xfrm>
                <a:off x="2354389" y="4777136"/>
                <a:ext cx="385572" cy="338328"/>
              </a:xfrm>
              <a:custGeom>
                <a:avLst/>
                <a:gdLst>
                  <a:gd name="connsiteX0" fmla="*/ 51626 w 385572"/>
                  <a:gd name="connsiteY0" fmla="*/ 0 h 338328"/>
                  <a:gd name="connsiteX1" fmla="*/ 105061 w 385572"/>
                  <a:gd name="connsiteY1" fmla="*/ 38195 h 338328"/>
                  <a:gd name="connsiteX2" fmla="*/ 151352 w 385572"/>
                  <a:gd name="connsiteY2" fmla="*/ 22955 h 338328"/>
                  <a:gd name="connsiteX3" fmla="*/ 385572 w 385572"/>
                  <a:gd name="connsiteY3" fmla="*/ 174212 h 338328"/>
                  <a:gd name="connsiteX4" fmla="*/ 374142 w 385572"/>
                  <a:gd name="connsiteY4" fmla="*/ 200882 h 338328"/>
                  <a:gd name="connsiteX5" fmla="*/ 316040 w 385572"/>
                  <a:gd name="connsiteY5" fmla="*/ 257651 h 338328"/>
                  <a:gd name="connsiteX6" fmla="*/ 275844 w 385572"/>
                  <a:gd name="connsiteY6" fmla="*/ 294704 h 338328"/>
                  <a:gd name="connsiteX7" fmla="*/ 238982 w 385572"/>
                  <a:gd name="connsiteY7" fmla="*/ 338328 h 338328"/>
                  <a:gd name="connsiteX8" fmla="*/ 190786 w 385572"/>
                  <a:gd name="connsiteY8" fmla="*/ 309848 h 338328"/>
                  <a:gd name="connsiteX9" fmla="*/ 204311 w 385572"/>
                  <a:gd name="connsiteY9" fmla="*/ 263176 h 338328"/>
                  <a:gd name="connsiteX10" fmla="*/ 153638 w 385572"/>
                  <a:gd name="connsiteY10" fmla="*/ 243269 h 338328"/>
                  <a:gd name="connsiteX11" fmla="*/ 144590 w 385572"/>
                  <a:gd name="connsiteY11" fmla="*/ 218885 h 338328"/>
                  <a:gd name="connsiteX12" fmla="*/ 114300 w 385572"/>
                  <a:gd name="connsiteY12" fmla="*/ 193358 h 338328"/>
                  <a:gd name="connsiteX13" fmla="*/ 76200 w 385572"/>
                  <a:gd name="connsiteY13" fmla="*/ 159925 h 338328"/>
                  <a:gd name="connsiteX14" fmla="*/ 28670 w 385572"/>
                  <a:gd name="connsiteY14" fmla="*/ 171926 h 338328"/>
                  <a:gd name="connsiteX15" fmla="*/ 0 w 385572"/>
                  <a:gd name="connsiteY15" fmla="*/ 167354 h 338328"/>
                  <a:gd name="connsiteX16" fmla="*/ 51626 w 385572"/>
                  <a:gd name="connsiteY16" fmla="*/ 0 h 338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85572" h="338328">
                    <a:moveTo>
                      <a:pt x="51626" y="0"/>
                    </a:moveTo>
                    <a:lnTo>
                      <a:pt x="105061" y="38195"/>
                    </a:lnTo>
                    <a:lnTo>
                      <a:pt x="151352" y="22955"/>
                    </a:lnTo>
                    <a:lnTo>
                      <a:pt x="385572" y="174212"/>
                    </a:lnTo>
                    <a:lnTo>
                      <a:pt x="374142" y="200882"/>
                    </a:lnTo>
                    <a:lnTo>
                      <a:pt x="316040" y="257651"/>
                    </a:lnTo>
                    <a:lnTo>
                      <a:pt x="275844" y="294704"/>
                    </a:lnTo>
                    <a:lnTo>
                      <a:pt x="238982" y="338328"/>
                    </a:lnTo>
                    <a:lnTo>
                      <a:pt x="190786" y="309848"/>
                    </a:lnTo>
                    <a:lnTo>
                      <a:pt x="204311" y="263176"/>
                    </a:lnTo>
                    <a:lnTo>
                      <a:pt x="153638" y="243269"/>
                    </a:lnTo>
                    <a:lnTo>
                      <a:pt x="144590" y="218885"/>
                    </a:lnTo>
                    <a:lnTo>
                      <a:pt x="114300" y="193358"/>
                    </a:lnTo>
                    <a:lnTo>
                      <a:pt x="76200" y="159925"/>
                    </a:lnTo>
                    <a:lnTo>
                      <a:pt x="28670" y="171926"/>
                    </a:lnTo>
                    <a:lnTo>
                      <a:pt x="0" y="167354"/>
                    </a:lnTo>
                    <a:lnTo>
                      <a:pt x="51626" y="0"/>
                    </a:lnTo>
                  </a:path>
                </a:pathLst>
              </a:custGeom>
              <a:solidFill>
                <a:srgbClr val="C7E4F1"/>
              </a:solidFill>
              <a:ln w="9525" cap="flat">
                <a:noFill/>
                <a:prstDash val="solid"/>
                <a:miter/>
              </a:ln>
            </p:spPr>
            <p:txBody>
              <a:bodyPr rtlCol="0" anchor="ctr"/>
              <a:lstStyle/>
              <a:p>
                <a:endParaRPr lang="en-AU"/>
              </a:p>
            </p:txBody>
          </p:sp>
          <p:sp>
            <p:nvSpPr>
              <p:cNvPr id="32" name="Freeform: Shape 31">
                <a:extLst>
                  <a:ext uri="{FF2B5EF4-FFF2-40B4-BE49-F238E27FC236}">
                    <a16:creationId xmlns:a16="http://schemas.microsoft.com/office/drawing/2014/main" id="{F7A984A4-48AF-4703-FC95-6B0C3C42CE5A}"/>
                  </a:ext>
                </a:extLst>
              </p:cNvPr>
              <p:cNvSpPr/>
              <p:nvPr/>
            </p:nvSpPr>
            <p:spPr>
              <a:xfrm>
                <a:off x="2476119" y="4779231"/>
                <a:ext cx="277844" cy="182689"/>
              </a:xfrm>
              <a:custGeom>
                <a:avLst/>
                <a:gdLst>
                  <a:gd name="connsiteX0" fmla="*/ 168878 w 277844"/>
                  <a:gd name="connsiteY0" fmla="*/ 5525 h 182689"/>
                  <a:gd name="connsiteX1" fmla="*/ 72771 w 277844"/>
                  <a:gd name="connsiteY1" fmla="*/ 0 h 182689"/>
                  <a:gd name="connsiteX2" fmla="*/ 0 w 277844"/>
                  <a:gd name="connsiteY2" fmla="*/ 64961 h 182689"/>
                  <a:gd name="connsiteX3" fmla="*/ 18002 w 277844"/>
                  <a:gd name="connsiteY3" fmla="*/ 98108 h 182689"/>
                  <a:gd name="connsiteX4" fmla="*/ 77343 w 277844"/>
                  <a:gd name="connsiteY4" fmla="*/ 71723 h 182689"/>
                  <a:gd name="connsiteX5" fmla="*/ 101822 w 277844"/>
                  <a:gd name="connsiteY5" fmla="*/ 72580 h 182689"/>
                  <a:gd name="connsiteX6" fmla="*/ 148780 w 277844"/>
                  <a:gd name="connsiteY6" fmla="*/ 100679 h 182689"/>
                  <a:gd name="connsiteX7" fmla="*/ 248507 w 277844"/>
                  <a:gd name="connsiteY7" fmla="*/ 182689 h 182689"/>
                  <a:gd name="connsiteX8" fmla="*/ 277844 w 277844"/>
                  <a:gd name="connsiteY8" fmla="*/ 167640 h 182689"/>
                  <a:gd name="connsiteX9" fmla="*/ 226600 w 277844"/>
                  <a:gd name="connsiteY9" fmla="*/ 12859 h 182689"/>
                  <a:gd name="connsiteX10" fmla="*/ 194881 w 277844"/>
                  <a:gd name="connsiteY10" fmla="*/ 14478 h 182689"/>
                  <a:gd name="connsiteX11" fmla="*/ 168878 w 277844"/>
                  <a:gd name="connsiteY11" fmla="*/ 5525 h 182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7844" h="182689">
                    <a:moveTo>
                      <a:pt x="168878" y="5525"/>
                    </a:moveTo>
                    <a:lnTo>
                      <a:pt x="72771" y="0"/>
                    </a:lnTo>
                    <a:lnTo>
                      <a:pt x="0" y="64961"/>
                    </a:lnTo>
                    <a:lnTo>
                      <a:pt x="18002" y="98108"/>
                    </a:lnTo>
                    <a:lnTo>
                      <a:pt x="77343" y="71723"/>
                    </a:lnTo>
                    <a:lnTo>
                      <a:pt x="101822" y="72580"/>
                    </a:lnTo>
                    <a:lnTo>
                      <a:pt x="148780" y="100679"/>
                    </a:lnTo>
                    <a:lnTo>
                      <a:pt x="248507" y="182689"/>
                    </a:lnTo>
                    <a:lnTo>
                      <a:pt x="277844" y="167640"/>
                    </a:lnTo>
                    <a:lnTo>
                      <a:pt x="226600" y="12859"/>
                    </a:lnTo>
                    <a:lnTo>
                      <a:pt x="194881" y="14478"/>
                    </a:lnTo>
                    <a:lnTo>
                      <a:pt x="168878" y="5525"/>
                    </a:lnTo>
                    <a:close/>
                  </a:path>
                </a:pathLst>
              </a:custGeom>
              <a:solidFill>
                <a:srgbClr val="66BCDB"/>
              </a:solidFill>
              <a:ln w="9525" cap="flat">
                <a:noFill/>
                <a:prstDash val="solid"/>
                <a:miter/>
              </a:ln>
            </p:spPr>
            <p:txBody>
              <a:bodyPr rtlCol="0" anchor="ctr"/>
              <a:lstStyle/>
              <a:p>
                <a:endParaRPr lang="en-AU"/>
              </a:p>
            </p:txBody>
          </p:sp>
          <p:sp>
            <p:nvSpPr>
              <p:cNvPr id="33" name="Freeform: Shape 32">
                <a:extLst>
                  <a:ext uri="{FF2B5EF4-FFF2-40B4-BE49-F238E27FC236}">
                    <a16:creationId xmlns:a16="http://schemas.microsoft.com/office/drawing/2014/main" id="{063AED96-C1FD-F308-F720-2F7B032BDAA1}"/>
                  </a:ext>
                </a:extLst>
              </p:cNvPr>
              <p:cNvSpPr/>
              <p:nvPr/>
            </p:nvSpPr>
            <p:spPr>
              <a:xfrm>
                <a:off x="2369915" y="4937061"/>
                <a:ext cx="195643" cy="178212"/>
              </a:xfrm>
              <a:custGeom>
                <a:avLst/>
                <a:gdLst>
                  <a:gd name="connsiteX0" fmla="*/ 39624 w 195643"/>
                  <a:gd name="connsiteY0" fmla="*/ 0 h 178212"/>
                  <a:gd name="connsiteX1" fmla="*/ 0 w 195643"/>
                  <a:gd name="connsiteY1" fmla="*/ 46387 h 178212"/>
                  <a:gd name="connsiteX2" fmla="*/ 5525 w 195643"/>
                  <a:gd name="connsiteY2" fmla="*/ 87630 h 178212"/>
                  <a:gd name="connsiteX3" fmla="*/ 34766 w 195643"/>
                  <a:gd name="connsiteY3" fmla="*/ 73342 h 178212"/>
                  <a:gd name="connsiteX4" fmla="*/ 39624 w 195643"/>
                  <a:gd name="connsiteY4" fmla="*/ 108775 h 178212"/>
                  <a:gd name="connsiteX5" fmla="*/ 60674 w 195643"/>
                  <a:gd name="connsiteY5" fmla="*/ 120396 h 178212"/>
                  <a:gd name="connsiteX6" fmla="*/ 77057 w 195643"/>
                  <a:gd name="connsiteY6" fmla="*/ 124301 h 178212"/>
                  <a:gd name="connsiteX7" fmla="*/ 92488 w 195643"/>
                  <a:gd name="connsiteY7" fmla="*/ 148399 h 178212"/>
                  <a:gd name="connsiteX8" fmla="*/ 113824 w 195643"/>
                  <a:gd name="connsiteY8" fmla="*/ 155067 h 178212"/>
                  <a:gd name="connsiteX9" fmla="*/ 126778 w 195643"/>
                  <a:gd name="connsiteY9" fmla="*/ 126873 h 178212"/>
                  <a:gd name="connsiteX10" fmla="*/ 162306 w 195643"/>
                  <a:gd name="connsiteY10" fmla="*/ 178213 h 178212"/>
                  <a:gd name="connsiteX11" fmla="*/ 162306 w 195643"/>
                  <a:gd name="connsiteY11" fmla="*/ 178213 h 178212"/>
                  <a:gd name="connsiteX12" fmla="*/ 195644 w 195643"/>
                  <a:gd name="connsiteY12" fmla="*/ 141732 h 178212"/>
                  <a:gd name="connsiteX13" fmla="*/ 188786 w 195643"/>
                  <a:gd name="connsiteY13" fmla="*/ 103251 h 178212"/>
                  <a:gd name="connsiteX14" fmla="*/ 138113 w 195643"/>
                  <a:gd name="connsiteY14" fmla="*/ 83344 h 178212"/>
                  <a:gd name="connsiteX15" fmla="*/ 112014 w 195643"/>
                  <a:gd name="connsiteY15" fmla="*/ 28099 h 178212"/>
                  <a:gd name="connsiteX16" fmla="*/ 61341 w 195643"/>
                  <a:gd name="connsiteY16" fmla="*/ 8191 h 178212"/>
                  <a:gd name="connsiteX17" fmla="*/ 39624 w 195643"/>
                  <a:gd name="connsiteY17" fmla="*/ 0 h 178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95643" h="178212">
                    <a:moveTo>
                      <a:pt x="39624" y="0"/>
                    </a:moveTo>
                    <a:lnTo>
                      <a:pt x="0" y="46387"/>
                    </a:lnTo>
                    <a:lnTo>
                      <a:pt x="5525" y="87630"/>
                    </a:lnTo>
                    <a:lnTo>
                      <a:pt x="34766" y="73342"/>
                    </a:lnTo>
                    <a:lnTo>
                      <a:pt x="39624" y="108775"/>
                    </a:lnTo>
                    <a:lnTo>
                      <a:pt x="60674" y="120396"/>
                    </a:lnTo>
                    <a:lnTo>
                      <a:pt x="77057" y="124301"/>
                    </a:lnTo>
                    <a:lnTo>
                      <a:pt x="92488" y="148399"/>
                    </a:lnTo>
                    <a:lnTo>
                      <a:pt x="113824" y="155067"/>
                    </a:lnTo>
                    <a:lnTo>
                      <a:pt x="126778" y="126873"/>
                    </a:lnTo>
                    <a:lnTo>
                      <a:pt x="162306" y="178213"/>
                    </a:lnTo>
                    <a:lnTo>
                      <a:pt x="162306" y="178213"/>
                    </a:lnTo>
                    <a:lnTo>
                      <a:pt x="195644" y="141732"/>
                    </a:lnTo>
                    <a:lnTo>
                      <a:pt x="188786" y="103251"/>
                    </a:lnTo>
                    <a:lnTo>
                      <a:pt x="138113" y="83344"/>
                    </a:lnTo>
                    <a:lnTo>
                      <a:pt x="112014" y="28099"/>
                    </a:lnTo>
                    <a:lnTo>
                      <a:pt x="61341" y="8191"/>
                    </a:lnTo>
                    <a:lnTo>
                      <a:pt x="39624" y="0"/>
                    </a:lnTo>
                    <a:close/>
                  </a:path>
                </a:pathLst>
              </a:custGeom>
              <a:solidFill>
                <a:srgbClr val="66BCDB"/>
              </a:solidFill>
              <a:ln w="9525" cap="flat">
                <a:noFill/>
                <a:prstDash val="solid"/>
                <a:miter/>
              </a:ln>
            </p:spPr>
            <p:txBody>
              <a:bodyPr rtlCol="0" anchor="ctr"/>
              <a:lstStyle/>
              <a:p>
                <a:endParaRPr lang="en-AU"/>
              </a:p>
            </p:txBody>
          </p:sp>
          <p:sp>
            <p:nvSpPr>
              <p:cNvPr id="34" name="Freeform: Shape 33">
                <a:extLst>
                  <a:ext uri="{FF2B5EF4-FFF2-40B4-BE49-F238E27FC236}">
                    <a16:creationId xmlns:a16="http://schemas.microsoft.com/office/drawing/2014/main" id="{80EC8D41-879F-0A36-84E6-C80C4E64CABA}"/>
                  </a:ext>
                </a:extLst>
              </p:cNvPr>
              <p:cNvSpPr/>
              <p:nvPr/>
            </p:nvSpPr>
            <p:spPr>
              <a:xfrm>
                <a:off x="2319623" y="4754276"/>
                <a:ext cx="101631" cy="192595"/>
              </a:xfrm>
              <a:custGeom>
                <a:avLst/>
                <a:gdLst>
                  <a:gd name="connsiteX0" fmla="*/ 45053 w 101631"/>
                  <a:gd name="connsiteY0" fmla="*/ 0 h 192595"/>
                  <a:gd name="connsiteX1" fmla="*/ 101632 w 101631"/>
                  <a:gd name="connsiteY1" fmla="*/ 21050 h 192595"/>
                  <a:gd name="connsiteX2" fmla="*/ 45720 w 101631"/>
                  <a:gd name="connsiteY2" fmla="*/ 192596 h 192595"/>
                  <a:gd name="connsiteX3" fmla="*/ 0 w 101631"/>
                  <a:gd name="connsiteY3" fmla="*/ 188309 h 192595"/>
                  <a:gd name="connsiteX4" fmla="*/ 45053 w 101631"/>
                  <a:gd name="connsiteY4" fmla="*/ 0 h 1925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1631" h="192595">
                    <a:moveTo>
                      <a:pt x="45053" y="0"/>
                    </a:moveTo>
                    <a:lnTo>
                      <a:pt x="101632" y="21050"/>
                    </a:lnTo>
                    <a:lnTo>
                      <a:pt x="45720" y="192596"/>
                    </a:lnTo>
                    <a:lnTo>
                      <a:pt x="0" y="188309"/>
                    </a:lnTo>
                    <a:lnTo>
                      <a:pt x="45053" y="0"/>
                    </a:lnTo>
                    <a:close/>
                  </a:path>
                </a:pathLst>
              </a:custGeom>
              <a:solidFill>
                <a:srgbClr val="66BCDB"/>
              </a:solidFill>
              <a:ln w="9525" cap="flat">
                <a:noFill/>
                <a:prstDash val="solid"/>
                <a:miter/>
              </a:ln>
            </p:spPr>
            <p:txBody>
              <a:bodyPr rtlCol="0" anchor="ctr"/>
              <a:lstStyle/>
              <a:p>
                <a:endParaRPr lang="en-AU"/>
              </a:p>
            </p:txBody>
          </p:sp>
          <p:sp>
            <p:nvSpPr>
              <p:cNvPr id="35" name="Freeform: Shape 34">
                <a:extLst>
                  <a:ext uri="{FF2B5EF4-FFF2-40B4-BE49-F238E27FC236}">
                    <a16:creationId xmlns:a16="http://schemas.microsoft.com/office/drawing/2014/main" id="{35455B11-9C5C-A234-0D88-2CC5597D2006}"/>
                  </a:ext>
                </a:extLst>
              </p:cNvPr>
              <p:cNvSpPr/>
              <p:nvPr/>
            </p:nvSpPr>
            <p:spPr>
              <a:xfrm>
                <a:off x="2705290" y="4748465"/>
                <a:ext cx="97345" cy="195738"/>
              </a:xfrm>
              <a:custGeom>
                <a:avLst/>
                <a:gdLst>
                  <a:gd name="connsiteX0" fmla="*/ 0 w 97345"/>
                  <a:gd name="connsiteY0" fmla="*/ 10287 h 195738"/>
                  <a:gd name="connsiteX1" fmla="*/ 59531 w 97345"/>
                  <a:gd name="connsiteY1" fmla="*/ 0 h 195738"/>
                  <a:gd name="connsiteX2" fmla="*/ 97346 w 97345"/>
                  <a:gd name="connsiteY2" fmla="*/ 176499 h 195738"/>
                  <a:gd name="connsiteX3" fmla="*/ 55626 w 97345"/>
                  <a:gd name="connsiteY3" fmla="*/ 195739 h 195738"/>
                  <a:gd name="connsiteX4" fmla="*/ 0 w 97345"/>
                  <a:gd name="connsiteY4" fmla="*/ 10287 h 195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7345" h="195738">
                    <a:moveTo>
                      <a:pt x="0" y="10287"/>
                    </a:moveTo>
                    <a:lnTo>
                      <a:pt x="59531" y="0"/>
                    </a:lnTo>
                    <a:lnTo>
                      <a:pt x="97346" y="176499"/>
                    </a:lnTo>
                    <a:lnTo>
                      <a:pt x="55626" y="195739"/>
                    </a:lnTo>
                    <a:lnTo>
                      <a:pt x="0" y="10287"/>
                    </a:lnTo>
                    <a:close/>
                  </a:path>
                </a:pathLst>
              </a:custGeom>
              <a:solidFill>
                <a:srgbClr val="C7E4F1"/>
              </a:solidFill>
              <a:ln w="9525" cap="flat">
                <a:noFill/>
                <a:prstDash val="solid"/>
                <a:miter/>
              </a:ln>
            </p:spPr>
            <p:txBody>
              <a:bodyPr rtlCol="0" anchor="ctr"/>
              <a:lstStyle/>
              <a:p>
                <a:endParaRPr lang="en-AU"/>
              </a:p>
            </p:txBody>
          </p:sp>
          <p:sp>
            <p:nvSpPr>
              <p:cNvPr id="36" name="Freeform: Shape 35">
                <a:extLst>
                  <a:ext uri="{FF2B5EF4-FFF2-40B4-BE49-F238E27FC236}">
                    <a16:creationId xmlns:a16="http://schemas.microsoft.com/office/drawing/2014/main" id="{4D607BE4-CBDB-9EDB-F0F7-672E9DE69804}"/>
                  </a:ext>
                </a:extLst>
              </p:cNvPr>
              <p:cNvSpPr/>
              <p:nvPr/>
            </p:nvSpPr>
            <p:spPr>
              <a:xfrm>
                <a:off x="2594699" y="4970723"/>
                <a:ext cx="114013" cy="69588"/>
              </a:xfrm>
              <a:custGeom>
                <a:avLst/>
                <a:gdLst>
                  <a:gd name="connsiteX0" fmla="*/ 76587 w 114013"/>
                  <a:gd name="connsiteY0" fmla="*/ 69589 h 69588"/>
                  <a:gd name="connsiteX1" fmla="*/ 55252 w 114013"/>
                  <a:gd name="connsiteY1" fmla="*/ 62921 h 69588"/>
                  <a:gd name="connsiteX2" fmla="*/ 4578 w 114013"/>
                  <a:gd name="connsiteY2" fmla="*/ 27488 h 69588"/>
                  <a:gd name="connsiteX3" fmla="*/ 1959 w 114013"/>
                  <a:gd name="connsiteY3" fmla="*/ 12486 h 69588"/>
                  <a:gd name="connsiteX4" fmla="*/ 16961 w 114013"/>
                  <a:gd name="connsiteY4" fmla="*/ 9867 h 69588"/>
                  <a:gd name="connsiteX5" fmla="*/ 67634 w 114013"/>
                  <a:gd name="connsiteY5" fmla="*/ 45205 h 69588"/>
                  <a:gd name="connsiteX6" fmla="*/ 89551 w 114013"/>
                  <a:gd name="connsiteY6" fmla="*/ 41518 h 69588"/>
                  <a:gd name="connsiteX7" fmla="*/ 89637 w 114013"/>
                  <a:gd name="connsiteY7" fmla="*/ 41395 h 69588"/>
                  <a:gd name="connsiteX8" fmla="*/ 92208 w 114013"/>
                  <a:gd name="connsiteY8" fmla="*/ 29679 h 69588"/>
                  <a:gd name="connsiteX9" fmla="*/ 85732 w 114013"/>
                  <a:gd name="connsiteY9" fmla="*/ 19582 h 69588"/>
                  <a:gd name="connsiteX10" fmla="*/ 83065 w 114013"/>
                  <a:gd name="connsiteY10" fmla="*/ 4628 h 69588"/>
                  <a:gd name="connsiteX11" fmla="*/ 97895 w 114013"/>
                  <a:gd name="connsiteY11" fmla="*/ 1875 h 69588"/>
                  <a:gd name="connsiteX12" fmla="*/ 98019 w 114013"/>
                  <a:gd name="connsiteY12" fmla="*/ 1961 h 69588"/>
                  <a:gd name="connsiteX13" fmla="*/ 113449 w 114013"/>
                  <a:gd name="connsiteY13" fmla="*/ 25964 h 69588"/>
                  <a:gd name="connsiteX14" fmla="*/ 107258 w 114013"/>
                  <a:gd name="connsiteY14" fmla="*/ 53777 h 69588"/>
                  <a:gd name="connsiteX15" fmla="*/ 76587 w 114013"/>
                  <a:gd name="connsiteY15" fmla="*/ 69589 h 695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14013" h="69588">
                    <a:moveTo>
                      <a:pt x="76587" y="69589"/>
                    </a:moveTo>
                    <a:cubicBezTo>
                      <a:pt x="68967" y="69550"/>
                      <a:pt x="61538" y="67226"/>
                      <a:pt x="55252" y="62921"/>
                    </a:cubicBezTo>
                    <a:lnTo>
                      <a:pt x="4578" y="27488"/>
                    </a:lnTo>
                    <a:cubicBezTo>
                      <a:pt x="-289" y="24069"/>
                      <a:pt x="-1460" y="17353"/>
                      <a:pt x="1959" y="12486"/>
                    </a:cubicBezTo>
                    <a:cubicBezTo>
                      <a:pt x="5379" y="7619"/>
                      <a:pt x="12094" y="6447"/>
                      <a:pt x="16961" y="9867"/>
                    </a:cubicBezTo>
                    <a:lnTo>
                      <a:pt x="67634" y="45205"/>
                    </a:lnTo>
                    <a:cubicBezTo>
                      <a:pt x="74702" y="50234"/>
                      <a:pt x="84522" y="48586"/>
                      <a:pt x="89551" y="41518"/>
                    </a:cubicBezTo>
                    <a:cubicBezTo>
                      <a:pt x="89580" y="41471"/>
                      <a:pt x="89608" y="41433"/>
                      <a:pt x="89637" y="41395"/>
                    </a:cubicBezTo>
                    <a:cubicBezTo>
                      <a:pt x="92028" y="37994"/>
                      <a:pt x="92951" y="33774"/>
                      <a:pt x="92208" y="29679"/>
                    </a:cubicBezTo>
                    <a:cubicBezTo>
                      <a:pt x="91513" y="25573"/>
                      <a:pt x="89170" y="21925"/>
                      <a:pt x="85732" y="19582"/>
                    </a:cubicBezTo>
                    <a:cubicBezTo>
                      <a:pt x="80874" y="16182"/>
                      <a:pt x="79683" y="9495"/>
                      <a:pt x="83065" y="4628"/>
                    </a:cubicBezTo>
                    <a:cubicBezTo>
                      <a:pt x="86398" y="-230"/>
                      <a:pt x="93047" y="-1459"/>
                      <a:pt x="97895" y="1875"/>
                    </a:cubicBezTo>
                    <a:cubicBezTo>
                      <a:pt x="97943" y="1904"/>
                      <a:pt x="97981" y="1932"/>
                      <a:pt x="98019" y="1961"/>
                    </a:cubicBezTo>
                    <a:cubicBezTo>
                      <a:pt x="106191" y="7552"/>
                      <a:pt x="111754" y="16210"/>
                      <a:pt x="113449" y="25964"/>
                    </a:cubicBezTo>
                    <a:cubicBezTo>
                      <a:pt x="115164" y="35689"/>
                      <a:pt x="112935" y="45700"/>
                      <a:pt x="107258" y="53777"/>
                    </a:cubicBezTo>
                    <a:cubicBezTo>
                      <a:pt x="100209" y="63712"/>
                      <a:pt x="88770" y="69608"/>
                      <a:pt x="76587" y="69589"/>
                    </a:cubicBezTo>
                    <a:close/>
                  </a:path>
                </a:pathLst>
              </a:custGeom>
              <a:solidFill>
                <a:srgbClr val="265998"/>
              </a:solidFill>
              <a:ln w="9525" cap="flat">
                <a:noFill/>
                <a:prstDash val="solid"/>
                <a:miter/>
              </a:ln>
            </p:spPr>
            <p:txBody>
              <a:bodyPr rtlCol="0" anchor="ctr"/>
              <a:lstStyle/>
              <a:p>
                <a:endParaRPr lang="en-AU"/>
              </a:p>
            </p:txBody>
          </p:sp>
          <p:sp>
            <p:nvSpPr>
              <p:cNvPr id="37" name="Freeform: Shape 36">
                <a:extLst>
                  <a:ext uri="{FF2B5EF4-FFF2-40B4-BE49-F238E27FC236}">
                    <a16:creationId xmlns:a16="http://schemas.microsoft.com/office/drawing/2014/main" id="{72E581E6-1B0E-FDD4-2BF7-B871B5B0C220}"/>
                  </a:ext>
                </a:extLst>
              </p:cNvPr>
              <p:cNvSpPr/>
              <p:nvPr/>
            </p:nvSpPr>
            <p:spPr>
              <a:xfrm>
                <a:off x="2579698" y="5008766"/>
                <a:ext cx="91555" cy="69648"/>
              </a:xfrm>
              <a:custGeom>
                <a:avLst/>
                <a:gdLst>
                  <a:gd name="connsiteX0" fmla="*/ 53964 w 91555"/>
                  <a:gd name="connsiteY0" fmla="*/ 69646 h 69648"/>
                  <a:gd name="connsiteX1" fmla="*/ 32628 w 91555"/>
                  <a:gd name="connsiteY1" fmla="*/ 62978 h 69648"/>
                  <a:gd name="connsiteX2" fmla="*/ 4053 w 91555"/>
                  <a:gd name="connsiteY2" fmla="*/ 42690 h 69648"/>
                  <a:gd name="connsiteX3" fmla="*/ 2348 w 91555"/>
                  <a:gd name="connsiteY3" fmla="*/ 27564 h 69648"/>
                  <a:gd name="connsiteX4" fmla="*/ 16340 w 91555"/>
                  <a:gd name="connsiteY4" fmla="*/ 25069 h 69648"/>
                  <a:gd name="connsiteX5" fmla="*/ 44915 w 91555"/>
                  <a:gd name="connsiteY5" fmla="*/ 45262 h 69648"/>
                  <a:gd name="connsiteX6" fmla="*/ 66832 w 91555"/>
                  <a:gd name="connsiteY6" fmla="*/ 41576 h 69648"/>
                  <a:gd name="connsiteX7" fmla="*/ 66918 w 91555"/>
                  <a:gd name="connsiteY7" fmla="*/ 41452 h 69648"/>
                  <a:gd name="connsiteX8" fmla="*/ 69585 w 91555"/>
                  <a:gd name="connsiteY8" fmla="*/ 29736 h 69648"/>
                  <a:gd name="connsiteX9" fmla="*/ 63108 w 91555"/>
                  <a:gd name="connsiteY9" fmla="*/ 19639 h 69648"/>
                  <a:gd name="connsiteX10" fmla="*/ 60393 w 91555"/>
                  <a:gd name="connsiteY10" fmla="*/ 4637 h 69648"/>
                  <a:gd name="connsiteX11" fmla="*/ 75395 w 91555"/>
                  <a:gd name="connsiteY11" fmla="*/ 1923 h 69648"/>
                  <a:gd name="connsiteX12" fmla="*/ 85006 w 91555"/>
                  <a:gd name="connsiteY12" fmla="*/ 53710 h 69648"/>
                  <a:gd name="connsiteX13" fmla="*/ 84920 w 91555"/>
                  <a:gd name="connsiteY13" fmla="*/ 53834 h 69648"/>
                  <a:gd name="connsiteX14" fmla="*/ 53964 w 91555"/>
                  <a:gd name="connsiteY14" fmla="*/ 69646 h 69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1555" h="69648">
                    <a:moveTo>
                      <a:pt x="53964" y="69646"/>
                    </a:moveTo>
                    <a:cubicBezTo>
                      <a:pt x="46335" y="69646"/>
                      <a:pt x="38896" y="67322"/>
                      <a:pt x="32628" y="62978"/>
                    </a:cubicBezTo>
                    <a:lnTo>
                      <a:pt x="4053" y="42690"/>
                    </a:lnTo>
                    <a:cubicBezTo>
                      <a:pt x="-595" y="38985"/>
                      <a:pt x="-1357" y="32212"/>
                      <a:pt x="2348" y="27564"/>
                    </a:cubicBezTo>
                    <a:cubicBezTo>
                      <a:pt x="5720" y="23335"/>
                      <a:pt x="11711" y="22268"/>
                      <a:pt x="16340" y="25069"/>
                    </a:cubicBezTo>
                    <a:lnTo>
                      <a:pt x="44915" y="45262"/>
                    </a:lnTo>
                    <a:cubicBezTo>
                      <a:pt x="51983" y="50291"/>
                      <a:pt x="61803" y="48643"/>
                      <a:pt x="66832" y="41576"/>
                    </a:cubicBezTo>
                    <a:cubicBezTo>
                      <a:pt x="66861" y="41528"/>
                      <a:pt x="66889" y="41490"/>
                      <a:pt x="66918" y="41452"/>
                    </a:cubicBezTo>
                    <a:cubicBezTo>
                      <a:pt x="69299" y="38042"/>
                      <a:pt x="70252" y="33841"/>
                      <a:pt x="69585" y="29736"/>
                    </a:cubicBezTo>
                    <a:cubicBezTo>
                      <a:pt x="68842" y="25650"/>
                      <a:pt x="66518" y="22021"/>
                      <a:pt x="63108" y="19639"/>
                    </a:cubicBezTo>
                    <a:cubicBezTo>
                      <a:pt x="58212" y="16249"/>
                      <a:pt x="57003" y="9533"/>
                      <a:pt x="60393" y="4637"/>
                    </a:cubicBezTo>
                    <a:cubicBezTo>
                      <a:pt x="63784" y="-258"/>
                      <a:pt x="70499" y="-1468"/>
                      <a:pt x="75395" y="1923"/>
                    </a:cubicBezTo>
                    <a:cubicBezTo>
                      <a:pt x="92350" y="13572"/>
                      <a:pt x="96655" y="36756"/>
                      <a:pt x="85006" y="53710"/>
                    </a:cubicBezTo>
                    <a:cubicBezTo>
                      <a:pt x="84977" y="53748"/>
                      <a:pt x="84949" y="53796"/>
                      <a:pt x="84920" y="53834"/>
                    </a:cubicBezTo>
                    <a:cubicBezTo>
                      <a:pt x="77834" y="63883"/>
                      <a:pt x="66261" y="69789"/>
                      <a:pt x="53964" y="69646"/>
                    </a:cubicBezTo>
                    <a:close/>
                  </a:path>
                </a:pathLst>
              </a:custGeom>
              <a:solidFill>
                <a:srgbClr val="265998"/>
              </a:solidFill>
              <a:ln w="9525" cap="flat">
                <a:noFill/>
                <a:prstDash val="solid"/>
                <a:miter/>
              </a:ln>
            </p:spPr>
            <p:txBody>
              <a:bodyPr rtlCol="0" anchor="ctr"/>
              <a:lstStyle/>
              <a:p>
                <a:endParaRPr lang="en-AU"/>
              </a:p>
            </p:txBody>
          </p:sp>
          <p:sp>
            <p:nvSpPr>
              <p:cNvPr id="38" name="Freeform: Shape 37">
                <a:extLst>
                  <a:ext uri="{FF2B5EF4-FFF2-40B4-BE49-F238E27FC236}">
                    <a16:creationId xmlns:a16="http://schemas.microsoft.com/office/drawing/2014/main" id="{76FFD7B7-62DC-4276-4236-8CA35A60ACC0}"/>
                  </a:ext>
                </a:extLst>
              </p:cNvPr>
              <p:cNvSpPr/>
              <p:nvPr/>
            </p:nvSpPr>
            <p:spPr>
              <a:xfrm>
                <a:off x="2548728" y="5045107"/>
                <a:ext cx="82799" cy="70363"/>
              </a:xfrm>
              <a:custGeom>
                <a:avLst/>
                <a:gdLst>
                  <a:gd name="connsiteX0" fmla="*/ 44643 w 82799"/>
                  <a:gd name="connsiteY0" fmla="*/ 70357 h 70363"/>
                  <a:gd name="connsiteX1" fmla="*/ 23403 w 82799"/>
                  <a:gd name="connsiteY1" fmla="*/ 63690 h 70363"/>
                  <a:gd name="connsiteX2" fmla="*/ 5019 w 82799"/>
                  <a:gd name="connsiteY2" fmla="*/ 51688 h 70363"/>
                  <a:gd name="connsiteX3" fmla="*/ 1733 w 82799"/>
                  <a:gd name="connsiteY3" fmla="*/ 36591 h 70363"/>
                  <a:gd name="connsiteX4" fmla="*/ 16830 w 82799"/>
                  <a:gd name="connsiteY4" fmla="*/ 33305 h 70363"/>
                  <a:gd name="connsiteX5" fmla="*/ 35880 w 82799"/>
                  <a:gd name="connsiteY5" fmla="*/ 45497 h 70363"/>
                  <a:gd name="connsiteX6" fmla="*/ 57988 w 82799"/>
                  <a:gd name="connsiteY6" fmla="*/ 42144 h 70363"/>
                  <a:gd name="connsiteX7" fmla="*/ 60836 w 82799"/>
                  <a:gd name="connsiteY7" fmla="*/ 30066 h 70363"/>
                  <a:gd name="connsiteX8" fmla="*/ 54359 w 82799"/>
                  <a:gd name="connsiteY8" fmla="*/ 19970 h 70363"/>
                  <a:gd name="connsiteX9" fmla="*/ 50730 w 82799"/>
                  <a:gd name="connsiteY9" fmla="*/ 5187 h 70363"/>
                  <a:gd name="connsiteX10" fmla="*/ 65513 w 82799"/>
                  <a:gd name="connsiteY10" fmla="*/ 1558 h 70363"/>
                  <a:gd name="connsiteX11" fmla="*/ 66646 w 82799"/>
                  <a:gd name="connsiteY11" fmla="*/ 2349 h 70363"/>
                  <a:gd name="connsiteX12" fmla="*/ 76295 w 82799"/>
                  <a:gd name="connsiteY12" fmla="*/ 53993 h 70363"/>
                  <a:gd name="connsiteX13" fmla="*/ 76171 w 82799"/>
                  <a:gd name="connsiteY13" fmla="*/ 54165 h 70363"/>
                  <a:gd name="connsiteX14" fmla="*/ 44643 w 82799"/>
                  <a:gd name="connsiteY14" fmla="*/ 70357 h 70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2799" h="70363">
                    <a:moveTo>
                      <a:pt x="44643" y="70357"/>
                    </a:moveTo>
                    <a:cubicBezTo>
                      <a:pt x="37052" y="70348"/>
                      <a:pt x="29642" y="68023"/>
                      <a:pt x="23403" y="63690"/>
                    </a:cubicBezTo>
                    <a:lnTo>
                      <a:pt x="5019" y="51688"/>
                    </a:lnTo>
                    <a:cubicBezTo>
                      <a:pt x="-57" y="48431"/>
                      <a:pt x="-1524" y="41668"/>
                      <a:pt x="1733" y="36591"/>
                    </a:cubicBezTo>
                    <a:cubicBezTo>
                      <a:pt x="4991" y="31514"/>
                      <a:pt x="11754" y="30047"/>
                      <a:pt x="16830" y="33305"/>
                    </a:cubicBezTo>
                    <a:lnTo>
                      <a:pt x="35880" y="45497"/>
                    </a:lnTo>
                    <a:cubicBezTo>
                      <a:pt x="42910" y="50679"/>
                      <a:pt x="52806" y="49173"/>
                      <a:pt x="57988" y="42144"/>
                    </a:cubicBezTo>
                    <a:cubicBezTo>
                      <a:pt x="60541" y="38677"/>
                      <a:pt x="61569" y="34314"/>
                      <a:pt x="60836" y="30066"/>
                    </a:cubicBezTo>
                    <a:cubicBezTo>
                      <a:pt x="60093" y="25980"/>
                      <a:pt x="57769" y="22351"/>
                      <a:pt x="54359" y="19970"/>
                    </a:cubicBezTo>
                    <a:cubicBezTo>
                      <a:pt x="49273" y="16893"/>
                      <a:pt x="47653" y="10273"/>
                      <a:pt x="50730" y="5187"/>
                    </a:cubicBezTo>
                    <a:cubicBezTo>
                      <a:pt x="53816" y="101"/>
                      <a:pt x="60426" y="-1519"/>
                      <a:pt x="65513" y="1558"/>
                    </a:cubicBezTo>
                    <a:cubicBezTo>
                      <a:pt x="65913" y="1796"/>
                      <a:pt x="66284" y="2063"/>
                      <a:pt x="66646" y="2349"/>
                    </a:cubicBezTo>
                    <a:cubicBezTo>
                      <a:pt x="83572" y="13950"/>
                      <a:pt x="87887" y="37067"/>
                      <a:pt x="76295" y="53993"/>
                    </a:cubicBezTo>
                    <a:cubicBezTo>
                      <a:pt x="76247" y="54050"/>
                      <a:pt x="76209" y="54107"/>
                      <a:pt x="76171" y="54165"/>
                    </a:cubicBezTo>
                    <a:cubicBezTo>
                      <a:pt x="69046" y="64509"/>
                      <a:pt x="57207" y="70595"/>
                      <a:pt x="44643" y="70357"/>
                    </a:cubicBezTo>
                    <a:close/>
                  </a:path>
                </a:pathLst>
              </a:custGeom>
              <a:solidFill>
                <a:srgbClr val="265998"/>
              </a:solidFill>
              <a:ln w="9525" cap="flat">
                <a:noFill/>
                <a:prstDash val="solid"/>
                <a:miter/>
              </a:ln>
            </p:spPr>
            <p:txBody>
              <a:bodyPr rtlCol="0" anchor="ctr"/>
              <a:lstStyle/>
              <a:p>
                <a:endParaRPr lang="en-AU"/>
              </a:p>
            </p:txBody>
          </p:sp>
          <p:sp>
            <p:nvSpPr>
              <p:cNvPr id="39" name="Freeform: Shape 38">
                <a:extLst>
                  <a:ext uri="{FF2B5EF4-FFF2-40B4-BE49-F238E27FC236}">
                    <a16:creationId xmlns:a16="http://schemas.microsoft.com/office/drawing/2014/main" id="{30DD6793-70D7-1C9E-DF98-88E2EA6BF274}"/>
                  </a:ext>
                </a:extLst>
              </p:cNvPr>
              <p:cNvSpPr/>
              <p:nvPr/>
            </p:nvSpPr>
            <p:spPr>
              <a:xfrm>
                <a:off x="2359580" y="4920614"/>
                <a:ext cx="100116" cy="110839"/>
              </a:xfrm>
              <a:custGeom>
                <a:avLst/>
                <a:gdLst>
                  <a:gd name="connsiteX0" fmla="*/ 37195 w 100116"/>
                  <a:gd name="connsiteY0" fmla="*/ 110839 h 110839"/>
                  <a:gd name="connsiteX1" fmla="*/ 0 w 100116"/>
                  <a:gd name="connsiteY1" fmla="*/ 73549 h 110839"/>
                  <a:gd name="connsiteX2" fmla="*/ 6715 w 100116"/>
                  <a:gd name="connsiteY2" fmla="*/ 52260 h 110839"/>
                  <a:gd name="connsiteX3" fmla="*/ 32052 w 100116"/>
                  <a:gd name="connsiteY3" fmla="*/ 16161 h 110839"/>
                  <a:gd name="connsiteX4" fmla="*/ 83839 w 100116"/>
                  <a:gd name="connsiteY4" fmla="*/ 6550 h 110839"/>
                  <a:gd name="connsiteX5" fmla="*/ 83963 w 100116"/>
                  <a:gd name="connsiteY5" fmla="*/ 6636 h 110839"/>
                  <a:gd name="connsiteX6" fmla="*/ 93612 w 100116"/>
                  <a:gd name="connsiteY6" fmla="*/ 58280 h 110839"/>
                  <a:gd name="connsiteX7" fmla="*/ 93488 w 100116"/>
                  <a:gd name="connsiteY7" fmla="*/ 58452 h 110839"/>
                  <a:gd name="connsiteX8" fmla="*/ 68151 w 100116"/>
                  <a:gd name="connsiteY8" fmla="*/ 94551 h 110839"/>
                  <a:gd name="connsiteX9" fmla="*/ 37195 w 100116"/>
                  <a:gd name="connsiteY9" fmla="*/ 110839 h 110839"/>
                  <a:gd name="connsiteX10" fmla="*/ 62627 w 100116"/>
                  <a:gd name="connsiteY10" fmla="*/ 21780 h 110839"/>
                  <a:gd name="connsiteX11" fmla="*/ 49673 w 100116"/>
                  <a:gd name="connsiteY11" fmla="*/ 28543 h 110839"/>
                  <a:gd name="connsiteX12" fmla="*/ 24336 w 100116"/>
                  <a:gd name="connsiteY12" fmla="*/ 64643 h 110839"/>
                  <a:gd name="connsiteX13" fmla="*/ 21669 w 100116"/>
                  <a:gd name="connsiteY13" fmla="*/ 76359 h 110839"/>
                  <a:gd name="connsiteX14" fmla="*/ 28146 w 100116"/>
                  <a:gd name="connsiteY14" fmla="*/ 86455 h 110839"/>
                  <a:gd name="connsiteX15" fmla="*/ 50149 w 100116"/>
                  <a:gd name="connsiteY15" fmla="*/ 82645 h 110839"/>
                  <a:gd name="connsiteX16" fmla="*/ 75486 w 100116"/>
                  <a:gd name="connsiteY16" fmla="*/ 46450 h 110839"/>
                  <a:gd name="connsiteX17" fmla="*/ 78153 w 100116"/>
                  <a:gd name="connsiteY17" fmla="*/ 34829 h 110839"/>
                  <a:gd name="connsiteX18" fmla="*/ 71676 w 100116"/>
                  <a:gd name="connsiteY18" fmla="*/ 24638 h 110839"/>
                  <a:gd name="connsiteX19" fmla="*/ 62627 w 100116"/>
                  <a:gd name="connsiteY19" fmla="*/ 21780 h 110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00116" h="110839">
                    <a:moveTo>
                      <a:pt x="37195" y="110839"/>
                    </a:moveTo>
                    <a:cubicBezTo>
                      <a:pt x="16631" y="110810"/>
                      <a:pt x="-29" y="94123"/>
                      <a:pt x="0" y="73549"/>
                    </a:cubicBezTo>
                    <a:cubicBezTo>
                      <a:pt x="9" y="65938"/>
                      <a:pt x="2353" y="58499"/>
                      <a:pt x="6715" y="52260"/>
                    </a:cubicBezTo>
                    <a:lnTo>
                      <a:pt x="32052" y="16161"/>
                    </a:lnTo>
                    <a:cubicBezTo>
                      <a:pt x="43701" y="-794"/>
                      <a:pt x="66884" y="-5099"/>
                      <a:pt x="83839" y="6550"/>
                    </a:cubicBezTo>
                    <a:cubicBezTo>
                      <a:pt x="83877" y="6578"/>
                      <a:pt x="83925" y="6607"/>
                      <a:pt x="83963" y="6636"/>
                    </a:cubicBezTo>
                    <a:cubicBezTo>
                      <a:pt x="100889" y="18237"/>
                      <a:pt x="105204" y="41354"/>
                      <a:pt x="93612" y="58280"/>
                    </a:cubicBezTo>
                    <a:cubicBezTo>
                      <a:pt x="93564" y="58337"/>
                      <a:pt x="93526" y="58394"/>
                      <a:pt x="93488" y="58452"/>
                    </a:cubicBezTo>
                    <a:lnTo>
                      <a:pt x="68151" y="94551"/>
                    </a:lnTo>
                    <a:cubicBezTo>
                      <a:pt x="61198" y="104800"/>
                      <a:pt x="49587" y="110915"/>
                      <a:pt x="37195" y="110839"/>
                    </a:cubicBezTo>
                    <a:close/>
                    <a:moveTo>
                      <a:pt x="62627" y="21780"/>
                    </a:moveTo>
                    <a:cubicBezTo>
                      <a:pt x="57464" y="21799"/>
                      <a:pt x="52635" y="24323"/>
                      <a:pt x="49673" y="28543"/>
                    </a:cubicBezTo>
                    <a:lnTo>
                      <a:pt x="24336" y="64643"/>
                    </a:lnTo>
                    <a:cubicBezTo>
                      <a:pt x="21907" y="68034"/>
                      <a:pt x="20945" y="72253"/>
                      <a:pt x="21669" y="76359"/>
                    </a:cubicBezTo>
                    <a:cubicBezTo>
                      <a:pt x="22412" y="80445"/>
                      <a:pt x="24736" y="84074"/>
                      <a:pt x="28146" y="86455"/>
                    </a:cubicBezTo>
                    <a:cubicBezTo>
                      <a:pt x="35338" y="91208"/>
                      <a:pt x="44977" y="89532"/>
                      <a:pt x="50149" y="82645"/>
                    </a:cubicBezTo>
                    <a:lnTo>
                      <a:pt x="75486" y="46450"/>
                    </a:lnTo>
                    <a:cubicBezTo>
                      <a:pt x="77914" y="43097"/>
                      <a:pt x="78876" y="38906"/>
                      <a:pt x="78153" y="34829"/>
                    </a:cubicBezTo>
                    <a:cubicBezTo>
                      <a:pt x="77438" y="30705"/>
                      <a:pt x="75105" y="27038"/>
                      <a:pt x="71676" y="24638"/>
                    </a:cubicBezTo>
                    <a:cubicBezTo>
                      <a:pt x="69037" y="22761"/>
                      <a:pt x="65865" y="21761"/>
                      <a:pt x="62627" y="21780"/>
                    </a:cubicBezTo>
                    <a:close/>
                  </a:path>
                </a:pathLst>
              </a:custGeom>
              <a:solidFill>
                <a:srgbClr val="265998"/>
              </a:solidFill>
              <a:ln w="9525" cap="flat">
                <a:noFill/>
                <a:prstDash val="solid"/>
                <a:miter/>
              </a:ln>
            </p:spPr>
            <p:txBody>
              <a:bodyPr rtlCol="0" anchor="ctr"/>
              <a:lstStyle/>
              <a:p>
                <a:endParaRPr lang="en-AU"/>
              </a:p>
            </p:txBody>
          </p:sp>
          <p:sp>
            <p:nvSpPr>
              <p:cNvPr id="40" name="Freeform: Shape 39">
                <a:extLst>
                  <a:ext uri="{FF2B5EF4-FFF2-40B4-BE49-F238E27FC236}">
                    <a16:creationId xmlns:a16="http://schemas.microsoft.com/office/drawing/2014/main" id="{1B47DCC1-CFE0-0B66-94A4-554D6E29CB90}"/>
                  </a:ext>
                </a:extLst>
              </p:cNvPr>
              <p:cNvSpPr/>
              <p:nvPr/>
            </p:nvSpPr>
            <p:spPr>
              <a:xfrm>
                <a:off x="2397966" y="4958122"/>
                <a:ext cx="100123" cy="110764"/>
              </a:xfrm>
              <a:custGeom>
                <a:avLst/>
                <a:gdLst>
                  <a:gd name="connsiteX0" fmla="*/ 37195 w 100123"/>
                  <a:gd name="connsiteY0" fmla="*/ 110764 h 110764"/>
                  <a:gd name="connsiteX1" fmla="*/ 0 w 100123"/>
                  <a:gd name="connsiteY1" fmla="*/ 73474 h 110764"/>
                  <a:gd name="connsiteX2" fmla="*/ 6715 w 100123"/>
                  <a:gd name="connsiteY2" fmla="*/ 52185 h 110764"/>
                  <a:gd name="connsiteX3" fmla="*/ 32052 w 100123"/>
                  <a:gd name="connsiteY3" fmla="*/ 16086 h 110764"/>
                  <a:gd name="connsiteX4" fmla="*/ 83963 w 100123"/>
                  <a:gd name="connsiteY4" fmla="*/ 6561 h 110764"/>
                  <a:gd name="connsiteX5" fmla="*/ 93574 w 100123"/>
                  <a:gd name="connsiteY5" fmla="*/ 58348 h 110764"/>
                  <a:gd name="connsiteX6" fmla="*/ 93488 w 100123"/>
                  <a:gd name="connsiteY6" fmla="*/ 58472 h 110764"/>
                  <a:gd name="connsiteX7" fmla="*/ 68151 w 100123"/>
                  <a:gd name="connsiteY7" fmla="*/ 94572 h 110764"/>
                  <a:gd name="connsiteX8" fmla="*/ 37195 w 100123"/>
                  <a:gd name="connsiteY8" fmla="*/ 110764 h 110764"/>
                  <a:gd name="connsiteX9" fmla="*/ 62627 w 100123"/>
                  <a:gd name="connsiteY9" fmla="*/ 21705 h 110764"/>
                  <a:gd name="connsiteX10" fmla="*/ 49673 w 100123"/>
                  <a:gd name="connsiteY10" fmla="*/ 28468 h 110764"/>
                  <a:gd name="connsiteX11" fmla="*/ 24336 w 100123"/>
                  <a:gd name="connsiteY11" fmla="*/ 64568 h 110764"/>
                  <a:gd name="connsiteX12" fmla="*/ 21669 w 100123"/>
                  <a:gd name="connsiteY12" fmla="*/ 76284 h 110764"/>
                  <a:gd name="connsiteX13" fmla="*/ 28146 w 100123"/>
                  <a:gd name="connsiteY13" fmla="*/ 86380 h 110764"/>
                  <a:gd name="connsiteX14" fmla="*/ 50149 w 100123"/>
                  <a:gd name="connsiteY14" fmla="*/ 82570 h 110764"/>
                  <a:gd name="connsiteX15" fmla="*/ 75486 w 100123"/>
                  <a:gd name="connsiteY15" fmla="*/ 46470 h 110764"/>
                  <a:gd name="connsiteX16" fmla="*/ 78153 w 100123"/>
                  <a:gd name="connsiteY16" fmla="*/ 34755 h 110764"/>
                  <a:gd name="connsiteX17" fmla="*/ 62627 w 100123"/>
                  <a:gd name="connsiteY17" fmla="*/ 21705 h 1107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00123" h="110764">
                    <a:moveTo>
                      <a:pt x="37195" y="110764"/>
                    </a:moveTo>
                    <a:cubicBezTo>
                      <a:pt x="16631" y="110736"/>
                      <a:pt x="-29" y="94048"/>
                      <a:pt x="0" y="73474"/>
                    </a:cubicBezTo>
                    <a:cubicBezTo>
                      <a:pt x="9" y="65863"/>
                      <a:pt x="2353" y="58424"/>
                      <a:pt x="6715" y="52185"/>
                    </a:cubicBezTo>
                    <a:lnTo>
                      <a:pt x="32052" y="16086"/>
                    </a:lnTo>
                    <a:cubicBezTo>
                      <a:pt x="43796" y="-821"/>
                      <a:pt x="66980" y="-5079"/>
                      <a:pt x="83963" y="6561"/>
                    </a:cubicBezTo>
                    <a:cubicBezTo>
                      <a:pt x="100917" y="18210"/>
                      <a:pt x="105223" y="41394"/>
                      <a:pt x="93574" y="58348"/>
                    </a:cubicBezTo>
                    <a:cubicBezTo>
                      <a:pt x="93545" y="58386"/>
                      <a:pt x="93516" y="58434"/>
                      <a:pt x="93488" y="58472"/>
                    </a:cubicBezTo>
                    <a:lnTo>
                      <a:pt x="68151" y="94572"/>
                    </a:lnTo>
                    <a:cubicBezTo>
                      <a:pt x="61151" y="104763"/>
                      <a:pt x="49558" y="110821"/>
                      <a:pt x="37195" y="110764"/>
                    </a:cubicBezTo>
                    <a:close/>
                    <a:moveTo>
                      <a:pt x="62627" y="21705"/>
                    </a:moveTo>
                    <a:cubicBezTo>
                      <a:pt x="57464" y="21724"/>
                      <a:pt x="52635" y="24248"/>
                      <a:pt x="49673" y="28468"/>
                    </a:cubicBezTo>
                    <a:lnTo>
                      <a:pt x="24336" y="64568"/>
                    </a:lnTo>
                    <a:cubicBezTo>
                      <a:pt x="21955" y="67978"/>
                      <a:pt x="21003" y="72178"/>
                      <a:pt x="21669" y="76284"/>
                    </a:cubicBezTo>
                    <a:cubicBezTo>
                      <a:pt x="22412" y="80370"/>
                      <a:pt x="24736" y="83999"/>
                      <a:pt x="28146" y="86380"/>
                    </a:cubicBezTo>
                    <a:cubicBezTo>
                      <a:pt x="35328" y="91181"/>
                      <a:pt x="45006" y="89504"/>
                      <a:pt x="50149" y="82570"/>
                    </a:cubicBezTo>
                    <a:lnTo>
                      <a:pt x="75486" y="46470"/>
                    </a:lnTo>
                    <a:cubicBezTo>
                      <a:pt x="77953" y="43098"/>
                      <a:pt x="78915" y="38860"/>
                      <a:pt x="78153" y="34755"/>
                    </a:cubicBezTo>
                    <a:cubicBezTo>
                      <a:pt x="76848" y="27201"/>
                      <a:pt x="70294" y="21686"/>
                      <a:pt x="62627" y="21705"/>
                    </a:cubicBezTo>
                    <a:close/>
                  </a:path>
                </a:pathLst>
              </a:custGeom>
              <a:solidFill>
                <a:srgbClr val="265998"/>
              </a:solidFill>
              <a:ln w="9525" cap="flat">
                <a:noFill/>
                <a:prstDash val="solid"/>
                <a:miter/>
              </a:ln>
            </p:spPr>
            <p:txBody>
              <a:bodyPr rtlCol="0" anchor="ctr"/>
              <a:lstStyle/>
              <a:p>
                <a:endParaRPr lang="en-AU"/>
              </a:p>
            </p:txBody>
          </p:sp>
          <p:sp>
            <p:nvSpPr>
              <p:cNvPr id="41" name="Freeform: Shape 40">
                <a:extLst>
                  <a:ext uri="{FF2B5EF4-FFF2-40B4-BE49-F238E27FC236}">
                    <a16:creationId xmlns:a16="http://schemas.microsoft.com/office/drawing/2014/main" id="{7F3436CC-5DCA-FC11-70D2-289FBCB2B129}"/>
                  </a:ext>
                </a:extLst>
              </p:cNvPr>
              <p:cNvSpPr/>
              <p:nvPr/>
            </p:nvSpPr>
            <p:spPr>
              <a:xfrm>
                <a:off x="2446308" y="4996020"/>
                <a:ext cx="89780" cy="96107"/>
              </a:xfrm>
              <a:custGeom>
                <a:avLst/>
                <a:gdLst>
                  <a:gd name="connsiteX0" fmla="*/ 37336 w 89780"/>
                  <a:gd name="connsiteY0" fmla="*/ 96107 h 96107"/>
                  <a:gd name="connsiteX1" fmla="*/ 16000 w 89780"/>
                  <a:gd name="connsiteY1" fmla="*/ 89440 h 96107"/>
                  <a:gd name="connsiteX2" fmla="*/ 569 w 89780"/>
                  <a:gd name="connsiteY2" fmla="*/ 65341 h 96107"/>
                  <a:gd name="connsiteX3" fmla="*/ 6760 w 89780"/>
                  <a:gd name="connsiteY3" fmla="*/ 37529 h 96107"/>
                  <a:gd name="connsiteX4" fmla="*/ 22000 w 89780"/>
                  <a:gd name="connsiteY4" fmla="*/ 15907 h 96107"/>
                  <a:gd name="connsiteX5" fmla="*/ 52576 w 89780"/>
                  <a:gd name="connsiteY5" fmla="*/ 0 h 96107"/>
                  <a:gd name="connsiteX6" fmla="*/ 89780 w 89780"/>
                  <a:gd name="connsiteY6" fmla="*/ 37471 h 96107"/>
                  <a:gd name="connsiteX7" fmla="*/ 83151 w 89780"/>
                  <a:gd name="connsiteY7" fmla="*/ 58579 h 96107"/>
                  <a:gd name="connsiteX8" fmla="*/ 67911 w 89780"/>
                  <a:gd name="connsiteY8" fmla="*/ 80296 h 96107"/>
                  <a:gd name="connsiteX9" fmla="*/ 37336 w 89780"/>
                  <a:gd name="connsiteY9" fmla="*/ 96107 h 96107"/>
                  <a:gd name="connsiteX10" fmla="*/ 52576 w 89780"/>
                  <a:gd name="connsiteY10" fmla="*/ 21526 h 96107"/>
                  <a:gd name="connsiteX11" fmla="*/ 39622 w 89780"/>
                  <a:gd name="connsiteY11" fmla="*/ 28194 h 96107"/>
                  <a:gd name="connsiteX12" fmla="*/ 24382 w 89780"/>
                  <a:gd name="connsiteY12" fmla="*/ 49911 h 96107"/>
                  <a:gd name="connsiteX13" fmla="*/ 21810 w 89780"/>
                  <a:gd name="connsiteY13" fmla="*/ 61627 h 96107"/>
                  <a:gd name="connsiteX14" fmla="*/ 28287 w 89780"/>
                  <a:gd name="connsiteY14" fmla="*/ 71723 h 96107"/>
                  <a:gd name="connsiteX15" fmla="*/ 50290 w 89780"/>
                  <a:gd name="connsiteY15" fmla="*/ 67913 h 96107"/>
                  <a:gd name="connsiteX16" fmla="*/ 65530 w 89780"/>
                  <a:gd name="connsiteY16" fmla="*/ 46196 h 96107"/>
                  <a:gd name="connsiteX17" fmla="*/ 68101 w 89780"/>
                  <a:gd name="connsiteY17" fmla="*/ 34480 h 96107"/>
                  <a:gd name="connsiteX18" fmla="*/ 61624 w 89780"/>
                  <a:gd name="connsiteY18" fmla="*/ 24384 h 96107"/>
                  <a:gd name="connsiteX19" fmla="*/ 52671 w 89780"/>
                  <a:gd name="connsiteY19" fmla="*/ 21526 h 96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9780" h="96107">
                    <a:moveTo>
                      <a:pt x="37336" y="96107"/>
                    </a:moveTo>
                    <a:cubicBezTo>
                      <a:pt x="29706" y="96136"/>
                      <a:pt x="22258" y="93802"/>
                      <a:pt x="16000" y="89440"/>
                    </a:cubicBezTo>
                    <a:cubicBezTo>
                      <a:pt x="7923" y="83715"/>
                      <a:pt x="2388" y="75076"/>
                      <a:pt x="569" y="65341"/>
                    </a:cubicBezTo>
                    <a:cubicBezTo>
                      <a:pt x="-1155" y="55616"/>
                      <a:pt x="1074" y="45606"/>
                      <a:pt x="6760" y="37529"/>
                    </a:cubicBezTo>
                    <a:lnTo>
                      <a:pt x="22000" y="15907"/>
                    </a:lnTo>
                    <a:cubicBezTo>
                      <a:pt x="29001" y="5953"/>
                      <a:pt x="40403" y="19"/>
                      <a:pt x="52576" y="0"/>
                    </a:cubicBezTo>
                    <a:cubicBezTo>
                      <a:pt x="73197" y="76"/>
                      <a:pt x="89857" y="16850"/>
                      <a:pt x="89780" y="37471"/>
                    </a:cubicBezTo>
                    <a:cubicBezTo>
                      <a:pt x="89752" y="45015"/>
                      <a:pt x="87447" y="52378"/>
                      <a:pt x="83151" y="58579"/>
                    </a:cubicBezTo>
                    <a:lnTo>
                      <a:pt x="67911" y="80296"/>
                    </a:lnTo>
                    <a:cubicBezTo>
                      <a:pt x="60891" y="90221"/>
                      <a:pt x="49490" y="96117"/>
                      <a:pt x="37336" y="96107"/>
                    </a:cubicBezTo>
                    <a:close/>
                    <a:moveTo>
                      <a:pt x="52576" y="21526"/>
                    </a:moveTo>
                    <a:cubicBezTo>
                      <a:pt x="47432" y="21507"/>
                      <a:pt x="42594" y="23993"/>
                      <a:pt x="39622" y="28194"/>
                    </a:cubicBezTo>
                    <a:lnTo>
                      <a:pt x="24382" y="49911"/>
                    </a:lnTo>
                    <a:cubicBezTo>
                      <a:pt x="21991" y="53311"/>
                      <a:pt x="21067" y="57531"/>
                      <a:pt x="21810" y="61627"/>
                    </a:cubicBezTo>
                    <a:cubicBezTo>
                      <a:pt x="22505" y="65732"/>
                      <a:pt x="24848" y="69380"/>
                      <a:pt x="28287" y="71723"/>
                    </a:cubicBezTo>
                    <a:cubicBezTo>
                      <a:pt x="35478" y="76476"/>
                      <a:pt x="45118" y="74800"/>
                      <a:pt x="50290" y="67913"/>
                    </a:cubicBezTo>
                    <a:lnTo>
                      <a:pt x="65530" y="46196"/>
                    </a:lnTo>
                    <a:cubicBezTo>
                      <a:pt x="67930" y="42796"/>
                      <a:pt x="68863" y="38576"/>
                      <a:pt x="68101" y="34480"/>
                    </a:cubicBezTo>
                    <a:cubicBezTo>
                      <a:pt x="67358" y="30394"/>
                      <a:pt x="65034" y="26765"/>
                      <a:pt x="61624" y="24384"/>
                    </a:cubicBezTo>
                    <a:cubicBezTo>
                      <a:pt x="59005" y="22527"/>
                      <a:pt x="55881" y="21526"/>
                      <a:pt x="52671" y="21526"/>
                    </a:cubicBezTo>
                    <a:close/>
                  </a:path>
                </a:pathLst>
              </a:custGeom>
              <a:solidFill>
                <a:srgbClr val="265998"/>
              </a:solidFill>
              <a:ln w="9525" cap="flat">
                <a:noFill/>
                <a:prstDash val="solid"/>
                <a:miter/>
              </a:ln>
            </p:spPr>
            <p:txBody>
              <a:bodyPr rtlCol="0" anchor="ctr"/>
              <a:lstStyle/>
              <a:p>
                <a:endParaRPr lang="en-AU"/>
              </a:p>
            </p:txBody>
          </p:sp>
          <p:sp>
            <p:nvSpPr>
              <p:cNvPr id="42" name="Freeform: Shape 41">
                <a:extLst>
                  <a:ext uri="{FF2B5EF4-FFF2-40B4-BE49-F238E27FC236}">
                    <a16:creationId xmlns:a16="http://schemas.microsoft.com/office/drawing/2014/main" id="{739B8097-E071-3651-B497-D5F1A9B2F268}"/>
                  </a:ext>
                </a:extLst>
              </p:cNvPr>
              <p:cNvSpPr/>
              <p:nvPr/>
            </p:nvSpPr>
            <p:spPr>
              <a:xfrm>
                <a:off x="2494976" y="5033370"/>
                <a:ext cx="79837" cy="81903"/>
              </a:xfrm>
              <a:custGeom>
                <a:avLst/>
                <a:gdLst>
                  <a:gd name="connsiteX0" fmla="*/ 37245 w 79837"/>
                  <a:gd name="connsiteY0" fmla="*/ 81903 h 81903"/>
                  <a:gd name="connsiteX1" fmla="*/ 574 w 79837"/>
                  <a:gd name="connsiteY1" fmla="*/ 51138 h 81903"/>
                  <a:gd name="connsiteX2" fmla="*/ 6765 w 79837"/>
                  <a:gd name="connsiteY2" fmla="*/ 23325 h 81903"/>
                  <a:gd name="connsiteX3" fmla="*/ 11814 w 79837"/>
                  <a:gd name="connsiteY3" fmla="*/ 16086 h 81903"/>
                  <a:gd name="connsiteX4" fmla="*/ 63725 w 79837"/>
                  <a:gd name="connsiteY4" fmla="*/ 6561 h 81903"/>
                  <a:gd name="connsiteX5" fmla="*/ 73259 w 79837"/>
                  <a:gd name="connsiteY5" fmla="*/ 58358 h 81903"/>
                  <a:gd name="connsiteX6" fmla="*/ 73250 w 79837"/>
                  <a:gd name="connsiteY6" fmla="*/ 58377 h 81903"/>
                  <a:gd name="connsiteX7" fmla="*/ 68106 w 79837"/>
                  <a:gd name="connsiteY7" fmla="*/ 65616 h 81903"/>
                  <a:gd name="connsiteX8" fmla="*/ 37245 w 79837"/>
                  <a:gd name="connsiteY8" fmla="*/ 81903 h 81903"/>
                  <a:gd name="connsiteX9" fmla="*/ 42389 w 79837"/>
                  <a:gd name="connsiteY9" fmla="*/ 21801 h 81903"/>
                  <a:gd name="connsiteX10" fmla="*/ 29435 w 79837"/>
                  <a:gd name="connsiteY10" fmla="*/ 28468 h 81903"/>
                  <a:gd name="connsiteX11" fmla="*/ 24387 w 79837"/>
                  <a:gd name="connsiteY11" fmla="*/ 35707 h 81903"/>
                  <a:gd name="connsiteX12" fmla="*/ 21720 w 79837"/>
                  <a:gd name="connsiteY12" fmla="*/ 47423 h 81903"/>
                  <a:gd name="connsiteX13" fmla="*/ 28197 w 79837"/>
                  <a:gd name="connsiteY13" fmla="*/ 57519 h 81903"/>
                  <a:gd name="connsiteX14" fmla="*/ 50199 w 79837"/>
                  <a:gd name="connsiteY14" fmla="*/ 53614 h 81903"/>
                  <a:gd name="connsiteX15" fmla="*/ 55343 w 79837"/>
                  <a:gd name="connsiteY15" fmla="*/ 46375 h 81903"/>
                  <a:gd name="connsiteX16" fmla="*/ 57915 w 79837"/>
                  <a:gd name="connsiteY16" fmla="*/ 34755 h 81903"/>
                  <a:gd name="connsiteX17" fmla="*/ 42389 w 79837"/>
                  <a:gd name="connsiteY17" fmla="*/ 21801 h 819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9837" h="81903">
                    <a:moveTo>
                      <a:pt x="37245" y="81903"/>
                    </a:moveTo>
                    <a:cubicBezTo>
                      <a:pt x="19196" y="81865"/>
                      <a:pt x="3755" y="68911"/>
                      <a:pt x="574" y="51138"/>
                    </a:cubicBezTo>
                    <a:cubicBezTo>
                      <a:pt x="-1159" y="41413"/>
                      <a:pt x="1069" y="31392"/>
                      <a:pt x="6765" y="23325"/>
                    </a:cubicBezTo>
                    <a:lnTo>
                      <a:pt x="11814" y="16086"/>
                    </a:lnTo>
                    <a:cubicBezTo>
                      <a:pt x="23558" y="-821"/>
                      <a:pt x="46742" y="-5079"/>
                      <a:pt x="63725" y="6561"/>
                    </a:cubicBezTo>
                    <a:cubicBezTo>
                      <a:pt x="80660" y="18229"/>
                      <a:pt x="84928" y="41422"/>
                      <a:pt x="73259" y="58358"/>
                    </a:cubicBezTo>
                    <a:cubicBezTo>
                      <a:pt x="73259" y="58367"/>
                      <a:pt x="73250" y="58367"/>
                      <a:pt x="73250" y="58377"/>
                    </a:cubicBezTo>
                    <a:lnTo>
                      <a:pt x="68106" y="65616"/>
                    </a:lnTo>
                    <a:cubicBezTo>
                      <a:pt x="61172" y="75836"/>
                      <a:pt x="49599" y="81941"/>
                      <a:pt x="37245" y="81903"/>
                    </a:cubicBezTo>
                    <a:close/>
                    <a:moveTo>
                      <a:pt x="42389" y="21801"/>
                    </a:moveTo>
                    <a:cubicBezTo>
                      <a:pt x="37245" y="21782"/>
                      <a:pt x="32407" y="24268"/>
                      <a:pt x="29435" y="28468"/>
                    </a:cubicBezTo>
                    <a:lnTo>
                      <a:pt x="24387" y="35707"/>
                    </a:lnTo>
                    <a:cubicBezTo>
                      <a:pt x="21996" y="39117"/>
                      <a:pt x="21043" y="43318"/>
                      <a:pt x="21720" y="47423"/>
                    </a:cubicBezTo>
                    <a:cubicBezTo>
                      <a:pt x="22463" y="51509"/>
                      <a:pt x="24787" y="55138"/>
                      <a:pt x="28197" y="57519"/>
                    </a:cubicBezTo>
                    <a:cubicBezTo>
                      <a:pt x="35398" y="62301"/>
                      <a:pt x="45085" y="60577"/>
                      <a:pt x="50199" y="53614"/>
                    </a:cubicBezTo>
                    <a:lnTo>
                      <a:pt x="55343" y="46375"/>
                    </a:lnTo>
                    <a:cubicBezTo>
                      <a:pt x="57743" y="43013"/>
                      <a:pt x="58667" y="38812"/>
                      <a:pt x="57915" y="34755"/>
                    </a:cubicBezTo>
                    <a:cubicBezTo>
                      <a:pt x="56534" y="27258"/>
                      <a:pt x="50009" y="21810"/>
                      <a:pt x="42389" y="21801"/>
                    </a:cubicBezTo>
                    <a:close/>
                  </a:path>
                </a:pathLst>
              </a:custGeom>
              <a:solidFill>
                <a:srgbClr val="265998"/>
              </a:solidFill>
              <a:ln w="9525" cap="flat">
                <a:noFill/>
                <a:prstDash val="solid"/>
                <a:miter/>
              </a:ln>
            </p:spPr>
            <p:txBody>
              <a:bodyPr rtlCol="0" anchor="ctr"/>
              <a:lstStyle/>
              <a:p>
                <a:endParaRPr lang="en-AU"/>
              </a:p>
            </p:txBody>
          </p:sp>
          <p:sp>
            <p:nvSpPr>
              <p:cNvPr id="43" name="Freeform: Shape 42">
                <a:extLst>
                  <a:ext uri="{FF2B5EF4-FFF2-40B4-BE49-F238E27FC236}">
                    <a16:creationId xmlns:a16="http://schemas.microsoft.com/office/drawing/2014/main" id="{587EE357-C933-AA55-697B-685003B1704F}"/>
                  </a:ext>
                </a:extLst>
              </p:cNvPr>
              <p:cNvSpPr/>
              <p:nvPr/>
            </p:nvSpPr>
            <p:spPr>
              <a:xfrm>
                <a:off x="2403601" y="4773132"/>
                <a:ext cx="113628" cy="51679"/>
              </a:xfrm>
              <a:custGeom>
                <a:avLst/>
                <a:gdLst>
                  <a:gd name="connsiteX0" fmla="*/ 102236 w 113628"/>
                  <a:gd name="connsiteY0" fmla="*/ 51629 h 51679"/>
                  <a:gd name="connsiteX1" fmla="*/ 59278 w 113628"/>
                  <a:gd name="connsiteY1" fmla="*/ 51629 h 51679"/>
                  <a:gd name="connsiteX2" fmla="*/ 53563 w 113628"/>
                  <a:gd name="connsiteY2" fmla="*/ 50010 h 51679"/>
                  <a:gd name="connsiteX3" fmla="*/ 5938 w 113628"/>
                  <a:gd name="connsiteY3" fmla="*/ 20387 h 51679"/>
                  <a:gd name="connsiteX4" fmla="*/ 1147 w 113628"/>
                  <a:gd name="connsiteY4" fmla="*/ 5938 h 51679"/>
                  <a:gd name="connsiteX5" fmla="*/ 15587 w 113628"/>
                  <a:gd name="connsiteY5" fmla="*/ 1147 h 51679"/>
                  <a:gd name="connsiteX6" fmla="*/ 17273 w 113628"/>
                  <a:gd name="connsiteY6" fmla="*/ 2194 h 51679"/>
                  <a:gd name="connsiteX7" fmla="*/ 61945 w 113628"/>
                  <a:gd name="connsiteY7" fmla="*/ 30198 h 51679"/>
                  <a:gd name="connsiteX8" fmla="*/ 101854 w 113628"/>
                  <a:gd name="connsiteY8" fmla="*/ 30198 h 51679"/>
                  <a:gd name="connsiteX9" fmla="*/ 113580 w 113628"/>
                  <a:gd name="connsiteY9" fmla="*/ 39904 h 51679"/>
                  <a:gd name="connsiteX10" fmla="*/ 103874 w 113628"/>
                  <a:gd name="connsiteY10" fmla="*/ 51629 h 51679"/>
                  <a:gd name="connsiteX11" fmla="*/ 101854 w 113628"/>
                  <a:gd name="connsiteY11" fmla="*/ 51629 h 516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13628" h="51679">
                    <a:moveTo>
                      <a:pt x="102236" y="51629"/>
                    </a:moveTo>
                    <a:lnTo>
                      <a:pt x="59278" y="51629"/>
                    </a:lnTo>
                    <a:cubicBezTo>
                      <a:pt x="57249" y="51715"/>
                      <a:pt x="55249" y="51143"/>
                      <a:pt x="53563" y="50010"/>
                    </a:cubicBezTo>
                    <a:lnTo>
                      <a:pt x="5938" y="20387"/>
                    </a:lnTo>
                    <a:cubicBezTo>
                      <a:pt x="623" y="17720"/>
                      <a:pt x="-1520" y="11253"/>
                      <a:pt x="1147" y="5938"/>
                    </a:cubicBezTo>
                    <a:cubicBezTo>
                      <a:pt x="3804" y="623"/>
                      <a:pt x="10272" y="-1520"/>
                      <a:pt x="15587" y="1147"/>
                    </a:cubicBezTo>
                    <a:cubicBezTo>
                      <a:pt x="16177" y="1442"/>
                      <a:pt x="16749" y="1794"/>
                      <a:pt x="17273" y="2194"/>
                    </a:cubicBezTo>
                    <a:lnTo>
                      <a:pt x="61945" y="30198"/>
                    </a:lnTo>
                    <a:lnTo>
                      <a:pt x="101854" y="30198"/>
                    </a:lnTo>
                    <a:cubicBezTo>
                      <a:pt x="107770" y="29636"/>
                      <a:pt x="113027" y="33979"/>
                      <a:pt x="113580" y="39904"/>
                    </a:cubicBezTo>
                    <a:cubicBezTo>
                      <a:pt x="114142" y="45819"/>
                      <a:pt x="109798" y="51067"/>
                      <a:pt x="103874" y="51629"/>
                    </a:cubicBezTo>
                    <a:cubicBezTo>
                      <a:pt x="103207" y="51696"/>
                      <a:pt x="102531" y="51696"/>
                      <a:pt x="101854" y="51629"/>
                    </a:cubicBezTo>
                    <a:close/>
                  </a:path>
                </a:pathLst>
              </a:custGeom>
              <a:solidFill>
                <a:srgbClr val="265998"/>
              </a:solidFill>
              <a:ln w="9525" cap="flat">
                <a:noFill/>
                <a:prstDash val="solid"/>
                <a:miter/>
              </a:ln>
            </p:spPr>
            <p:txBody>
              <a:bodyPr rtlCol="0" anchor="ctr"/>
              <a:lstStyle/>
              <a:p>
                <a:endParaRPr lang="en-AU"/>
              </a:p>
            </p:txBody>
          </p:sp>
          <p:sp>
            <p:nvSpPr>
              <p:cNvPr id="44" name="Freeform: Shape 43">
                <a:extLst>
                  <a:ext uri="{FF2B5EF4-FFF2-40B4-BE49-F238E27FC236}">
                    <a16:creationId xmlns:a16="http://schemas.microsoft.com/office/drawing/2014/main" id="{21BB6188-2BE3-65A3-C179-E6E5DF1145C6}"/>
                  </a:ext>
                </a:extLst>
              </p:cNvPr>
              <p:cNvSpPr/>
              <p:nvPr/>
            </p:nvSpPr>
            <p:spPr>
              <a:xfrm>
                <a:off x="2348228" y="4923971"/>
                <a:ext cx="43350" cy="50141"/>
              </a:xfrm>
              <a:custGeom>
                <a:avLst/>
                <a:gdLst>
                  <a:gd name="connsiteX0" fmla="*/ 32546 w 43350"/>
                  <a:gd name="connsiteY0" fmla="*/ 50141 h 50141"/>
                  <a:gd name="connsiteX1" fmla="*/ 22068 w 43350"/>
                  <a:gd name="connsiteY1" fmla="*/ 41474 h 50141"/>
                  <a:gd name="connsiteX2" fmla="*/ 19115 w 43350"/>
                  <a:gd name="connsiteY2" fmla="*/ 26615 h 50141"/>
                  <a:gd name="connsiteX3" fmla="*/ 6161 w 43350"/>
                  <a:gd name="connsiteY3" fmla="*/ 20423 h 50141"/>
                  <a:gd name="connsiteX4" fmla="*/ 1018 w 43350"/>
                  <a:gd name="connsiteY4" fmla="*/ 6136 h 50141"/>
                  <a:gd name="connsiteX5" fmla="*/ 15401 w 43350"/>
                  <a:gd name="connsiteY5" fmla="*/ 993 h 50141"/>
                  <a:gd name="connsiteX6" fmla="*/ 33117 w 43350"/>
                  <a:gd name="connsiteY6" fmla="*/ 9470 h 50141"/>
                  <a:gd name="connsiteX7" fmla="*/ 39118 w 43350"/>
                  <a:gd name="connsiteY7" fmla="*/ 17090 h 50141"/>
                  <a:gd name="connsiteX8" fmla="*/ 43118 w 43350"/>
                  <a:gd name="connsiteY8" fmla="*/ 37188 h 50141"/>
                  <a:gd name="connsiteX9" fmla="*/ 34879 w 43350"/>
                  <a:gd name="connsiteY9" fmla="*/ 49827 h 50141"/>
                  <a:gd name="connsiteX10" fmla="*/ 34736 w 43350"/>
                  <a:gd name="connsiteY10" fmla="*/ 49856 h 50141"/>
                  <a:gd name="connsiteX11" fmla="*/ 32546 w 43350"/>
                  <a:gd name="connsiteY11" fmla="*/ 50141 h 50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3350" h="50141">
                    <a:moveTo>
                      <a:pt x="32546" y="50141"/>
                    </a:moveTo>
                    <a:cubicBezTo>
                      <a:pt x="27440" y="50103"/>
                      <a:pt x="23059" y="46484"/>
                      <a:pt x="22068" y="41474"/>
                    </a:cubicBezTo>
                    <a:lnTo>
                      <a:pt x="19115" y="26615"/>
                    </a:lnTo>
                    <a:lnTo>
                      <a:pt x="6161" y="20423"/>
                    </a:lnTo>
                    <a:cubicBezTo>
                      <a:pt x="808" y="17890"/>
                      <a:pt x="-1497" y="11499"/>
                      <a:pt x="1018" y="6136"/>
                    </a:cubicBezTo>
                    <a:cubicBezTo>
                      <a:pt x="3628" y="812"/>
                      <a:pt x="10000" y="-1474"/>
                      <a:pt x="15401" y="993"/>
                    </a:cubicBezTo>
                    <a:lnTo>
                      <a:pt x="33117" y="9470"/>
                    </a:lnTo>
                    <a:cubicBezTo>
                      <a:pt x="36222" y="10898"/>
                      <a:pt x="38451" y="13737"/>
                      <a:pt x="39118" y="17090"/>
                    </a:cubicBezTo>
                    <a:lnTo>
                      <a:pt x="43118" y="37188"/>
                    </a:lnTo>
                    <a:cubicBezTo>
                      <a:pt x="44338" y="42950"/>
                      <a:pt x="40642" y="48608"/>
                      <a:pt x="34879" y="49827"/>
                    </a:cubicBezTo>
                    <a:cubicBezTo>
                      <a:pt x="34832" y="49837"/>
                      <a:pt x="34784" y="49846"/>
                      <a:pt x="34736" y="49856"/>
                    </a:cubicBezTo>
                    <a:cubicBezTo>
                      <a:pt x="34022" y="50046"/>
                      <a:pt x="33289" y="50141"/>
                      <a:pt x="32546" y="50141"/>
                    </a:cubicBezTo>
                    <a:close/>
                  </a:path>
                </a:pathLst>
              </a:custGeom>
              <a:solidFill>
                <a:srgbClr val="265998"/>
              </a:solidFill>
              <a:ln w="9525" cap="flat">
                <a:noFill/>
                <a:prstDash val="solid"/>
                <a:miter/>
              </a:ln>
            </p:spPr>
            <p:txBody>
              <a:bodyPr rtlCol="0" anchor="ctr"/>
              <a:lstStyle/>
              <a:p>
                <a:endParaRPr lang="en-AU"/>
              </a:p>
            </p:txBody>
          </p:sp>
          <p:sp>
            <p:nvSpPr>
              <p:cNvPr id="45" name="Freeform: Shape 44">
                <a:extLst>
                  <a:ext uri="{FF2B5EF4-FFF2-40B4-BE49-F238E27FC236}">
                    <a16:creationId xmlns:a16="http://schemas.microsoft.com/office/drawing/2014/main" id="{BCB25853-CFFA-7D68-A76E-052A4A8B9A65}"/>
                  </a:ext>
                </a:extLst>
              </p:cNvPr>
              <p:cNvSpPr/>
              <p:nvPr/>
            </p:nvSpPr>
            <p:spPr>
              <a:xfrm>
                <a:off x="2724282" y="4921520"/>
                <a:ext cx="39818" cy="30971"/>
              </a:xfrm>
              <a:custGeom>
                <a:avLst/>
                <a:gdLst>
                  <a:gd name="connsiteX0" fmla="*/ 10727 w 39818"/>
                  <a:gd name="connsiteY0" fmla="*/ 30971 h 30971"/>
                  <a:gd name="connsiteX1" fmla="*/ 1202 w 39818"/>
                  <a:gd name="connsiteY1" fmla="*/ 25161 h 30971"/>
                  <a:gd name="connsiteX2" fmla="*/ 5773 w 39818"/>
                  <a:gd name="connsiteY2" fmla="*/ 10683 h 30971"/>
                  <a:gd name="connsiteX3" fmla="*/ 24061 w 39818"/>
                  <a:gd name="connsiteY3" fmla="*/ 1158 h 30971"/>
                  <a:gd name="connsiteX4" fmla="*/ 38635 w 39818"/>
                  <a:gd name="connsiteY4" fmla="*/ 5825 h 30971"/>
                  <a:gd name="connsiteX5" fmla="*/ 33968 w 39818"/>
                  <a:gd name="connsiteY5" fmla="*/ 20303 h 30971"/>
                  <a:gd name="connsiteX6" fmla="*/ 15680 w 39818"/>
                  <a:gd name="connsiteY6" fmla="*/ 29828 h 30971"/>
                  <a:gd name="connsiteX7" fmla="*/ 10727 w 39818"/>
                  <a:gd name="connsiteY7" fmla="*/ 30971 h 30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9818" h="30971">
                    <a:moveTo>
                      <a:pt x="10727" y="30971"/>
                    </a:moveTo>
                    <a:cubicBezTo>
                      <a:pt x="6707" y="30981"/>
                      <a:pt x="3030" y="28733"/>
                      <a:pt x="1202" y="25161"/>
                    </a:cubicBezTo>
                    <a:cubicBezTo>
                      <a:pt x="-1513" y="19903"/>
                      <a:pt x="525" y="13426"/>
                      <a:pt x="5773" y="10683"/>
                    </a:cubicBezTo>
                    <a:lnTo>
                      <a:pt x="24061" y="1158"/>
                    </a:lnTo>
                    <a:cubicBezTo>
                      <a:pt x="29377" y="-1500"/>
                      <a:pt x="35853" y="567"/>
                      <a:pt x="38635" y="5825"/>
                    </a:cubicBezTo>
                    <a:cubicBezTo>
                      <a:pt x="41340" y="11111"/>
                      <a:pt x="39254" y="17588"/>
                      <a:pt x="33968" y="20303"/>
                    </a:cubicBezTo>
                    <a:lnTo>
                      <a:pt x="15680" y="29828"/>
                    </a:lnTo>
                    <a:cubicBezTo>
                      <a:pt x="14137" y="30571"/>
                      <a:pt x="12441" y="30961"/>
                      <a:pt x="10727" y="30971"/>
                    </a:cubicBezTo>
                    <a:close/>
                  </a:path>
                </a:pathLst>
              </a:custGeom>
              <a:solidFill>
                <a:srgbClr val="265998"/>
              </a:solidFill>
              <a:ln w="9525" cap="flat">
                <a:noFill/>
                <a:prstDash val="solid"/>
                <a:miter/>
              </a:ln>
            </p:spPr>
            <p:txBody>
              <a:bodyPr rtlCol="0" anchor="ctr"/>
              <a:lstStyle/>
              <a:p>
                <a:endParaRPr lang="en-AU"/>
              </a:p>
            </p:txBody>
          </p:sp>
          <p:sp>
            <p:nvSpPr>
              <p:cNvPr id="46" name="Freeform: Shape 45">
                <a:extLst>
                  <a:ext uri="{FF2B5EF4-FFF2-40B4-BE49-F238E27FC236}">
                    <a16:creationId xmlns:a16="http://schemas.microsoft.com/office/drawing/2014/main" id="{5F36CB21-5BC8-2A01-01FA-60DC84154B4B}"/>
                  </a:ext>
                </a:extLst>
              </p:cNvPr>
              <p:cNvSpPr/>
              <p:nvPr/>
            </p:nvSpPr>
            <p:spPr>
              <a:xfrm>
                <a:off x="2469436" y="4770416"/>
                <a:ext cx="277773" cy="231796"/>
              </a:xfrm>
              <a:custGeom>
                <a:avLst/>
                <a:gdLst>
                  <a:gd name="connsiteX0" fmla="*/ 239569 w 277773"/>
                  <a:gd name="connsiteY0" fmla="*/ 231796 h 231796"/>
                  <a:gd name="connsiteX1" fmla="*/ 218233 w 277773"/>
                  <a:gd name="connsiteY1" fmla="*/ 225128 h 231796"/>
                  <a:gd name="connsiteX2" fmla="*/ 161083 w 277773"/>
                  <a:gd name="connsiteY2" fmla="*/ 184837 h 231796"/>
                  <a:gd name="connsiteX3" fmla="*/ 159378 w 277773"/>
                  <a:gd name="connsiteY3" fmla="*/ 169712 h 231796"/>
                  <a:gd name="connsiteX4" fmla="*/ 173370 w 277773"/>
                  <a:gd name="connsiteY4" fmla="*/ 167216 h 231796"/>
                  <a:gd name="connsiteX5" fmla="*/ 231091 w 277773"/>
                  <a:gd name="connsiteY5" fmla="*/ 207412 h 231796"/>
                  <a:gd name="connsiteX6" fmla="*/ 253189 w 277773"/>
                  <a:gd name="connsiteY6" fmla="*/ 205040 h 231796"/>
                  <a:gd name="connsiteX7" fmla="*/ 250818 w 277773"/>
                  <a:gd name="connsiteY7" fmla="*/ 182942 h 231796"/>
                  <a:gd name="connsiteX8" fmla="*/ 249189 w 277773"/>
                  <a:gd name="connsiteY8" fmla="*/ 181789 h 231796"/>
                  <a:gd name="connsiteX9" fmla="*/ 108981 w 277773"/>
                  <a:gd name="connsiteY9" fmla="*/ 81777 h 231796"/>
                  <a:gd name="connsiteX10" fmla="*/ 74977 w 277773"/>
                  <a:gd name="connsiteY10" fmla="*/ 100827 h 231796"/>
                  <a:gd name="connsiteX11" fmla="*/ 74119 w 277773"/>
                  <a:gd name="connsiteY11" fmla="*/ 102160 h 231796"/>
                  <a:gd name="connsiteX12" fmla="*/ 16969 w 277773"/>
                  <a:gd name="connsiteY12" fmla="*/ 113305 h 231796"/>
                  <a:gd name="connsiteX13" fmla="*/ 110 w 277773"/>
                  <a:gd name="connsiteY13" fmla="*/ 83396 h 231796"/>
                  <a:gd name="connsiteX14" fmla="*/ 10873 w 277773"/>
                  <a:gd name="connsiteY14" fmla="*/ 56345 h 231796"/>
                  <a:gd name="connsiteX15" fmla="*/ 37067 w 277773"/>
                  <a:gd name="connsiteY15" fmla="*/ 30151 h 231796"/>
                  <a:gd name="connsiteX16" fmla="*/ 56784 w 277773"/>
                  <a:gd name="connsiteY16" fmla="*/ 14435 h 231796"/>
                  <a:gd name="connsiteX17" fmla="*/ 108600 w 277773"/>
                  <a:gd name="connsiteY17" fmla="*/ 814 h 231796"/>
                  <a:gd name="connsiteX18" fmla="*/ 202707 w 277773"/>
                  <a:gd name="connsiteY18" fmla="*/ 9292 h 231796"/>
                  <a:gd name="connsiteX19" fmla="*/ 227662 w 277773"/>
                  <a:gd name="connsiteY19" fmla="*/ 1576 h 231796"/>
                  <a:gd name="connsiteX20" fmla="*/ 241054 w 277773"/>
                  <a:gd name="connsiteY20" fmla="*/ 8520 h 231796"/>
                  <a:gd name="connsiteX21" fmla="*/ 241093 w 277773"/>
                  <a:gd name="connsiteY21" fmla="*/ 8625 h 231796"/>
                  <a:gd name="connsiteX22" fmla="*/ 234044 w 277773"/>
                  <a:gd name="connsiteY22" fmla="*/ 22150 h 231796"/>
                  <a:gd name="connsiteX23" fmla="*/ 207088 w 277773"/>
                  <a:gd name="connsiteY23" fmla="*/ 30437 h 231796"/>
                  <a:gd name="connsiteX24" fmla="*/ 202897 w 277773"/>
                  <a:gd name="connsiteY24" fmla="*/ 30913 h 231796"/>
                  <a:gd name="connsiteX25" fmla="*/ 105647 w 277773"/>
                  <a:gd name="connsiteY25" fmla="*/ 22055 h 231796"/>
                  <a:gd name="connsiteX26" fmla="*/ 70024 w 277773"/>
                  <a:gd name="connsiteY26" fmla="*/ 31580 h 231796"/>
                  <a:gd name="connsiteX27" fmla="*/ 52307 w 277773"/>
                  <a:gd name="connsiteY27" fmla="*/ 45582 h 231796"/>
                  <a:gd name="connsiteX28" fmla="*/ 25828 w 277773"/>
                  <a:gd name="connsiteY28" fmla="*/ 72061 h 231796"/>
                  <a:gd name="connsiteX29" fmla="*/ 21541 w 277773"/>
                  <a:gd name="connsiteY29" fmla="*/ 82158 h 231796"/>
                  <a:gd name="connsiteX30" fmla="*/ 29352 w 277773"/>
                  <a:gd name="connsiteY30" fmla="*/ 95874 h 231796"/>
                  <a:gd name="connsiteX31" fmla="*/ 54117 w 277773"/>
                  <a:gd name="connsiteY31" fmla="*/ 92731 h 231796"/>
                  <a:gd name="connsiteX32" fmla="*/ 121649 w 277773"/>
                  <a:gd name="connsiteY32" fmla="*/ 64156 h 231796"/>
                  <a:gd name="connsiteX33" fmla="*/ 261857 w 277773"/>
                  <a:gd name="connsiteY33" fmla="*/ 164168 h 231796"/>
                  <a:gd name="connsiteX34" fmla="*/ 271106 w 277773"/>
                  <a:gd name="connsiteY34" fmla="*/ 215879 h 231796"/>
                  <a:gd name="connsiteX35" fmla="*/ 240331 w 277773"/>
                  <a:gd name="connsiteY35" fmla="*/ 231796 h 2317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77773" h="231796">
                    <a:moveTo>
                      <a:pt x="239569" y="231796"/>
                    </a:moveTo>
                    <a:cubicBezTo>
                      <a:pt x="231949" y="231757"/>
                      <a:pt x="224519" y="229434"/>
                      <a:pt x="218233" y="225128"/>
                    </a:cubicBezTo>
                    <a:lnTo>
                      <a:pt x="161083" y="184837"/>
                    </a:lnTo>
                    <a:cubicBezTo>
                      <a:pt x="156434" y="181132"/>
                      <a:pt x="155672" y="174360"/>
                      <a:pt x="159378" y="169712"/>
                    </a:cubicBezTo>
                    <a:cubicBezTo>
                      <a:pt x="162749" y="165482"/>
                      <a:pt x="168741" y="164416"/>
                      <a:pt x="173370" y="167216"/>
                    </a:cubicBezTo>
                    <a:lnTo>
                      <a:pt x="231091" y="207412"/>
                    </a:lnTo>
                    <a:cubicBezTo>
                      <a:pt x="237845" y="212860"/>
                      <a:pt x="247741" y="211793"/>
                      <a:pt x="253189" y="205040"/>
                    </a:cubicBezTo>
                    <a:cubicBezTo>
                      <a:pt x="258638" y="198287"/>
                      <a:pt x="257580" y="188390"/>
                      <a:pt x="250818" y="182942"/>
                    </a:cubicBezTo>
                    <a:cubicBezTo>
                      <a:pt x="250303" y="182523"/>
                      <a:pt x="249760" y="182142"/>
                      <a:pt x="249189" y="181789"/>
                    </a:cubicBezTo>
                    <a:cubicBezTo>
                      <a:pt x="247855" y="180837"/>
                      <a:pt x="130412" y="96731"/>
                      <a:pt x="108981" y="81777"/>
                    </a:cubicBezTo>
                    <a:cubicBezTo>
                      <a:pt x="100980" y="76157"/>
                      <a:pt x="84883" y="89492"/>
                      <a:pt x="74977" y="100827"/>
                    </a:cubicBezTo>
                    <a:cubicBezTo>
                      <a:pt x="74729" y="101294"/>
                      <a:pt x="74443" y="101741"/>
                      <a:pt x="74119" y="102160"/>
                    </a:cubicBezTo>
                    <a:cubicBezTo>
                      <a:pt x="60394" y="119410"/>
                      <a:pt x="36172" y="124134"/>
                      <a:pt x="16969" y="113305"/>
                    </a:cubicBezTo>
                    <a:cubicBezTo>
                      <a:pt x="7197" y="106323"/>
                      <a:pt x="1024" y="95369"/>
                      <a:pt x="110" y="83396"/>
                    </a:cubicBezTo>
                    <a:cubicBezTo>
                      <a:pt x="-728" y="73195"/>
                      <a:pt x="3253" y="63184"/>
                      <a:pt x="10873" y="56345"/>
                    </a:cubicBezTo>
                    <a:lnTo>
                      <a:pt x="37067" y="30151"/>
                    </a:lnTo>
                    <a:cubicBezTo>
                      <a:pt x="43296" y="24493"/>
                      <a:pt x="49878" y="19245"/>
                      <a:pt x="56784" y="14435"/>
                    </a:cubicBezTo>
                    <a:cubicBezTo>
                      <a:pt x="71395" y="2853"/>
                      <a:pt x="90178" y="-2091"/>
                      <a:pt x="108600" y="814"/>
                    </a:cubicBezTo>
                    <a:lnTo>
                      <a:pt x="202707" y="9292"/>
                    </a:lnTo>
                    <a:lnTo>
                      <a:pt x="227662" y="1576"/>
                    </a:lnTo>
                    <a:cubicBezTo>
                      <a:pt x="233282" y="-205"/>
                      <a:pt x="239273" y="2900"/>
                      <a:pt x="241054" y="8520"/>
                    </a:cubicBezTo>
                    <a:cubicBezTo>
                      <a:pt x="241073" y="8549"/>
                      <a:pt x="241083" y="8587"/>
                      <a:pt x="241093" y="8625"/>
                    </a:cubicBezTo>
                    <a:cubicBezTo>
                      <a:pt x="242836" y="14302"/>
                      <a:pt x="239702" y="20331"/>
                      <a:pt x="234044" y="22150"/>
                    </a:cubicBezTo>
                    <a:lnTo>
                      <a:pt x="207088" y="30437"/>
                    </a:lnTo>
                    <a:cubicBezTo>
                      <a:pt x="205736" y="30885"/>
                      <a:pt x="204317" y="31047"/>
                      <a:pt x="202897" y="30913"/>
                    </a:cubicBezTo>
                    <a:lnTo>
                      <a:pt x="105647" y="22055"/>
                    </a:lnTo>
                    <a:cubicBezTo>
                      <a:pt x="92969" y="20179"/>
                      <a:pt x="80072" y="23627"/>
                      <a:pt x="70024" y="31580"/>
                    </a:cubicBezTo>
                    <a:cubicBezTo>
                      <a:pt x="63804" y="35838"/>
                      <a:pt x="57889" y="40515"/>
                      <a:pt x="52307" y="45582"/>
                    </a:cubicBezTo>
                    <a:lnTo>
                      <a:pt x="25828" y="72061"/>
                    </a:lnTo>
                    <a:cubicBezTo>
                      <a:pt x="22818" y="74509"/>
                      <a:pt x="21208" y="78291"/>
                      <a:pt x="21541" y="82158"/>
                    </a:cubicBezTo>
                    <a:cubicBezTo>
                      <a:pt x="22037" y="87644"/>
                      <a:pt x="24885" y="92645"/>
                      <a:pt x="29352" y="95874"/>
                    </a:cubicBezTo>
                    <a:cubicBezTo>
                      <a:pt x="37534" y="99608"/>
                      <a:pt x="47125" y="98388"/>
                      <a:pt x="54117" y="92731"/>
                    </a:cubicBezTo>
                    <a:cubicBezTo>
                      <a:pt x="59451" y="85872"/>
                      <a:pt x="92884" y="44439"/>
                      <a:pt x="121649" y="64156"/>
                    </a:cubicBezTo>
                    <a:cubicBezTo>
                      <a:pt x="143176" y="79205"/>
                      <a:pt x="260714" y="163311"/>
                      <a:pt x="261857" y="164168"/>
                    </a:cubicBezTo>
                    <a:cubicBezTo>
                      <a:pt x="278688" y="175893"/>
                      <a:pt x="282831" y="199049"/>
                      <a:pt x="271106" y="215879"/>
                    </a:cubicBezTo>
                    <a:cubicBezTo>
                      <a:pt x="264105" y="225938"/>
                      <a:pt x="252589" y="231891"/>
                      <a:pt x="240331" y="231796"/>
                    </a:cubicBezTo>
                    <a:close/>
                  </a:path>
                </a:pathLst>
              </a:custGeom>
              <a:solidFill>
                <a:srgbClr val="265998"/>
              </a:solidFill>
              <a:ln w="9525" cap="flat">
                <a:noFill/>
                <a:prstDash val="solid"/>
                <a:miter/>
              </a:ln>
            </p:spPr>
            <p:txBody>
              <a:bodyPr rtlCol="0" anchor="ctr"/>
              <a:lstStyle/>
              <a:p>
                <a:endParaRPr lang="en-AU"/>
              </a:p>
            </p:txBody>
          </p:sp>
          <p:sp>
            <p:nvSpPr>
              <p:cNvPr id="47" name="Freeform: Shape 46">
                <a:extLst>
                  <a:ext uri="{FF2B5EF4-FFF2-40B4-BE49-F238E27FC236}">
                    <a16:creationId xmlns:a16="http://schemas.microsoft.com/office/drawing/2014/main" id="{DF0933A7-8733-9C37-95F8-03E271E1965A}"/>
                  </a:ext>
                </a:extLst>
              </p:cNvPr>
              <p:cNvSpPr/>
              <p:nvPr/>
            </p:nvSpPr>
            <p:spPr>
              <a:xfrm>
                <a:off x="2688769" y="4738738"/>
                <a:ext cx="118339" cy="215181"/>
              </a:xfrm>
              <a:custGeom>
                <a:avLst/>
                <a:gdLst>
                  <a:gd name="connsiteX0" fmla="*/ 75290 w 118339"/>
                  <a:gd name="connsiteY0" fmla="*/ 215181 h 215181"/>
                  <a:gd name="connsiteX1" fmla="*/ 65194 w 118339"/>
                  <a:gd name="connsiteY1" fmla="*/ 208228 h 215181"/>
                  <a:gd name="connsiteX2" fmla="*/ 709 w 118339"/>
                  <a:gd name="connsiteY2" fmla="*/ 36111 h 215181"/>
                  <a:gd name="connsiteX3" fmla="*/ 6710 w 118339"/>
                  <a:gd name="connsiteY3" fmla="*/ 22300 h 215181"/>
                  <a:gd name="connsiteX4" fmla="*/ 60526 w 118339"/>
                  <a:gd name="connsiteY4" fmla="*/ 774 h 215181"/>
                  <a:gd name="connsiteX5" fmla="*/ 69480 w 118339"/>
                  <a:gd name="connsiteY5" fmla="*/ 1250 h 215181"/>
                  <a:gd name="connsiteX6" fmla="*/ 75004 w 118339"/>
                  <a:gd name="connsiteY6" fmla="*/ 8298 h 215181"/>
                  <a:gd name="connsiteX7" fmla="*/ 118057 w 118339"/>
                  <a:gd name="connsiteY7" fmla="*/ 191178 h 215181"/>
                  <a:gd name="connsiteX8" fmla="*/ 110914 w 118339"/>
                  <a:gd name="connsiteY8" fmla="*/ 203847 h 215181"/>
                  <a:gd name="connsiteX9" fmla="*/ 78719 w 118339"/>
                  <a:gd name="connsiteY9" fmla="*/ 214610 h 215181"/>
                  <a:gd name="connsiteX10" fmla="*/ 75290 w 118339"/>
                  <a:gd name="connsiteY10" fmla="*/ 215181 h 215181"/>
                  <a:gd name="connsiteX11" fmla="*/ 24522 w 118339"/>
                  <a:gd name="connsiteY11" fmla="*/ 38397 h 215181"/>
                  <a:gd name="connsiteX12" fmla="*/ 81672 w 118339"/>
                  <a:gd name="connsiteY12" fmla="*/ 190797 h 215181"/>
                  <a:gd name="connsiteX13" fmla="*/ 94816 w 118339"/>
                  <a:gd name="connsiteY13" fmla="*/ 186416 h 215181"/>
                  <a:gd name="connsiteX14" fmla="*/ 56716 w 118339"/>
                  <a:gd name="connsiteY14" fmla="*/ 25253 h 215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18339" h="215181">
                    <a:moveTo>
                      <a:pt x="75290" y="215181"/>
                    </a:moveTo>
                    <a:cubicBezTo>
                      <a:pt x="70804" y="215191"/>
                      <a:pt x="66784" y="212419"/>
                      <a:pt x="65194" y="208228"/>
                    </a:cubicBezTo>
                    <a:lnTo>
                      <a:pt x="709" y="36111"/>
                    </a:lnTo>
                    <a:cubicBezTo>
                      <a:pt x="-1377" y="30644"/>
                      <a:pt x="1290" y="24510"/>
                      <a:pt x="6710" y="22300"/>
                    </a:cubicBezTo>
                    <a:lnTo>
                      <a:pt x="60526" y="774"/>
                    </a:lnTo>
                    <a:cubicBezTo>
                      <a:pt x="63432" y="-408"/>
                      <a:pt x="66718" y="-226"/>
                      <a:pt x="69480" y="1250"/>
                    </a:cubicBezTo>
                    <a:cubicBezTo>
                      <a:pt x="72252" y="2698"/>
                      <a:pt x="74261" y="5260"/>
                      <a:pt x="75004" y="8298"/>
                    </a:cubicBezTo>
                    <a:lnTo>
                      <a:pt x="118057" y="191178"/>
                    </a:lnTo>
                    <a:cubicBezTo>
                      <a:pt x="119324" y="196617"/>
                      <a:pt x="116219" y="202113"/>
                      <a:pt x="110914" y="203847"/>
                    </a:cubicBezTo>
                    <a:lnTo>
                      <a:pt x="78719" y="214610"/>
                    </a:lnTo>
                    <a:cubicBezTo>
                      <a:pt x="77614" y="214981"/>
                      <a:pt x="76452" y="215181"/>
                      <a:pt x="75290" y="215181"/>
                    </a:cubicBezTo>
                    <a:close/>
                    <a:moveTo>
                      <a:pt x="24522" y="38397"/>
                    </a:moveTo>
                    <a:lnTo>
                      <a:pt x="81672" y="190797"/>
                    </a:lnTo>
                    <a:lnTo>
                      <a:pt x="94816" y="186416"/>
                    </a:lnTo>
                    <a:lnTo>
                      <a:pt x="56716" y="25253"/>
                    </a:lnTo>
                    <a:close/>
                  </a:path>
                </a:pathLst>
              </a:custGeom>
              <a:solidFill>
                <a:srgbClr val="265998"/>
              </a:solidFill>
              <a:ln w="9525" cap="flat">
                <a:noFill/>
                <a:prstDash val="solid"/>
                <a:miter/>
              </a:ln>
            </p:spPr>
            <p:txBody>
              <a:bodyPr rtlCol="0" anchor="ctr"/>
              <a:lstStyle/>
              <a:p>
                <a:endParaRPr lang="en-AU"/>
              </a:p>
            </p:txBody>
          </p:sp>
          <p:sp>
            <p:nvSpPr>
              <p:cNvPr id="48" name="Freeform: Shape 47">
                <a:extLst>
                  <a:ext uri="{FF2B5EF4-FFF2-40B4-BE49-F238E27FC236}">
                    <a16:creationId xmlns:a16="http://schemas.microsoft.com/office/drawing/2014/main" id="{A1C1AD54-247B-6A38-DFF3-A3016817F133}"/>
                  </a:ext>
                </a:extLst>
              </p:cNvPr>
              <p:cNvSpPr/>
              <p:nvPr/>
            </p:nvSpPr>
            <p:spPr>
              <a:xfrm>
                <a:off x="2312197" y="4738774"/>
                <a:ext cx="118399" cy="215146"/>
              </a:xfrm>
              <a:custGeom>
                <a:avLst/>
                <a:gdLst>
                  <a:gd name="connsiteX0" fmla="*/ 43050 w 118399"/>
                  <a:gd name="connsiteY0" fmla="*/ 215146 h 215146"/>
                  <a:gd name="connsiteX1" fmla="*/ 39716 w 118399"/>
                  <a:gd name="connsiteY1" fmla="*/ 214574 h 215146"/>
                  <a:gd name="connsiteX2" fmla="*/ 7426 w 118399"/>
                  <a:gd name="connsiteY2" fmla="*/ 203811 h 215146"/>
                  <a:gd name="connsiteX3" fmla="*/ 282 w 118399"/>
                  <a:gd name="connsiteY3" fmla="*/ 191143 h 215146"/>
                  <a:gd name="connsiteX4" fmla="*/ 43335 w 118399"/>
                  <a:gd name="connsiteY4" fmla="*/ 8263 h 215146"/>
                  <a:gd name="connsiteX5" fmla="*/ 56470 w 118399"/>
                  <a:gd name="connsiteY5" fmla="*/ 319 h 215146"/>
                  <a:gd name="connsiteX6" fmla="*/ 57813 w 118399"/>
                  <a:gd name="connsiteY6" fmla="*/ 738 h 215146"/>
                  <a:gd name="connsiteX7" fmla="*/ 111630 w 118399"/>
                  <a:gd name="connsiteY7" fmla="*/ 22264 h 215146"/>
                  <a:gd name="connsiteX8" fmla="*/ 117726 w 118399"/>
                  <a:gd name="connsiteY8" fmla="*/ 36076 h 215146"/>
                  <a:gd name="connsiteX9" fmla="*/ 53146 w 118399"/>
                  <a:gd name="connsiteY9" fmla="*/ 208193 h 215146"/>
                  <a:gd name="connsiteX10" fmla="*/ 43050 w 118399"/>
                  <a:gd name="connsiteY10" fmla="*/ 215146 h 215146"/>
                  <a:gd name="connsiteX11" fmla="*/ 23523 w 118399"/>
                  <a:gd name="connsiteY11" fmla="*/ 186571 h 215146"/>
                  <a:gd name="connsiteX12" fmla="*/ 36668 w 118399"/>
                  <a:gd name="connsiteY12" fmla="*/ 190952 h 215146"/>
                  <a:gd name="connsiteX13" fmla="*/ 93818 w 118399"/>
                  <a:gd name="connsiteY13" fmla="*/ 38552 h 215146"/>
                  <a:gd name="connsiteX14" fmla="*/ 61433 w 118399"/>
                  <a:gd name="connsiteY14" fmla="*/ 25503 h 215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18399" h="215146">
                    <a:moveTo>
                      <a:pt x="43050" y="215146"/>
                    </a:moveTo>
                    <a:cubicBezTo>
                      <a:pt x="41916" y="215155"/>
                      <a:pt x="40783" y="214965"/>
                      <a:pt x="39716" y="214574"/>
                    </a:cubicBezTo>
                    <a:lnTo>
                      <a:pt x="7426" y="203811"/>
                    </a:lnTo>
                    <a:cubicBezTo>
                      <a:pt x="2121" y="202078"/>
                      <a:pt x="-985" y="196581"/>
                      <a:pt x="282" y="191143"/>
                    </a:cubicBezTo>
                    <a:lnTo>
                      <a:pt x="43335" y="8263"/>
                    </a:lnTo>
                    <a:cubicBezTo>
                      <a:pt x="44774" y="2443"/>
                      <a:pt x="50650" y="-1119"/>
                      <a:pt x="56470" y="319"/>
                    </a:cubicBezTo>
                    <a:cubicBezTo>
                      <a:pt x="56928" y="424"/>
                      <a:pt x="57375" y="567"/>
                      <a:pt x="57813" y="738"/>
                    </a:cubicBezTo>
                    <a:lnTo>
                      <a:pt x="111630" y="22264"/>
                    </a:lnTo>
                    <a:cubicBezTo>
                      <a:pt x="117049" y="24474"/>
                      <a:pt x="119754" y="30580"/>
                      <a:pt x="117726" y="36076"/>
                    </a:cubicBezTo>
                    <a:lnTo>
                      <a:pt x="53146" y="208193"/>
                    </a:lnTo>
                    <a:cubicBezTo>
                      <a:pt x="51555" y="212384"/>
                      <a:pt x="47536" y="215155"/>
                      <a:pt x="43050" y="215146"/>
                    </a:cubicBezTo>
                    <a:close/>
                    <a:moveTo>
                      <a:pt x="23523" y="186571"/>
                    </a:moveTo>
                    <a:lnTo>
                      <a:pt x="36668" y="190952"/>
                    </a:lnTo>
                    <a:lnTo>
                      <a:pt x="93818" y="38552"/>
                    </a:lnTo>
                    <a:lnTo>
                      <a:pt x="61433" y="25503"/>
                    </a:lnTo>
                    <a:close/>
                  </a:path>
                </a:pathLst>
              </a:custGeom>
              <a:solidFill>
                <a:srgbClr val="265998"/>
              </a:solidFill>
              <a:ln w="9525" cap="flat">
                <a:noFill/>
                <a:prstDash val="solid"/>
                <a:miter/>
              </a:ln>
            </p:spPr>
            <p:txBody>
              <a:bodyPr rtlCol="0" anchor="ctr"/>
              <a:lstStyle/>
              <a:p>
                <a:endParaRPr lang="en-AU"/>
              </a:p>
            </p:txBody>
          </p:sp>
        </p:grpSp>
        <p:grpSp>
          <p:nvGrpSpPr>
            <p:cNvPr id="20" name="Group 19">
              <a:extLst>
                <a:ext uri="{FF2B5EF4-FFF2-40B4-BE49-F238E27FC236}">
                  <a16:creationId xmlns:a16="http://schemas.microsoft.com/office/drawing/2014/main" id="{B772DD77-BBF2-F34E-E57D-7356824698BE}"/>
                </a:ext>
              </a:extLst>
            </p:cNvPr>
            <p:cNvGrpSpPr/>
            <p:nvPr/>
          </p:nvGrpSpPr>
          <p:grpSpPr>
            <a:xfrm>
              <a:off x="1845104" y="2225058"/>
              <a:ext cx="395998" cy="252002"/>
              <a:chOff x="1702813" y="396958"/>
              <a:chExt cx="347983" cy="207564"/>
            </a:xfrm>
          </p:grpSpPr>
          <p:sp>
            <p:nvSpPr>
              <p:cNvPr id="21" name="Freeform 2">
                <a:extLst>
                  <a:ext uri="{FF2B5EF4-FFF2-40B4-BE49-F238E27FC236}">
                    <a16:creationId xmlns:a16="http://schemas.microsoft.com/office/drawing/2014/main" id="{E2F8B005-15EB-F240-19AB-1E079A56EF1D}"/>
                  </a:ext>
                </a:extLst>
              </p:cNvPr>
              <p:cNvSpPr/>
              <p:nvPr/>
            </p:nvSpPr>
            <p:spPr>
              <a:xfrm>
                <a:off x="1884266" y="407056"/>
                <a:ext cx="75632" cy="53403"/>
              </a:xfrm>
              <a:custGeom>
                <a:avLst/>
                <a:gdLst>
                  <a:gd name="connsiteX0" fmla="*/ 285 w 75632"/>
                  <a:gd name="connsiteY0" fmla="*/ 0 h 53403"/>
                  <a:gd name="connsiteX1" fmla="*/ 0 w 75632"/>
                  <a:gd name="connsiteY1" fmla="*/ 36116 h 53403"/>
                  <a:gd name="connsiteX2" fmla="*/ 57351 w 75632"/>
                  <a:gd name="connsiteY2" fmla="*/ 53403 h 53403"/>
                  <a:gd name="connsiteX3" fmla="*/ 75633 w 75632"/>
                  <a:gd name="connsiteY3" fmla="*/ 22480 h 53403"/>
                  <a:gd name="connsiteX4" fmla="*/ 342 w 75632"/>
                  <a:gd name="connsiteY4" fmla="*/ 0 h 534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632" h="53403">
                    <a:moveTo>
                      <a:pt x="285" y="0"/>
                    </a:moveTo>
                    <a:lnTo>
                      <a:pt x="0" y="36116"/>
                    </a:lnTo>
                    <a:cubicBezTo>
                      <a:pt x="20617" y="37314"/>
                      <a:pt x="40151" y="43419"/>
                      <a:pt x="57351" y="53403"/>
                    </a:cubicBezTo>
                    <a:lnTo>
                      <a:pt x="75633" y="22480"/>
                    </a:lnTo>
                    <a:cubicBezTo>
                      <a:pt x="53136" y="9300"/>
                      <a:pt x="27451" y="1312"/>
                      <a:pt x="342" y="0"/>
                    </a:cubicBezTo>
                    <a:close/>
                  </a:path>
                </a:pathLst>
              </a:custGeom>
              <a:solidFill>
                <a:srgbClr val="C7E4F1"/>
              </a:solidFill>
              <a:ln w="5693" cap="flat">
                <a:noFill/>
                <a:prstDash val="solid"/>
                <a:miter/>
              </a:ln>
            </p:spPr>
            <p:txBody>
              <a:bodyPr rtlCol="0" anchor="ctr"/>
              <a:lstStyle/>
              <a:p>
                <a:endParaRPr lang="en-AU"/>
              </a:p>
            </p:txBody>
          </p:sp>
          <p:sp>
            <p:nvSpPr>
              <p:cNvPr id="22" name="Freeform 3">
                <a:extLst>
                  <a:ext uri="{FF2B5EF4-FFF2-40B4-BE49-F238E27FC236}">
                    <a16:creationId xmlns:a16="http://schemas.microsoft.com/office/drawing/2014/main" id="{08DD2279-FBC7-9964-B87A-D0940BE56FC8}"/>
                  </a:ext>
                </a:extLst>
              </p:cNvPr>
              <p:cNvSpPr/>
              <p:nvPr/>
            </p:nvSpPr>
            <p:spPr>
              <a:xfrm>
                <a:off x="1949932" y="434728"/>
                <a:ext cx="71190" cy="74741"/>
              </a:xfrm>
              <a:custGeom>
                <a:avLst/>
                <a:gdLst>
                  <a:gd name="connsiteX0" fmla="*/ 18339 w 71190"/>
                  <a:gd name="connsiteY0" fmla="*/ 0 h 74741"/>
                  <a:gd name="connsiteX1" fmla="*/ 0 w 71190"/>
                  <a:gd name="connsiteY1" fmla="*/ 31038 h 74741"/>
                  <a:gd name="connsiteX2" fmla="*/ 40151 w 71190"/>
                  <a:gd name="connsiteY2" fmla="*/ 74742 h 74741"/>
                  <a:gd name="connsiteX3" fmla="*/ 71190 w 71190"/>
                  <a:gd name="connsiteY3" fmla="*/ 56769 h 74741"/>
                  <a:gd name="connsiteX4" fmla="*/ 18282 w 71190"/>
                  <a:gd name="connsiteY4" fmla="*/ 0 h 7474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1190" h="74741">
                    <a:moveTo>
                      <a:pt x="18339" y="0"/>
                    </a:moveTo>
                    <a:lnTo>
                      <a:pt x="0" y="31038"/>
                    </a:lnTo>
                    <a:cubicBezTo>
                      <a:pt x="16402" y="42335"/>
                      <a:pt x="30299" y="57226"/>
                      <a:pt x="40151" y="74742"/>
                    </a:cubicBezTo>
                    <a:lnTo>
                      <a:pt x="71190" y="56769"/>
                    </a:lnTo>
                    <a:cubicBezTo>
                      <a:pt x="58205" y="33890"/>
                      <a:pt x="39980" y="14435"/>
                      <a:pt x="18282" y="0"/>
                    </a:cubicBezTo>
                    <a:close/>
                  </a:path>
                </a:pathLst>
              </a:custGeom>
              <a:solidFill>
                <a:srgbClr val="C7E4F1"/>
              </a:solidFill>
              <a:ln w="5693" cap="flat">
                <a:noFill/>
                <a:prstDash val="solid"/>
                <a:miter/>
              </a:ln>
            </p:spPr>
            <p:txBody>
              <a:bodyPr rtlCol="0" anchor="ctr"/>
              <a:lstStyle/>
              <a:p>
                <a:endParaRPr lang="en-AU"/>
              </a:p>
            </p:txBody>
          </p:sp>
          <p:sp>
            <p:nvSpPr>
              <p:cNvPr id="23" name="Freeform 4">
                <a:extLst>
                  <a:ext uri="{FF2B5EF4-FFF2-40B4-BE49-F238E27FC236}">
                    <a16:creationId xmlns:a16="http://schemas.microsoft.com/office/drawing/2014/main" id="{5A0F1B2E-4198-886E-AD43-F80F6B1CDA8F}"/>
                  </a:ext>
                </a:extLst>
              </p:cNvPr>
              <p:cNvSpPr/>
              <p:nvPr/>
            </p:nvSpPr>
            <p:spPr>
              <a:xfrm>
                <a:off x="1994639" y="500227"/>
                <a:ext cx="46322" cy="67666"/>
              </a:xfrm>
              <a:custGeom>
                <a:avLst/>
                <a:gdLst>
                  <a:gd name="connsiteX0" fmla="*/ 31153 w 46322"/>
                  <a:gd name="connsiteY0" fmla="*/ 57 h 67666"/>
                  <a:gd name="connsiteX1" fmla="*/ 0 w 46322"/>
                  <a:gd name="connsiteY1" fmla="*/ 18086 h 67666"/>
                  <a:gd name="connsiteX2" fmla="*/ 10593 w 46322"/>
                  <a:gd name="connsiteY2" fmla="*/ 52833 h 67666"/>
                  <a:gd name="connsiteX3" fmla="*/ 27280 w 46322"/>
                  <a:gd name="connsiteY3" fmla="*/ 67667 h 67666"/>
                  <a:gd name="connsiteX4" fmla="*/ 29501 w 46322"/>
                  <a:gd name="connsiteY4" fmla="*/ 67667 h 67666"/>
                  <a:gd name="connsiteX5" fmla="*/ 42202 w 46322"/>
                  <a:gd name="connsiteY5" fmla="*/ 61847 h 67666"/>
                  <a:gd name="connsiteX6" fmla="*/ 46131 w 46322"/>
                  <a:gd name="connsiteY6" fmla="*/ 48097 h 67666"/>
                  <a:gd name="connsiteX7" fmla="*/ 31153 w 46322"/>
                  <a:gd name="connsiteY7" fmla="*/ 0 h 676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22" h="67666">
                    <a:moveTo>
                      <a:pt x="31153" y="57"/>
                    </a:moveTo>
                    <a:lnTo>
                      <a:pt x="0" y="18086"/>
                    </a:lnTo>
                    <a:cubicBezTo>
                      <a:pt x="5069" y="28927"/>
                      <a:pt x="8714" y="40566"/>
                      <a:pt x="10593" y="52833"/>
                    </a:cubicBezTo>
                    <a:cubicBezTo>
                      <a:pt x="11903" y="61448"/>
                      <a:pt x="18908" y="67667"/>
                      <a:pt x="27280" y="67667"/>
                    </a:cubicBezTo>
                    <a:lnTo>
                      <a:pt x="29501" y="67667"/>
                    </a:lnTo>
                    <a:cubicBezTo>
                      <a:pt x="34456" y="67667"/>
                      <a:pt x="38955" y="65613"/>
                      <a:pt x="42202" y="61847"/>
                    </a:cubicBezTo>
                    <a:cubicBezTo>
                      <a:pt x="45448" y="58082"/>
                      <a:pt x="46872" y="53061"/>
                      <a:pt x="46131" y="48097"/>
                    </a:cubicBezTo>
                    <a:cubicBezTo>
                      <a:pt x="43625" y="31038"/>
                      <a:pt x="38443" y="14891"/>
                      <a:pt x="31153" y="0"/>
                    </a:cubicBezTo>
                    <a:close/>
                  </a:path>
                </a:pathLst>
              </a:custGeom>
              <a:solidFill>
                <a:srgbClr val="C7E4F1"/>
              </a:solidFill>
              <a:ln w="5693" cap="flat">
                <a:noFill/>
                <a:prstDash val="solid"/>
                <a:miter/>
              </a:ln>
            </p:spPr>
            <p:txBody>
              <a:bodyPr rtlCol="0" anchor="ctr"/>
              <a:lstStyle/>
              <a:p>
                <a:endParaRPr lang="en-AU"/>
              </a:p>
            </p:txBody>
          </p:sp>
          <p:sp>
            <p:nvSpPr>
              <p:cNvPr id="24" name="Freeform 5">
                <a:extLst>
                  <a:ext uri="{FF2B5EF4-FFF2-40B4-BE49-F238E27FC236}">
                    <a16:creationId xmlns:a16="http://schemas.microsoft.com/office/drawing/2014/main" id="{8218747C-BED9-6D4A-F5B1-A3C5A2304127}"/>
                  </a:ext>
                </a:extLst>
              </p:cNvPr>
              <p:cNvSpPr/>
              <p:nvPr/>
            </p:nvSpPr>
            <p:spPr>
              <a:xfrm>
                <a:off x="1857043" y="554942"/>
                <a:ext cx="39524" cy="39595"/>
              </a:xfrm>
              <a:custGeom>
                <a:avLst/>
                <a:gdLst>
                  <a:gd name="connsiteX0" fmla="*/ 39525 w 39524"/>
                  <a:gd name="connsiteY0" fmla="*/ 19798 h 39595"/>
                  <a:gd name="connsiteX1" fmla="*/ 19762 w 39524"/>
                  <a:gd name="connsiteY1" fmla="*/ 39596 h 39595"/>
                  <a:gd name="connsiteX2" fmla="*/ 0 w 39524"/>
                  <a:gd name="connsiteY2" fmla="*/ 19798 h 39595"/>
                  <a:gd name="connsiteX3" fmla="*/ 19762 w 39524"/>
                  <a:gd name="connsiteY3" fmla="*/ 0 h 39595"/>
                  <a:gd name="connsiteX4" fmla="*/ 39525 w 39524"/>
                  <a:gd name="connsiteY4" fmla="*/ 19798 h 395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24" h="39595">
                    <a:moveTo>
                      <a:pt x="39525" y="19798"/>
                    </a:moveTo>
                    <a:cubicBezTo>
                      <a:pt x="39525" y="30732"/>
                      <a:pt x="30677" y="39596"/>
                      <a:pt x="19762" y="39596"/>
                    </a:cubicBezTo>
                    <a:cubicBezTo>
                      <a:pt x="8848" y="39596"/>
                      <a:pt x="0" y="30732"/>
                      <a:pt x="0" y="19798"/>
                    </a:cubicBezTo>
                    <a:cubicBezTo>
                      <a:pt x="0" y="8864"/>
                      <a:pt x="8848" y="0"/>
                      <a:pt x="19762" y="0"/>
                    </a:cubicBezTo>
                    <a:cubicBezTo>
                      <a:pt x="30677" y="0"/>
                      <a:pt x="39525" y="8864"/>
                      <a:pt x="39525" y="19798"/>
                    </a:cubicBezTo>
                    <a:close/>
                  </a:path>
                </a:pathLst>
              </a:custGeom>
              <a:solidFill>
                <a:srgbClr val="C7E4F1"/>
              </a:solidFill>
              <a:ln w="5693" cap="flat">
                <a:noFill/>
                <a:prstDash val="solid"/>
                <a:miter/>
              </a:ln>
            </p:spPr>
            <p:txBody>
              <a:bodyPr rtlCol="0" anchor="ctr"/>
              <a:lstStyle/>
              <a:p>
                <a:endParaRPr lang="en-AU"/>
              </a:p>
            </p:txBody>
          </p:sp>
          <p:sp>
            <p:nvSpPr>
              <p:cNvPr id="25" name="Freeform 6">
                <a:extLst>
                  <a:ext uri="{FF2B5EF4-FFF2-40B4-BE49-F238E27FC236}">
                    <a16:creationId xmlns:a16="http://schemas.microsoft.com/office/drawing/2014/main" id="{912FE1DF-F4FC-D136-6EDF-E0840C94CED9}"/>
                  </a:ext>
                </a:extLst>
              </p:cNvPr>
              <p:cNvSpPr/>
              <p:nvPr/>
            </p:nvSpPr>
            <p:spPr>
              <a:xfrm>
                <a:off x="1798211" y="406885"/>
                <a:ext cx="76487" cy="51292"/>
              </a:xfrm>
              <a:custGeom>
                <a:avLst/>
                <a:gdLst>
                  <a:gd name="connsiteX0" fmla="*/ 17997 w 76487"/>
                  <a:gd name="connsiteY0" fmla="*/ 51292 h 51292"/>
                  <a:gd name="connsiteX1" fmla="*/ 76202 w 76487"/>
                  <a:gd name="connsiteY1" fmla="*/ 36002 h 51292"/>
                  <a:gd name="connsiteX2" fmla="*/ 76487 w 76487"/>
                  <a:gd name="connsiteY2" fmla="*/ 0 h 51292"/>
                  <a:gd name="connsiteX3" fmla="*/ 0 w 76487"/>
                  <a:gd name="connsiteY3" fmla="*/ 20083 h 51292"/>
                  <a:gd name="connsiteX4" fmla="*/ 17997 w 76487"/>
                  <a:gd name="connsiteY4" fmla="*/ 51292 h 5129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487" h="51292">
                    <a:moveTo>
                      <a:pt x="17997" y="51292"/>
                    </a:moveTo>
                    <a:cubicBezTo>
                      <a:pt x="35595" y="41878"/>
                      <a:pt x="55358" y="36401"/>
                      <a:pt x="76202" y="36002"/>
                    </a:cubicBezTo>
                    <a:lnTo>
                      <a:pt x="76487" y="0"/>
                    </a:lnTo>
                    <a:cubicBezTo>
                      <a:pt x="49093" y="342"/>
                      <a:pt x="23009" y="7531"/>
                      <a:pt x="0" y="20083"/>
                    </a:cubicBezTo>
                    <a:lnTo>
                      <a:pt x="17997" y="51292"/>
                    </a:lnTo>
                    <a:close/>
                  </a:path>
                </a:pathLst>
              </a:custGeom>
              <a:solidFill>
                <a:srgbClr val="66BCDB"/>
              </a:solidFill>
              <a:ln w="5693" cap="flat">
                <a:noFill/>
                <a:prstDash val="solid"/>
                <a:miter/>
              </a:ln>
            </p:spPr>
            <p:txBody>
              <a:bodyPr rtlCol="0" anchor="ctr"/>
              <a:lstStyle/>
              <a:p>
                <a:endParaRPr lang="en-AU"/>
              </a:p>
            </p:txBody>
          </p:sp>
          <p:sp>
            <p:nvSpPr>
              <p:cNvPr id="26" name="Freeform 7">
                <a:extLst>
                  <a:ext uri="{FF2B5EF4-FFF2-40B4-BE49-F238E27FC236}">
                    <a16:creationId xmlns:a16="http://schemas.microsoft.com/office/drawing/2014/main" id="{77EE0806-EEBF-5004-BC3A-23763B16335B}"/>
                  </a:ext>
                </a:extLst>
              </p:cNvPr>
              <p:cNvSpPr/>
              <p:nvPr/>
            </p:nvSpPr>
            <p:spPr>
              <a:xfrm>
                <a:off x="1712705" y="496860"/>
                <a:ext cx="48259" cy="71090"/>
              </a:xfrm>
              <a:custGeom>
                <a:avLst/>
                <a:gdLst>
                  <a:gd name="connsiteX0" fmla="*/ 192 w 48259"/>
                  <a:gd name="connsiteY0" fmla="*/ 51520 h 71090"/>
                  <a:gd name="connsiteX1" fmla="*/ 4121 w 48259"/>
                  <a:gd name="connsiteY1" fmla="*/ 65271 h 71090"/>
                  <a:gd name="connsiteX2" fmla="*/ 16822 w 48259"/>
                  <a:gd name="connsiteY2" fmla="*/ 71090 h 71090"/>
                  <a:gd name="connsiteX3" fmla="*/ 19043 w 48259"/>
                  <a:gd name="connsiteY3" fmla="*/ 71090 h 71090"/>
                  <a:gd name="connsiteX4" fmla="*/ 35730 w 48259"/>
                  <a:gd name="connsiteY4" fmla="*/ 56256 h 71090"/>
                  <a:gd name="connsiteX5" fmla="*/ 48259 w 48259"/>
                  <a:gd name="connsiteY5" fmla="*/ 17630 h 71090"/>
                  <a:gd name="connsiteX6" fmla="*/ 16879 w 48259"/>
                  <a:gd name="connsiteY6" fmla="*/ 0 h 71090"/>
                  <a:gd name="connsiteX7" fmla="*/ 135 w 48259"/>
                  <a:gd name="connsiteY7" fmla="*/ 51577 h 71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259" h="71090">
                    <a:moveTo>
                      <a:pt x="192" y="51520"/>
                    </a:moveTo>
                    <a:cubicBezTo>
                      <a:pt x="-549" y="56484"/>
                      <a:pt x="875" y="61505"/>
                      <a:pt x="4121" y="65271"/>
                    </a:cubicBezTo>
                    <a:cubicBezTo>
                      <a:pt x="7368" y="69036"/>
                      <a:pt x="11867" y="71090"/>
                      <a:pt x="16822" y="71090"/>
                    </a:cubicBezTo>
                    <a:lnTo>
                      <a:pt x="19043" y="71090"/>
                    </a:lnTo>
                    <a:cubicBezTo>
                      <a:pt x="27415" y="71090"/>
                      <a:pt x="34420" y="64871"/>
                      <a:pt x="35730" y="56256"/>
                    </a:cubicBezTo>
                    <a:cubicBezTo>
                      <a:pt x="37837" y="42506"/>
                      <a:pt x="42223" y="29554"/>
                      <a:pt x="48259" y="17630"/>
                    </a:cubicBezTo>
                    <a:lnTo>
                      <a:pt x="16879" y="0"/>
                    </a:lnTo>
                    <a:cubicBezTo>
                      <a:pt x="8621" y="15861"/>
                      <a:pt x="2868" y="33206"/>
                      <a:pt x="135" y="51577"/>
                    </a:cubicBezTo>
                    <a:close/>
                  </a:path>
                </a:pathLst>
              </a:custGeom>
              <a:solidFill>
                <a:srgbClr val="66BCDB"/>
              </a:solidFill>
              <a:ln w="5693" cap="flat">
                <a:noFill/>
                <a:prstDash val="solid"/>
                <a:miter/>
              </a:ln>
            </p:spPr>
            <p:txBody>
              <a:bodyPr rtlCol="0" anchor="ctr"/>
              <a:lstStyle/>
              <a:p>
                <a:endParaRPr lang="en-AU"/>
              </a:p>
            </p:txBody>
          </p:sp>
          <p:sp>
            <p:nvSpPr>
              <p:cNvPr id="27" name="Freeform 8">
                <a:extLst>
                  <a:ext uri="{FF2B5EF4-FFF2-40B4-BE49-F238E27FC236}">
                    <a16:creationId xmlns:a16="http://schemas.microsoft.com/office/drawing/2014/main" id="{55CC2CCA-5C10-132A-3C95-541C316CBF3E}"/>
                  </a:ext>
                </a:extLst>
              </p:cNvPr>
              <p:cNvSpPr/>
              <p:nvPr/>
            </p:nvSpPr>
            <p:spPr>
              <a:xfrm>
                <a:off x="1734481" y="431932"/>
                <a:ext cx="73183" cy="73828"/>
              </a:xfrm>
              <a:custGeom>
                <a:avLst/>
                <a:gdLst>
                  <a:gd name="connsiteX0" fmla="*/ 0 w 73183"/>
                  <a:gd name="connsiteY0" fmla="*/ 56199 h 73828"/>
                  <a:gd name="connsiteX1" fmla="*/ 31381 w 73183"/>
                  <a:gd name="connsiteY1" fmla="*/ 73829 h 73828"/>
                  <a:gd name="connsiteX2" fmla="*/ 73184 w 73183"/>
                  <a:gd name="connsiteY2" fmla="*/ 31209 h 73828"/>
                  <a:gd name="connsiteX3" fmla="*/ 55187 w 73183"/>
                  <a:gd name="connsiteY3" fmla="*/ 0 h 73828"/>
                  <a:gd name="connsiteX4" fmla="*/ 0 w 73183"/>
                  <a:gd name="connsiteY4" fmla="*/ 56142 h 73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3183" h="73828">
                    <a:moveTo>
                      <a:pt x="0" y="56199"/>
                    </a:moveTo>
                    <a:lnTo>
                      <a:pt x="31381" y="73829"/>
                    </a:lnTo>
                    <a:cubicBezTo>
                      <a:pt x="41860" y="56598"/>
                      <a:pt x="56269" y="41992"/>
                      <a:pt x="73184" y="31209"/>
                    </a:cubicBezTo>
                    <a:lnTo>
                      <a:pt x="55187" y="0"/>
                    </a:lnTo>
                    <a:cubicBezTo>
                      <a:pt x="32691" y="14035"/>
                      <a:pt x="13669" y="33263"/>
                      <a:pt x="0" y="56142"/>
                    </a:cubicBezTo>
                    <a:close/>
                  </a:path>
                </a:pathLst>
              </a:custGeom>
              <a:solidFill>
                <a:srgbClr val="66BCDB"/>
              </a:solidFill>
              <a:ln w="5693" cap="flat">
                <a:noFill/>
                <a:prstDash val="solid"/>
                <a:miter/>
              </a:ln>
            </p:spPr>
            <p:txBody>
              <a:bodyPr rtlCol="0" anchor="ctr"/>
              <a:lstStyle/>
              <a:p>
                <a:endParaRPr lang="en-AU"/>
              </a:p>
            </p:txBody>
          </p:sp>
          <p:grpSp>
            <p:nvGrpSpPr>
              <p:cNvPr id="28" name="Group 27">
                <a:extLst>
                  <a:ext uri="{FF2B5EF4-FFF2-40B4-BE49-F238E27FC236}">
                    <a16:creationId xmlns:a16="http://schemas.microsoft.com/office/drawing/2014/main" id="{2D6597F0-4B97-8FD1-FF20-4198527932B0}"/>
                  </a:ext>
                </a:extLst>
              </p:cNvPr>
              <p:cNvGrpSpPr/>
              <p:nvPr/>
            </p:nvGrpSpPr>
            <p:grpSpPr>
              <a:xfrm>
                <a:off x="1702813" y="396958"/>
                <a:ext cx="347983" cy="207564"/>
                <a:chOff x="1702813" y="396958"/>
                <a:chExt cx="347983" cy="207564"/>
              </a:xfrm>
            </p:grpSpPr>
            <p:sp>
              <p:nvSpPr>
                <p:cNvPr id="29" name="Freeform 10">
                  <a:extLst>
                    <a:ext uri="{FF2B5EF4-FFF2-40B4-BE49-F238E27FC236}">
                      <a16:creationId xmlns:a16="http://schemas.microsoft.com/office/drawing/2014/main" id="{42B8D094-F786-333D-D14E-9F1B2E6CE1A1}"/>
                    </a:ext>
                  </a:extLst>
                </p:cNvPr>
                <p:cNvSpPr/>
                <p:nvPr/>
              </p:nvSpPr>
              <p:spPr>
                <a:xfrm>
                  <a:off x="1844612" y="475051"/>
                  <a:ext cx="61978" cy="129471"/>
                </a:xfrm>
                <a:custGeom>
                  <a:avLst/>
                  <a:gdLst>
                    <a:gd name="connsiteX0" fmla="*/ 32306 w 61978"/>
                    <a:gd name="connsiteY0" fmla="*/ 69964 h 129471"/>
                    <a:gd name="connsiteX1" fmla="*/ 30256 w 61978"/>
                    <a:gd name="connsiteY1" fmla="*/ 70192 h 129471"/>
                    <a:gd name="connsiteX2" fmla="*/ 9696 w 61978"/>
                    <a:gd name="connsiteY2" fmla="*/ 3495 h 129471"/>
                    <a:gd name="connsiteX3" fmla="*/ 3489 w 61978"/>
                    <a:gd name="connsiteY3" fmla="*/ 243 h 129471"/>
                    <a:gd name="connsiteX4" fmla="*/ 242 w 61978"/>
                    <a:gd name="connsiteY4" fmla="*/ 6462 h 129471"/>
                    <a:gd name="connsiteX5" fmla="*/ 20574 w 61978"/>
                    <a:gd name="connsiteY5" fmla="*/ 72474 h 129471"/>
                    <a:gd name="connsiteX6" fmla="*/ 2634 w 61978"/>
                    <a:gd name="connsiteY6" fmla="*/ 99746 h 129471"/>
                    <a:gd name="connsiteX7" fmla="*/ 32306 w 61978"/>
                    <a:gd name="connsiteY7" fmla="*/ 129472 h 129471"/>
                    <a:gd name="connsiteX8" fmla="*/ 61979 w 61978"/>
                    <a:gd name="connsiteY8" fmla="*/ 99746 h 129471"/>
                    <a:gd name="connsiteX9" fmla="*/ 32306 w 61978"/>
                    <a:gd name="connsiteY9" fmla="*/ 70021 h 129471"/>
                    <a:gd name="connsiteX10" fmla="*/ 32306 w 61978"/>
                    <a:gd name="connsiteY10" fmla="*/ 119544 h 129471"/>
                    <a:gd name="connsiteX11" fmla="*/ 12544 w 61978"/>
                    <a:gd name="connsiteY11" fmla="*/ 99746 h 129471"/>
                    <a:gd name="connsiteX12" fmla="*/ 32306 w 61978"/>
                    <a:gd name="connsiteY12" fmla="*/ 79948 h 129471"/>
                    <a:gd name="connsiteX13" fmla="*/ 52069 w 61978"/>
                    <a:gd name="connsiteY13" fmla="*/ 99746 h 129471"/>
                    <a:gd name="connsiteX14" fmla="*/ 32306 w 61978"/>
                    <a:gd name="connsiteY14" fmla="*/ 119544 h 129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1978" h="129471">
                      <a:moveTo>
                        <a:pt x="32306" y="69964"/>
                      </a:moveTo>
                      <a:cubicBezTo>
                        <a:pt x="31623" y="69964"/>
                        <a:pt x="30940" y="70135"/>
                        <a:pt x="30256" y="70192"/>
                      </a:cubicBezTo>
                      <a:lnTo>
                        <a:pt x="9696" y="3495"/>
                      </a:lnTo>
                      <a:cubicBezTo>
                        <a:pt x="8899" y="870"/>
                        <a:pt x="6108" y="-613"/>
                        <a:pt x="3489" y="243"/>
                      </a:cubicBezTo>
                      <a:cubicBezTo>
                        <a:pt x="869" y="1041"/>
                        <a:pt x="-612" y="3837"/>
                        <a:pt x="242" y="6462"/>
                      </a:cubicBezTo>
                      <a:lnTo>
                        <a:pt x="20574" y="72474"/>
                      </a:lnTo>
                      <a:cubicBezTo>
                        <a:pt x="10038" y="77038"/>
                        <a:pt x="2634" y="87536"/>
                        <a:pt x="2634" y="99746"/>
                      </a:cubicBezTo>
                      <a:cubicBezTo>
                        <a:pt x="2634" y="116121"/>
                        <a:pt x="15961" y="129472"/>
                        <a:pt x="32306" y="129472"/>
                      </a:cubicBezTo>
                      <a:cubicBezTo>
                        <a:pt x="48652" y="129472"/>
                        <a:pt x="61979" y="116121"/>
                        <a:pt x="61979" y="99746"/>
                      </a:cubicBezTo>
                      <a:cubicBezTo>
                        <a:pt x="61979" y="83371"/>
                        <a:pt x="48652" y="70021"/>
                        <a:pt x="32306" y="70021"/>
                      </a:cubicBezTo>
                      <a:close/>
                      <a:moveTo>
                        <a:pt x="32306" y="119544"/>
                      </a:moveTo>
                      <a:cubicBezTo>
                        <a:pt x="21372" y="119544"/>
                        <a:pt x="12544" y="110644"/>
                        <a:pt x="12544" y="99746"/>
                      </a:cubicBezTo>
                      <a:cubicBezTo>
                        <a:pt x="12544" y="88849"/>
                        <a:pt x="21429" y="79948"/>
                        <a:pt x="32306" y="79948"/>
                      </a:cubicBezTo>
                      <a:cubicBezTo>
                        <a:pt x="43184" y="79948"/>
                        <a:pt x="52069" y="88849"/>
                        <a:pt x="52069" y="99746"/>
                      </a:cubicBezTo>
                      <a:cubicBezTo>
                        <a:pt x="52069" y="110644"/>
                        <a:pt x="43184" y="119544"/>
                        <a:pt x="32306" y="119544"/>
                      </a:cubicBezTo>
                      <a:close/>
                    </a:path>
                  </a:pathLst>
                </a:custGeom>
                <a:solidFill>
                  <a:srgbClr val="265A9A"/>
                </a:solidFill>
                <a:ln w="5693" cap="flat">
                  <a:noFill/>
                  <a:prstDash val="solid"/>
                  <a:miter/>
                </a:ln>
              </p:spPr>
              <p:txBody>
                <a:bodyPr rtlCol="0" anchor="ctr"/>
                <a:lstStyle/>
                <a:p>
                  <a:endParaRPr lang="en-AU"/>
                </a:p>
              </p:txBody>
            </p:sp>
            <p:sp>
              <p:nvSpPr>
                <p:cNvPr id="30" name="Freeform 11">
                  <a:extLst>
                    <a:ext uri="{FF2B5EF4-FFF2-40B4-BE49-F238E27FC236}">
                      <a16:creationId xmlns:a16="http://schemas.microsoft.com/office/drawing/2014/main" id="{66CEA1AB-1394-25FA-944D-0775AED5D649}"/>
                    </a:ext>
                  </a:extLst>
                </p:cNvPr>
                <p:cNvSpPr/>
                <p:nvPr/>
              </p:nvSpPr>
              <p:spPr>
                <a:xfrm>
                  <a:off x="1702813" y="396958"/>
                  <a:ext cx="347983" cy="180977"/>
                </a:xfrm>
                <a:custGeom>
                  <a:avLst/>
                  <a:gdLst>
                    <a:gd name="connsiteX0" fmla="*/ 173992 w 347983"/>
                    <a:gd name="connsiteY0" fmla="*/ 0 h 180977"/>
                    <a:gd name="connsiteX1" fmla="*/ 287 w 347983"/>
                    <a:gd name="connsiteY1" fmla="*/ 149997 h 180977"/>
                    <a:gd name="connsiteX2" fmla="*/ 6552 w 347983"/>
                    <a:gd name="connsiteY2" fmla="*/ 171678 h 180977"/>
                    <a:gd name="connsiteX3" fmla="*/ 26713 w 347983"/>
                    <a:gd name="connsiteY3" fmla="*/ 180920 h 180977"/>
                    <a:gd name="connsiteX4" fmla="*/ 28934 w 347983"/>
                    <a:gd name="connsiteY4" fmla="*/ 180920 h 180977"/>
                    <a:gd name="connsiteX5" fmla="*/ 55417 w 347983"/>
                    <a:gd name="connsiteY5" fmla="*/ 157642 h 180977"/>
                    <a:gd name="connsiteX6" fmla="*/ 173992 w 347983"/>
                    <a:gd name="connsiteY6" fmla="*/ 55799 h 180977"/>
                    <a:gd name="connsiteX7" fmla="*/ 292566 w 347983"/>
                    <a:gd name="connsiteY7" fmla="*/ 157699 h 180977"/>
                    <a:gd name="connsiteX8" fmla="*/ 319049 w 347983"/>
                    <a:gd name="connsiteY8" fmla="*/ 180977 h 180977"/>
                    <a:gd name="connsiteX9" fmla="*/ 321270 w 347983"/>
                    <a:gd name="connsiteY9" fmla="*/ 180977 h 180977"/>
                    <a:gd name="connsiteX10" fmla="*/ 341432 w 347983"/>
                    <a:gd name="connsiteY10" fmla="*/ 171735 h 180977"/>
                    <a:gd name="connsiteX11" fmla="*/ 347696 w 347983"/>
                    <a:gd name="connsiteY11" fmla="*/ 150054 h 180977"/>
                    <a:gd name="connsiteX12" fmla="*/ 173992 w 347983"/>
                    <a:gd name="connsiteY12" fmla="*/ 57 h 180977"/>
                    <a:gd name="connsiteX13" fmla="*/ 45621 w 347983"/>
                    <a:gd name="connsiteY13" fmla="*/ 156102 h 180977"/>
                    <a:gd name="connsiteX14" fmla="*/ 28934 w 347983"/>
                    <a:gd name="connsiteY14" fmla="*/ 170936 h 180977"/>
                    <a:gd name="connsiteX15" fmla="*/ 26713 w 347983"/>
                    <a:gd name="connsiteY15" fmla="*/ 170936 h 180977"/>
                    <a:gd name="connsiteX16" fmla="*/ 14013 w 347983"/>
                    <a:gd name="connsiteY16" fmla="*/ 165116 h 180977"/>
                    <a:gd name="connsiteX17" fmla="*/ 10083 w 347983"/>
                    <a:gd name="connsiteY17" fmla="*/ 151366 h 180977"/>
                    <a:gd name="connsiteX18" fmla="*/ 26827 w 347983"/>
                    <a:gd name="connsiteY18" fmla="*/ 99789 h 180977"/>
                    <a:gd name="connsiteX19" fmla="*/ 58208 w 347983"/>
                    <a:gd name="connsiteY19" fmla="*/ 117419 h 180977"/>
                    <a:gd name="connsiteX20" fmla="*/ 45678 w 347983"/>
                    <a:gd name="connsiteY20" fmla="*/ 156045 h 180977"/>
                    <a:gd name="connsiteX21" fmla="*/ 62992 w 347983"/>
                    <a:gd name="connsiteY21" fmla="*/ 108803 h 180977"/>
                    <a:gd name="connsiteX22" fmla="*/ 31611 w 347983"/>
                    <a:gd name="connsiteY22" fmla="*/ 91173 h 180977"/>
                    <a:gd name="connsiteX23" fmla="*/ 86798 w 347983"/>
                    <a:gd name="connsiteY23" fmla="*/ 35032 h 180977"/>
                    <a:gd name="connsiteX24" fmla="*/ 104795 w 347983"/>
                    <a:gd name="connsiteY24" fmla="*/ 66240 h 180977"/>
                    <a:gd name="connsiteX25" fmla="*/ 62992 w 347983"/>
                    <a:gd name="connsiteY25" fmla="*/ 108860 h 180977"/>
                    <a:gd name="connsiteX26" fmla="*/ 171543 w 347983"/>
                    <a:gd name="connsiteY26" fmla="*/ 45929 h 180977"/>
                    <a:gd name="connsiteX27" fmla="*/ 113338 w 347983"/>
                    <a:gd name="connsiteY27" fmla="*/ 61220 h 180977"/>
                    <a:gd name="connsiteX28" fmla="*/ 95341 w 347983"/>
                    <a:gd name="connsiteY28" fmla="*/ 30011 h 180977"/>
                    <a:gd name="connsiteX29" fmla="*/ 171828 w 347983"/>
                    <a:gd name="connsiteY29" fmla="*/ 9928 h 180977"/>
                    <a:gd name="connsiteX30" fmla="*/ 171543 w 347983"/>
                    <a:gd name="connsiteY30" fmla="*/ 45929 h 180977"/>
                    <a:gd name="connsiteX31" fmla="*/ 181453 w 347983"/>
                    <a:gd name="connsiteY31" fmla="*/ 46157 h 180977"/>
                    <a:gd name="connsiteX32" fmla="*/ 181737 w 347983"/>
                    <a:gd name="connsiteY32" fmla="*/ 10042 h 180977"/>
                    <a:gd name="connsiteX33" fmla="*/ 257028 w 347983"/>
                    <a:gd name="connsiteY33" fmla="*/ 32521 h 180977"/>
                    <a:gd name="connsiteX34" fmla="*/ 238747 w 347983"/>
                    <a:gd name="connsiteY34" fmla="*/ 63445 h 180977"/>
                    <a:gd name="connsiteX35" fmla="*/ 181396 w 347983"/>
                    <a:gd name="connsiteY35" fmla="*/ 46157 h 180977"/>
                    <a:gd name="connsiteX36" fmla="*/ 247119 w 347983"/>
                    <a:gd name="connsiteY36" fmla="*/ 68808 h 180977"/>
                    <a:gd name="connsiteX37" fmla="*/ 265457 w 347983"/>
                    <a:gd name="connsiteY37" fmla="*/ 37770 h 180977"/>
                    <a:gd name="connsiteX38" fmla="*/ 318366 w 347983"/>
                    <a:gd name="connsiteY38" fmla="*/ 94540 h 180977"/>
                    <a:gd name="connsiteX39" fmla="*/ 287327 w 347983"/>
                    <a:gd name="connsiteY39" fmla="*/ 112512 h 180977"/>
                    <a:gd name="connsiteX40" fmla="*/ 247176 w 347983"/>
                    <a:gd name="connsiteY40" fmla="*/ 68808 h 180977"/>
                    <a:gd name="connsiteX41" fmla="*/ 333971 w 347983"/>
                    <a:gd name="connsiteY41" fmla="*/ 165173 h 180977"/>
                    <a:gd name="connsiteX42" fmla="*/ 321270 w 347983"/>
                    <a:gd name="connsiteY42" fmla="*/ 170993 h 180977"/>
                    <a:gd name="connsiteX43" fmla="*/ 319049 w 347983"/>
                    <a:gd name="connsiteY43" fmla="*/ 170993 h 180977"/>
                    <a:gd name="connsiteX44" fmla="*/ 302362 w 347983"/>
                    <a:gd name="connsiteY44" fmla="*/ 156159 h 180977"/>
                    <a:gd name="connsiteX45" fmla="*/ 291769 w 347983"/>
                    <a:gd name="connsiteY45" fmla="*/ 121412 h 180977"/>
                    <a:gd name="connsiteX46" fmla="*/ 322922 w 347983"/>
                    <a:gd name="connsiteY46" fmla="*/ 103383 h 180977"/>
                    <a:gd name="connsiteX47" fmla="*/ 337901 w 347983"/>
                    <a:gd name="connsiteY47" fmla="*/ 151480 h 180977"/>
                    <a:gd name="connsiteX48" fmla="*/ 333971 w 347983"/>
                    <a:gd name="connsiteY48" fmla="*/ 165230 h 180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347983" h="180977">
                      <a:moveTo>
                        <a:pt x="173992" y="0"/>
                      </a:moveTo>
                      <a:cubicBezTo>
                        <a:pt x="87595" y="0"/>
                        <a:pt x="12874" y="64472"/>
                        <a:pt x="287" y="149997"/>
                      </a:cubicBezTo>
                      <a:cubicBezTo>
                        <a:pt x="-852" y="157813"/>
                        <a:pt x="1426" y="165687"/>
                        <a:pt x="6552" y="171678"/>
                      </a:cubicBezTo>
                      <a:cubicBezTo>
                        <a:pt x="11621" y="177554"/>
                        <a:pt x="18968" y="180920"/>
                        <a:pt x="26713" y="180920"/>
                      </a:cubicBezTo>
                      <a:lnTo>
                        <a:pt x="28934" y="180920"/>
                      </a:lnTo>
                      <a:cubicBezTo>
                        <a:pt x="42204" y="180920"/>
                        <a:pt x="53367" y="171164"/>
                        <a:pt x="55417" y="157642"/>
                      </a:cubicBezTo>
                      <a:cubicBezTo>
                        <a:pt x="64245" y="99560"/>
                        <a:pt x="115274" y="55799"/>
                        <a:pt x="173992" y="55799"/>
                      </a:cubicBezTo>
                      <a:cubicBezTo>
                        <a:pt x="232710" y="55799"/>
                        <a:pt x="283739" y="99617"/>
                        <a:pt x="292566" y="157699"/>
                      </a:cubicBezTo>
                      <a:cubicBezTo>
                        <a:pt x="294617" y="171164"/>
                        <a:pt x="305779" y="180977"/>
                        <a:pt x="319049" y="180977"/>
                      </a:cubicBezTo>
                      <a:lnTo>
                        <a:pt x="321270" y="180977"/>
                      </a:lnTo>
                      <a:cubicBezTo>
                        <a:pt x="329016" y="180977"/>
                        <a:pt x="336363" y="177611"/>
                        <a:pt x="341432" y="171735"/>
                      </a:cubicBezTo>
                      <a:cubicBezTo>
                        <a:pt x="346557" y="165801"/>
                        <a:pt x="348835" y="157870"/>
                        <a:pt x="347696" y="150054"/>
                      </a:cubicBezTo>
                      <a:cubicBezTo>
                        <a:pt x="335053" y="64529"/>
                        <a:pt x="260388" y="57"/>
                        <a:pt x="173992" y="57"/>
                      </a:cubicBezTo>
                      <a:close/>
                      <a:moveTo>
                        <a:pt x="45621" y="156102"/>
                      </a:moveTo>
                      <a:cubicBezTo>
                        <a:pt x="44311" y="164717"/>
                        <a:pt x="37306" y="170936"/>
                        <a:pt x="28934" y="170936"/>
                      </a:cubicBezTo>
                      <a:lnTo>
                        <a:pt x="26713" y="170936"/>
                      </a:lnTo>
                      <a:cubicBezTo>
                        <a:pt x="21758" y="170936"/>
                        <a:pt x="17259" y="168882"/>
                        <a:pt x="14013" y="165116"/>
                      </a:cubicBezTo>
                      <a:cubicBezTo>
                        <a:pt x="10767" y="161351"/>
                        <a:pt x="9343" y="156330"/>
                        <a:pt x="10083" y="151366"/>
                      </a:cubicBezTo>
                      <a:cubicBezTo>
                        <a:pt x="12817" y="132994"/>
                        <a:pt x="18569" y="115650"/>
                        <a:pt x="26827" y="99789"/>
                      </a:cubicBezTo>
                      <a:lnTo>
                        <a:pt x="58208" y="117419"/>
                      </a:lnTo>
                      <a:cubicBezTo>
                        <a:pt x="52114" y="129343"/>
                        <a:pt x="47729" y="142294"/>
                        <a:pt x="45678" y="156045"/>
                      </a:cubicBezTo>
                      <a:close/>
                      <a:moveTo>
                        <a:pt x="62992" y="108803"/>
                      </a:moveTo>
                      <a:lnTo>
                        <a:pt x="31611" y="91173"/>
                      </a:lnTo>
                      <a:cubicBezTo>
                        <a:pt x="45280" y="68294"/>
                        <a:pt x="64359" y="49010"/>
                        <a:pt x="86798" y="35032"/>
                      </a:cubicBezTo>
                      <a:lnTo>
                        <a:pt x="104795" y="66240"/>
                      </a:lnTo>
                      <a:cubicBezTo>
                        <a:pt x="87880" y="77024"/>
                        <a:pt x="73471" y="91573"/>
                        <a:pt x="62992" y="108860"/>
                      </a:cubicBezTo>
                      <a:close/>
                      <a:moveTo>
                        <a:pt x="171543" y="45929"/>
                      </a:moveTo>
                      <a:cubicBezTo>
                        <a:pt x="150755" y="46328"/>
                        <a:pt x="130936" y="51806"/>
                        <a:pt x="113338" y="61220"/>
                      </a:cubicBezTo>
                      <a:lnTo>
                        <a:pt x="95341" y="30011"/>
                      </a:lnTo>
                      <a:cubicBezTo>
                        <a:pt x="118293" y="17516"/>
                        <a:pt x="144434" y="10327"/>
                        <a:pt x="171828" y="9928"/>
                      </a:cubicBezTo>
                      <a:lnTo>
                        <a:pt x="171543" y="45929"/>
                      </a:lnTo>
                      <a:close/>
                      <a:moveTo>
                        <a:pt x="181453" y="46157"/>
                      </a:moveTo>
                      <a:lnTo>
                        <a:pt x="181737" y="10042"/>
                      </a:lnTo>
                      <a:cubicBezTo>
                        <a:pt x="208847" y="11354"/>
                        <a:pt x="234532" y="19342"/>
                        <a:pt x="257028" y="32521"/>
                      </a:cubicBezTo>
                      <a:lnTo>
                        <a:pt x="238747" y="63445"/>
                      </a:lnTo>
                      <a:cubicBezTo>
                        <a:pt x="221547" y="53460"/>
                        <a:pt x="202012" y="47355"/>
                        <a:pt x="181396" y="46157"/>
                      </a:cubicBezTo>
                      <a:close/>
                      <a:moveTo>
                        <a:pt x="247119" y="68808"/>
                      </a:moveTo>
                      <a:lnTo>
                        <a:pt x="265457" y="37770"/>
                      </a:lnTo>
                      <a:cubicBezTo>
                        <a:pt x="287156" y="52262"/>
                        <a:pt x="305381" y="71661"/>
                        <a:pt x="318366" y="94540"/>
                      </a:cubicBezTo>
                      <a:lnTo>
                        <a:pt x="287327" y="112512"/>
                      </a:lnTo>
                      <a:cubicBezTo>
                        <a:pt x="277474" y="94996"/>
                        <a:pt x="263578" y="80105"/>
                        <a:pt x="247176" y="68808"/>
                      </a:cubicBezTo>
                      <a:close/>
                      <a:moveTo>
                        <a:pt x="333971" y="165173"/>
                      </a:moveTo>
                      <a:cubicBezTo>
                        <a:pt x="330725" y="168939"/>
                        <a:pt x="326225" y="170993"/>
                        <a:pt x="321270" y="170993"/>
                      </a:cubicBezTo>
                      <a:lnTo>
                        <a:pt x="319049" y="170993"/>
                      </a:lnTo>
                      <a:cubicBezTo>
                        <a:pt x="310677" y="170993"/>
                        <a:pt x="303672" y="164774"/>
                        <a:pt x="302362" y="156159"/>
                      </a:cubicBezTo>
                      <a:cubicBezTo>
                        <a:pt x="300483" y="143892"/>
                        <a:pt x="296838" y="132253"/>
                        <a:pt x="291769" y="121412"/>
                      </a:cubicBezTo>
                      <a:lnTo>
                        <a:pt x="322922" y="103383"/>
                      </a:lnTo>
                      <a:cubicBezTo>
                        <a:pt x="330212" y="118274"/>
                        <a:pt x="335395" y="134421"/>
                        <a:pt x="337901" y="151480"/>
                      </a:cubicBezTo>
                      <a:cubicBezTo>
                        <a:pt x="338641" y="156444"/>
                        <a:pt x="337217" y="161465"/>
                        <a:pt x="333971" y="165230"/>
                      </a:cubicBezTo>
                      <a:close/>
                    </a:path>
                  </a:pathLst>
                </a:custGeom>
                <a:solidFill>
                  <a:srgbClr val="265A9A"/>
                </a:solidFill>
                <a:ln w="5693" cap="flat">
                  <a:noFill/>
                  <a:prstDash val="solid"/>
                  <a:miter/>
                </a:ln>
              </p:spPr>
              <p:txBody>
                <a:bodyPr rtlCol="0" anchor="ctr"/>
                <a:lstStyle/>
                <a:p>
                  <a:endParaRPr lang="en-AU"/>
                </a:p>
              </p:txBody>
            </p:sp>
          </p:grpSp>
        </p:grpSp>
      </p:grpSp>
      <p:sp>
        <p:nvSpPr>
          <p:cNvPr id="75" name="Subtitle 4">
            <a:extLst>
              <a:ext uri="{FF2B5EF4-FFF2-40B4-BE49-F238E27FC236}">
                <a16:creationId xmlns:a16="http://schemas.microsoft.com/office/drawing/2014/main" id="{29DA9D21-2644-52F3-6189-D47D7AFA5B9B}"/>
              </a:ext>
            </a:extLst>
          </p:cNvPr>
          <p:cNvSpPr>
            <a:spLocks noGrp="1"/>
          </p:cNvSpPr>
          <p:nvPr>
            <p:ph type="subTitle" idx="1"/>
          </p:nvPr>
        </p:nvSpPr>
        <p:spPr>
          <a:xfrm>
            <a:off x="594709" y="993826"/>
            <a:ext cx="11082431" cy="401819"/>
          </a:xfrm>
        </p:spPr>
        <p:txBody>
          <a:bodyPr/>
          <a:lstStyle/>
          <a:p>
            <a:r>
              <a:rPr lang="en-US">
                <a:solidFill>
                  <a:schemeClr val="tx2"/>
                </a:solidFill>
              </a:rPr>
              <a:t>Articulate links between </a:t>
            </a:r>
            <a:r>
              <a:rPr lang="en-US"/>
              <a:t>strategy, </a:t>
            </a:r>
            <a:r>
              <a:rPr lang="en-US">
                <a:solidFill>
                  <a:schemeClr val="tx2"/>
                </a:solidFill>
              </a:rPr>
              <a:t>objectives, commitments and ind</a:t>
            </a:r>
            <a:r>
              <a:rPr lang="en-US"/>
              <a:t>icators to</a:t>
            </a:r>
            <a:r>
              <a:rPr lang="en-US">
                <a:solidFill>
                  <a:schemeClr val="tx2"/>
                </a:solidFill>
              </a:rPr>
              <a:t> ensure actions are </a:t>
            </a:r>
            <a:br>
              <a:rPr lang="en-US">
                <a:solidFill>
                  <a:schemeClr val="tx2"/>
                </a:solidFill>
              </a:rPr>
            </a:br>
            <a:r>
              <a:rPr lang="en-US">
                <a:solidFill>
                  <a:schemeClr val="tx2"/>
                </a:solidFill>
              </a:rPr>
              <a:t>evidence-based and effective at shifting outcomes</a:t>
            </a:r>
            <a:endParaRPr lang="en-AU">
              <a:solidFill>
                <a:schemeClr val="tx2"/>
              </a:solidFill>
            </a:endParaRPr>
          </a:p>
        </p:txBody>
      </p:sp>
    </p:spTree>
    <p:custDataLst>
      <p:custData r:id="rId1"/>
      <p:custData r:id="rId2"/>
    </p:custDataLst>
    <p:extLst>
      <p:ext uri="{BB962C8B-B14F-4D97-AF65-F5344CB8AC3E}">
        <p14:creationId xmlns:p14="http://schemas.microsoft.com/office/powerpoint/2010/main" val="321188854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A4C0FB-FD64-66ED-8335-8647EDF2A18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51C6E49-C2E2-7DEF-B209-1963F2AA0A16}"/>
              </a:ext>
            </a:extLst>
          </p:cNvPr>
          <p:cNvSpPr>
            <a:spLocks noGrp="1"/>
          </p:cNvSpPr>
          <p:nvPr>
            <p:ph type="ctrTitle"/>
          </p:nvPr>
        </p:nvSpPr>
        <p:spPr/>
        <p:txBody>
          <a:bodyPr>
            <a:normAutofit/>
          </a:bodyPr>
          <a:lstStyle/>
          <a:p>
            <a:r>
              <a:rPr lang="en-US"/>
              <a:t>Greater role for lived and living experience in the agreement </a:t>
            </a:r>
            <a:endParaRPr lang="en-AU"/>
          </a:p>
        </p:txBody>
      </p:sp>
      <p:sp>
        <p:nvSpPr>
          <p:cNvPr id="5" name="Subtitle 4">
            <a:extLst>
              <a:ext uri="{FF2B5EF4-FFF2-40B4-BE49-F238E27FC236}">
                <a16:creationId xmlns:a16="http://schemas.microsoft.com/office/drawing/2014/main" id="{3C31B23F-5FBC-B34A-C1F6-AA17C584C6D5}"/>
              </a:ext>
            </a:extLst>
          </p:cNvPr>
          <p:cNvSpPr>
            <a:spLocks noGrp="1"/>
          </p:cNvSpPr>
          <p:nvPr>
            <p:ph type="subTitle" idx="1"/>
          </p:nvPr>
        </p:nvSpPr>
        <p:spPr>
          <a:xfrm>
            <a:off x="630193" y="1063097"/>
            <a:ext cx="11082431" cy="401819"/>
          </a:xfrm>
        </p:spPr>
        <p:txBody>
          <a:bodyPr/>
          <a:lstStyle/>
          <a:p>
            <a:pPr>
              <a:lnSpc>
                <a:spcPts val="2493"/>
              </a:lnSpc>
              <a:spcAft>
                <a:spcPts val="1300"/>
              </a:spcAft>
            </a:pPr>
            <a:r>
              <a:rPr lang="en-US">
                <a:solidFill>
                  <a:schemeClr val="tx2"/>
                </a:solidFill>
                <a:latin typeface="Open Sans" panose="020B0606030504020204" pitchFamily="34" charset="0"/>
                <a:ea typeface="Open Sans" panose="020B0606030504020204" pitchFamily="34" charset="0"/>
                <a:cs typeface="Open Sans" panose="020B0606030504020204" pitchFamily="34" charset="0"/>
              </a:rPr>
              <a:t>People with lived and living experience of mental ill health and suicide should be meaningfully involved in the negotiation and design of the next agreement and represented at each level of governance</a:t>
            </a:r>
          </a:p>
        </p:txBody>
      </p:sp>
      <p:sp>
        <p:nvSpPr>
          <p:cNvPr id="10" name="Rectangle 9">
            <a:extLst>
              <a:ext uri="{FF2B5EF4-FFF2-40B4-BE49-F238E27FC236}">
                <a16:creationId xmlns:a16="http://schemas.microsoft.com/office/drawing/2014/main" id="{061D82D8-5365-6B49-FC73-9861BEBE1617}"/>
              </a:ext>
            </a:extLst>
          </p:cNvPr>
          <p:cNvSpPr/>
          <p:nvPr/>
        </p:nvSpPr>
        <p:spPr>
          <a:xfrm>
            <a:off x="699408" y="2569172"/>
            <a:ext cx="5472000" cy="3265948"/>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dismantle barriers to effective lived and living experience involvement</a:t>
            </a:r>
            <a:endPar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include governance roles for carers and service providers </a:t>
            </a: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articulate formal roles for the two peak bodies funded by the Australian Government, including adequate resourcing </a:t>
            </a: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establish inclusion indicators co-designed with lived and living experience representatives, with results published in progress reporting</a:t>
            </a:r>
          </a:p>
        </p:txBody>
      </p:sp>
      <p:sp>
        <p:nvSpPr>
          <p:cNvPr id="12" name="TextBox 11">
            <a:extLst>
              <a:ext uri="{FF2B5EF4-FFF2-40B4-BE49-F238E27FC236}">
                <a16:creationId xmlns:a16="http://schemas.microsoft.com/office/drawing/2014/main" id="{C1569ACB-3DA2-4D55-286E-7D399DDD6D2C}"/>
              </a:ext>
            </a:extLst>
          </p:cNvPr>
          <p:cNvSpPr txBox="1"/>
          <p:nvPr/>
        </p:nvSpPr>
        <p:spPr>
          <a:xfrm>
            <a:off x="6578390" y="2199296"/>
            <a:ext cx="5278017" cy="369332"/>
          </a:xfrm>
          <a:prstGeom prst="rect">
            <a:avLst/>
          </a:prstGeom>
          <a:solidFill>
            <a:schemeClr val="accent2">
              <a:lumMod val="40000"/>
              <a:lumOff val="60000"/>
            </a:schemeClr>
          </a:solidFill>
        </p:spPr>
        <p:txBody>
          <a:bodyPr wrap="square" rtlCol="0" anchor="ctr">
            <a:spAutoFit/>
          </a:bodyPr>
          <a:lstStyle/>
          <a:p>
            <a:pPr algn="ctr"/>
            <a:r>
              <a:rPr lang="en-US" b="1"/>
              <a:t>Balanced representation</a:t>
            </a:r>
            <a:endParaRPr lang="en-AU"/>
          </a:p>
        </p:txBody>
      </p:sp>
      <p:grpSp>
        <p:nvGrpSpPr>
          <p:cNvPr id="15" name="Group 14">
            <a:extLst>
              <a:ext uri="{FF2B5EF4-FFF2-40B4-BE49-F238E27FC236}">
                <a16:creationId xmlns:a16="http://schemas.microsoft.com/office/drawing/2014/main" id="{79949202-8DF3-8AC9-86C0-B4040B086254}"/>
              </a:ext>
            </a:extLst>
          </p:cNvPr>
          <p:cNvGrpSpPr/>
          <p:nvPr/>
        </p:nvGrpSpPr>
        <p:grpSpPr>
          <a:xfrm>
            <a:off x="6643468" y="2773875"/>
            <a:ext cx="5137736" cy="3021028"/>
            <a:chOff x="6578390" y="3038383"/>
            <a:chExt cx="5137736" cy="3021028"/>
          </a:xfrm>
        </p:grpSpPr>
        <p:grpSp>
          <p:nvGrpSpPr>
            <p:cNvPr id="11" name="Group 10">
              <a:extLst>
                <a:ext uri="{FF2B5EF4-FFF2-40B4-BE49-F238E27FC236}">
                  <a16:creationId xmlns:a16="http://schemas.microsoft.com/office/drawing/2014/main" id="{9ECB6590-10FC-597D-0208-3C74077DEB8E}"/>
                </a:ext>
              </a:extLst>
            </p:cNvPr>
            <p:cNvGrpSpPr/>
            <p:nvPr/>
          </p:nvGrpSpPr>
          <p:grpSpPr>
            <a:xfrm>
              <a:off x="6578390" y="3038383"/>
              <a:ext cx="5137736" cy="1064863"/>
              <a:chOff x="822483" y="2409854"/>
              <a:chExt cx="5137736" cy="1064863"/>
            </a:xfrm>
            <a:solidFill>
              <a:schemeClr val="accent1">
                <a:lumMod val="60000"/>
                <a:lumOff val="40000"/>
              </a:schemeClr>
            </a:solidFill>
          </p:grpSpPr>
          <p:sp>
            <p:nvSpPr>
              <p:cNvPr id="7" name="Rectangle 6">
                <a:extLst>
                  <a:ext uri="{FF2B5EF4-FFF2-40B4-BE49-F238E27FC236}">
                    <a16:creationId xmlns:a16="http://schemas.microsoft.com/office/drawing/2014/main" id="{98F994E5-9BEC-FF07-CD87-6984A28BE182}"/>
                  </a:ext>
                </a:extLst>
              </p:cNvPr>
              <p:cNvSpPr/>
              <p:nvPr/>
            </p:nvSpPr>
            <p:spPr>
              <a:xfrm flipV="1">
                <a:off x="1295087" y="3428998"/>
                <a:ext cx="4248473" cy="45719"/>
              </a:xfrm>
              <a:prstGeom prst="rect">
                <a:avLst/>
              </a:prstGeom>
              <a:solidFill>
                <a:schemeClr val="accent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8" name="TextBox 7">
                <a:extLst>
                  <a:ext uri="{FF2B5EF4-FFF2-40B4-BE49-F238E27FC236}">
                    <a16:creationId xmlns:a16="http://schemas.microsoft.com/office/drawing/2014/main" id="{51DD21F8-9881-511C-98EF-037EBFB7EDDB}"/>
                  </a:ext>
                </a:extLst>
              </p:cNvPr>
              <p:cNvSpPr txBox="1"/>
              <p:nvPr/>
            </p:nvSpPr>
            <p:spPr>
              <a:xfrm>
                <a:off x="3872219" y="2409854"/>
                <a:ext cx="2088000" cy="923330"/>
              </a:xfrm>
              <a:prstGeom prst="rect">
                <a:avLst/>
              </a:prstGeom>
              <a:solidFill>
                <a:schemeClr val="accent2">
                  <a:lumMod val="20000"/>
                  <a:lumOff val="80000"/>
                </a:schemeClr>
              </a:solidFill>
              <a:ln>
                <a:noFill/>
                <a:prstDash val="dashDot"/>
              </a:ln>
            </p:spPr>
            <p:txBody>
              <a:bodyPr wrap="square" rtlCol="0">
                <a:spAutoFit/>
              </a:bodyPr>
              <a:lstStyle/>
              <a:p>
                <a:pPr algn="ctr"/>
                <a:r>
                  <a:rPr lang="en-US">
                    <a:solidFill>
                      <a:sysClr val="windowText" lastClr="000000"/>
                    </a:solidFill>
                  </a:rPr>
                  <a:t>Lived and living experience of suicide</a:t>
                </a:r>
              </a:p>
            </p:txBody>
          </p:sp>
          <p:sp>
            <p:nvSpPr>
              <p:cNvPr id="9" name="TextBox 8">
                <a:extLst>
                  <a:ext uri="{FF2B5EF4-FFF2-40B4-BE49-F238E27FC236}">
                    <a16:creationId xmlns:a16="http://schemas.microsoft.com/office/drawing/2014/main" id="{32E5A40D-B278-4070-5FCB-301E10E302C7}"/>
                  </a:ext>
                </a:extLst>
              </p:cNvPr>
              <p:cNvSpPr txBox="1"/>
              <p:nvPr/>
            </p:nvSpPr>
            <p:spPr>
              <a:xfrm>
                <a:off x="822483" y="2409854"/>
                <a:ext cx="2084040" cy="923330"/>
              </a:xfrm>
              <a:prstGeom prst="rect">
                <a:avLst/>
              </a:prstGeom>
              <a:solidFill>
                <a:schemeClr val="accent2">
                  <a:lumMod val="20000"/>
                  <a:lumOff val="80000"/>
                </a:schemeClr>
              </a:solidFill>
              <a:ln>
                <a:noFill/>
                <a:prstDash val="dashDot"/>
              </a:ln>
            </p:spPr>
            <p:txBody>
              <a:bodyPr wrap="square" rtlCol="0">
                <a:spAutoFit/>
              </a:bodyPr>
              <a:lstStyle/>
              <a:p>
                <a:pPr algn="ctr"/>
                <a:r>
                  <a:rPr lang="en-US">
                    <a:solidFill>
                      <a:sysClr val="windowText" lastClr="000000"/>
                    </a:solidFill>
                  </a:rPr>
                  <a:t>Lived and living experience of mental ill health</a:t>
                </a:r>
                <a:endParaRPr lang="en-AU">
                  <a:solidFill>
                    <a:sysClr val="windowText" lastClr="000000"/>
                  </a:solidFill>
                </a:endParaRPr>
              </a:p>
            </p:txBody>
          </p:sp>
        </p:grpSp>
        <p:sp>
          <p:nvSpPr>
            <p:cNvPr id="4" name="Triangle 3">
              <a:extLst>
                <a:ext uri="{FF2B5EF4-FFF2-40B4-BE49-F238E27FC236}">
                  <a16:creationId xmlns:a16="http://schemas.microsoft.com/office/drawing/2014/main" id="{B4829641-3E93-2096-3CAC-15F293ABA07F}"/>
                </a:ext>
              </a:extLst>
            </p:cNvPr>
            <p:cNvSpPr/>
            <p:nvPr/>
          </p:nvSpPr>
          <p:spPr>
            <a:xfrm>
              <a:off x="7347611" y="4103246"/>
              <a:ext cx="3655238" cy="1956165"/>
            </a:xfrm>
            <a:prstGeom prst="triangle">
              <a:avLst/>
            </a:prstGeom>
            <a:solidFill>
              <a:schemeClr val="accent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Slide Number Placeholder 2">
            <a:extLst>
              <a:ext uri="{FF2B5EF4-FFF2-40B4-BE49-F238E27FC236}">
                <a16:creationId xmlns:a16="http://schemas.microsoft.com/office/drawing/2014/main" id="{C4CC9137-1DF0-CEC2-6C54-10790EB3D39E}"/>
              </a:ext>
            </a:extLst>
          </p:cNvPr>
          <p:cNvSpPr>
            <a:spLocks noGrp="1"/>
          </p:cNvSpPr>
          <p:nvPr>
            <p:ph type="sldNum" sz="quarter" idx="4"/>
          </p:nvPr>
        </p:nvSpPr>
        <p:spPr/>
        <p:txBody>
          <a:bodyPr/>
          <a:lstStyle/>
          <a:p>
            <a:fld id="{3FE8A0A5-0893-3B4E-9EB9-FE67329D76D6}" type="slidenum">
              <a:rPr lang="en-US" smtClean="0"/>
              <a:pPr/>
              <a:t>34</a:t>
            </a:fld>
            <a:endParaRPr lang="en-US"/>
          </a:p>
        </p:txBody>
      </p:sp>
      <p:sp>
        <p:nvSpPr>
          <p:cNvPr id="14" name="Rectangle 13">
            <a:extLst>
              <a:ext uri="{FF2B5EF4-FFF2-40B4-BE49-F238E27FC236}">
                <a16:creationId xmlns:a16="http://schemas.microsoft.com/office/drawing/2014/main" id="{BF3F7F46-0AA0-88CE-6CF8-04B49EFE3F19}"/>
              </a:ext>
            </a:extLst>
          </p:cNvPr>
          <p:cNvSpPr/>
          <p:nvPr/>
        </p:nvSpPr>
        <p:spPr>
          <a:xfrm>
            <a:off x="699408" y="2195540"/>
            <a:ext cx="5472000" cy="369332"/>
          </a:xfrm>
          <a:prstGeom prst="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en-US" b="1">
                <a:solidFill>
                  <a:schemeClr val="bg1"/>
                </a:solidFill>
                <a:latin typeface="Open Sans" panose="020B0606030504020204" pitchFamily="34" charset="0"/>
                <a:ea typeface="Open Sans" panose="020B0606030504020204" pitchFamily="34" charset="0"/>
                <a:cs typeface="Open Sans" panose="020B0606030504020204" pitchFamily="34" charset="0"/>
              </a:rPr>
              <a:t>The next agreement should:</a:t>
            </a:r>
          </a:p>
        </p:txBody>
      </p:sp>
    </p:spTree>
    <p:extLst>
      <p:ext uri="{BB962C8B-B14F-4D97-AF65-F5344CB8AC3E}">
        <p14:creationId xmlns:p14="http://schemas.microsoft.com/office/powerpoint/2010/main" val="375128304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98821F-91BD-99F0-E246-C9727D6B4A74}"/>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2ED949B-3F6E-8966-5C49-E9722BAC1E25}"/>
              </a:ext>
            </a:extLst>
          </p:cNvPr>
          <p:cNvSpPr>
            <a:spLocks noGrp="1"/>
          </p:cNvSpPr>
          <p:nvPr>
            <p:ph type="sldNum" sz="quarter" idx="4"/>
          </p:nvPr>
        </p:nvSpPr>
        <p:spPr/>
        <p:txBody>
          <a:bodyPr/>
          <a:lstStyle/>
          <a:p>
            <a:fld id="{3FE8A0A5-0893-3B4E-9EB9-FE67329D76D6}" type="slidenum">
              <a:rPr lang="en-US" smtClean="0"/>
              <a:pPr/>
              <a:t>35</a:t>
            </a:fld>
            <a:endParaRPr lang="en-US"/>
          </a:p>
        </p:txBody>
      </p:sp>
      <p:sp>
        <p:nvSpPr>
          <p:cNvPr id="8" name="Title 1">
            <a:extLst>
              <a:ext uri="{FF2B5EF4-FFF2-40B4-BE49-F238E27FC236}">
                <a16:creationId xmlns:a16="http://schemas.microsoft.com/office/drawing/2014/main" id="{F1A9CD58-F4DC-0638-843D-D88BE91B8265}"/>
              </a:ext>
            </a:extLst>
          </p:cNvPr>
          <p:cNvSpPr txBox="1">
            <a:spLocks/>
          </p:cNvSpPr>
          <p:nvPr/>
        </p:nvSpPr>
        <p:spPr>
          <a:xfrm>
            <a:off x="569995" y="507635"/>
            <a:ext cx="11515325" cy="515848"/>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2800" b="1" i="0" kern="1200">
                <a:solidFill>
                  <a:schemeClr val="bg2"/>
                </a:solidFill>
                <a:latin typeface="Open Sans" panose="020B0606030504020204" pitchFamily="34" charset="0"/>
                <a:ea typeface="Open Sans" panose="020B0606030504020204" pitchFamily="34" charset="0"/>
                <a:cs typeface="Open Sans" panose="020B0606030504020204" pitchFamily="34" charset="0"/>
              </a:defRPr>
            </a:lvl1pPr>
          </a:lstStyle>
          <a:p>
            <a:r>
              <a:rPr lang="en-US"/>
              <a:t>Reorient governance to support cross-portfolio collaboration</a:t>
            </a:r>
          </a:p>
        </p:txBody>
      </p:sp>
      <p:sp>
        <p:nvSpPr>
          <p:cNvPr id="7" name="Subtitle 4">
            <a:extLst>
              <a:ext uri="{FF2B5EF4-FFF2-40B4-BE49-F238E27FC236}">
                <a16:creationId xmlns:a16="http://schemas.microsoft.com/office/drawing/2014/main" id="{A7E78507-3EFA-A41F-A6A5-4B3F1DC74A1A}"/>
              </a:ext>
            </a:extLst>
          </p:cNvPr>
          <p:cNvSpPr>
            <a:spLocks noGrp="1"/>
          </p:cNvSpPr>
          <p:nvPr>
            <p:ph type="subTitle" idx="1"/>
          </p:nvPr>
        </p:nvSpPr>
        <p:spPr>
          <a:xfrm>
            <a:off x="594709" y="993826"/>
            <a:ext cx="11082431" cy="401819"/>
          </a:xfrm>
        </p:spPr>
        <p:txBody>
          <a:bodyPr/>
          <a:lstStyle/>
          <a:p>
            <a:r>
              <a:rPr lang="en-US"/>
              <a:t>The next agreement requires a stronger </a:t>
            </a:r>
            <a:r>
              <a:rPr lang="en-US" err="1"/>
              <a:t>authorising</a:t>
            </a:r>
            <a:r>
              <a:rPr lang="en-US"/>
              <a:t> environment to enable genuine cross portfolio collaboration </a:t>
            </a:r>
            <a:endParaRPr lang="en-AU"/>
          </a:p>
        </p:txBody>
      </p:sp>
      <p:sp>
        <p:nvSpPr>
          <p:cNvPr id="10" name="TextBox 9">
            <a:extLst>
              <a:ext uri="{FF2B5EF4-FFF2-40B4-BE49-F238E27FC236}">
                <a16:creationId xmlns:a16="http://schemas.microsoft.com/office/drawing/2014/main" id="{6A54D70B-17DD-E64F-BF95-4DA937D4B928}"/>
              </a:ext>
            </a:extLst>
          </p:cNvPr>
          <p:cNvSpPr txBox="1"/>
          <p:nvPr/>
        </p:nvSpPr>
        <p:spPr>
          <a:xfrm>
            <a:off x="1123764" y="1726664"/>
            <a:ext cx="10381423" cy="990000"/>
          </a:xfrm>
          <a:prstGeom prst="roundRect">
            <a:avLst/>
          </a:prstGeom>
          <a:solidFill>
            <a:srgbClr val="CCDDF2"/>
          </a:solidFill>
          <a:ln>
            <a:noFill/>
          </a:ln>
        </p:spPr>
        <p:txBody>
          <a:bodyPr wrap="square" lIns="540000" rtlCol="0" anchor="ctr" anchorCtr="0">
            <a:noAutofit/>
          </a:bodyPr>
          <a:lstStyle/>
          <a:p>
            <a:pPr>
              <a:spcAft>
                <a:spcPts val="450"/>
              </a:spcAft>
            </a:pPr>
            <a:r>
              <a:rPr lang="en-US">
                <a:latin typeface="+mj-lt"/>
                <a:cs typeface="Arial" panose="020B0604020202020204" pitchFamily="34" charset="0"/>
              </a:rPr>
              <a:t>National Cabinet should establish a Special Purpose Mental Health Council and delegate ministerial oversight of the agreement to it</a:t>
            </a:r>
          </a:p>
        </p:txBody>
      </p:sp>
      <p:grpSp>
        <p:nvGrpSpPr>
          <p:cNvPr id="11" name="Group 10">
            <a:extLst>
              <a:ext uri="{FF2B5EF4-FFF2-40B4-BE49-F238E27FC236}">
                <a16:creationId xmlns:a16="http://schemas.microsoft.com/office/drawing/2014/main" id="{2249CC7E-27B7-5CA3-2906-609C14B5FD43}"/>
              </a:ext>
            </a:extLst>
          </p:cNvPr>
          <p:cNvGrpSpPr/>
          <p:nvPr/>
        </p:nvGrpSpPr>
        <p:grpSpPr>
          <a:xfrm>
            <a:off x="664184" y="1843611"/>
            <a:ext cx="720000" cy="720095"/>
            <a:chOff x="251681" y="4635036"/>
            <a:chExt cx="478108" cy="644498"/>
          </a:xfrm>
        </p:grpSpPr>
        <p:sp>
          <p:nvSpPr>
            <p:cNvPr id="13" name="Freeform 45">
              <a:extLst>
                <a:ext uri="{FF2B5EF4-FFF2-40B4-BE49-F238E27FC236}">
                  <a16:creationId xmlns:a16="http://schemas.microsoft.com/office/drawing/2014/main" id="{7C828B1C-7762-2828-5422-91A8C0A6F7EC}"/>
                </a:ext>
              </a:extLst>
            </p:cNvPr>
            <p:cNvSpPr/>
            <p:nvPr/>
          </p:nvSpPr>
          <p:spPr>
            <a:xfrm>
              <a:off x="266707" y="4635036"/>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bg2">
                <a:lumMod val="20000"/>
                <a:lumOff val="8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14" name="Freeform 47">
              <a:extLst>
                <a:ext uri="{FF2B5EF4-FFF2-40B4-BE49-F238E27FC236}">
                  <a16:creationId xmlns:a16="http://schemas.microsoft.com/office/drawing/2014/main" id="{B0A0B05A-1369-2AB0-E72E-D1DBA65E97ED}"/>
                </a:ext>
              </a:extLst>
            </p:cNvPr>
            <p:cNvSpPr/>
            <p:nvPr/>
          </p:nvSpPr>
          <p:spPr>
            <a:xfrm>
              <a:off x="251681" y="4635122"/>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sp>
        <p:nvSpPr>
          <p:cNvPr id="15" name="TextBox 14">
            <a:extLst>
              <a:ext uri="{FF2B5EF4-FFF2-40B4-BE49-F238E27FC236}">
                <a16:creationId xmlns:a16="http://schemas.microsoft.com/office/drawing/2014/main" id="{7CB9E5D7-CF4D-13F3-7EBD-D990F7E2EAE3}"/>
              </a:ext>
            </a:extLst>
          </p:cNvPr>
          <p:cNvSpPr txBox="1"/>
          <p:nvPr/>
        </p:nvSpPr>
        <p:spPr>
          <a:xfrm>
            <a:off x="1123764" y="2853314"/>
            <a:ext cx="10381423" cy="990000"/>
          </a:xfrm>
          <a:prstGeom prst="roundRect">
            <a:avLst/>
          </a:prstGeom>
          <a:solidFill>
            <a:schemeClr val="accent1">
              <a:lumMod val="20000"/>
              <a:lumOff val="80000"/>
            </a:schemeClr>
          </a:solidFill>
        </p:spPr>
        <p:txBody>
          <a:bodyPr wrap="square" lIns="540000" rtlCol="0" anchor="ctr" anchorCtr="0">
            <a:noAutofit/>
          </a:bodyPr>
          <a:lstStyle/>
          <a:p>
            <a:pPr lvl="0"/>
            <a:r>
              <a:rPr lang="en-AU"/>
              <a:t>A Chief Executive and Secretaries Forum comprising health chief executives and secretaries from relevant cross‑portfolios should be established</a:t>
            </a:r>
          </a:p>
        </p:txBody>
      </p:sp>
      <p:sp>
        <p:nvSpPr>
          <p:cNvPr id="16" name="TextBox 15">
            <a:extLst>
              <a:ext uri="{FF2B5EF4-FFF2-40B4-BE49-F238E27FC236}">
                <a16:creationId xmlns:a16="http://schemas.microsoft.com/office/drawing/2014/main" id="{CD05E9B9-0605-85EA-3852-388DF39D01AA}"/>
              </a:ext>
            </a:extLst>
          </p:cNvPr>
          <p:cNvSpPr txBox="1"/>
          <p:nvPr/>
        </p:nvSpPr>
        <p:spPr>
          <a:xfrm>
            <a:off x="1123764" y="3979964"/>
            <a:ext cx="10381423" cy="990000"/>
          </a:xfrm>
          <a:prstGeom prst="roundRect">
            <a:avLst/>
          </a:prstGeom>
          <a:solidFill>
            <a:schemeClr val="accent2">
              <a:lumMod val="20000"/>
              <a:lumOff val="80000"/>
            </a:schemeClr>
          </a:solidFill>
        </p:spPr>
        <p:txBody>
          <a:bodyPr wrap="square" lIns="540000" rtlCol="0" anchor="ctr" anchorCtr="0">
            <a:noAutofit/>
          </a:bodyPr>
          <a:lstStyle/>
          <a:p>
            <a:pPr>
              <a:spcAft>
                <a:spcPts val="450"/>
              </a:spcAft>
            </a:pPr>
            <a:r>
              <a:rPr lang="en-AU"/>
              <a:t>The Mental Health and Suicide Prevention Senior Officials group (MHSPSO) </a:t>
            </a:r>
            <a:br>
              <a:rPr lang="en-AU"/>
            </a:br>
            <a:r>
              <a:rPr lang="en-AU"/>
              <a:t>should remain in place, but membership should be expanded to include </a:t>
            </a:r>
            <a:br>
              <a:rPr lang="en-AU"/>
            </a:br>
            <a:r>
              <a:rPr lang="en-AU"/>
              <a:t>senior officials from relevant portfolios</a:t>
            </a:r>
            <a:endParaRPr lang="en-US" sz="1800">
              <a:latin typeface="+mj-lt"/>
              <a:cs typeface="Arial" panose="020B0604020202020204" pitchFamily="34" charset="0"/>
            </a:endParaRPr>
          </a:p>
        </p:txBody>
      </p:sp>
      <p:grpSp>
        <p:nvGrpSpPr>
          <p:cNvPr id="17" name="Graphic 63">
            <a:extLst>
              <a:ext uri="{FF2B5EF4-FFF2-40B4-BE49-F238E27FC236}">
                <a16:creationId xmlns:a16="http://schemas.microsoft.com/office/drawing/2014/main" id="{2C199682-839B-2A7A-FD89-EA541700DFDC}"/>
              </a:ext>
            </a:extLst>
          </p:cNvPr>
          <p:cNvGrpSpPr/>
          <p:nvPr/>
        </p:nvGrpSpPr>
        <p:grpSpPr>
          <a:xfrm>
            <a:off x="782591" y="1975460"/>
            <a:ext cx="467158" cy="468000"/>
            <a:chOff x="206835" y="198378"/>
            <a:chExt cx="85118" cy="85271"/>
          </a:xfrm>
          <a:solidFill>
            <a:srgbClr val="265A9A"/>
          </a:solidFill>
        </p:grpSpPr>
        <p:sp>
          <p:nvSpPr>
            <p:cNvPr id="18" name="Freeform 4">
              <a:extLst>
                <a:ext uri="{FF2B5EF4-FFF2-40B4-BE49-F238E27FC236}">
                  <a16:creationId xmlns:a16="http://schemas.microsoft.com/office/drawing/2014/main" id="{7A0A4E8B-CB00-EBD9-E146-55AF1010E207}"/>
                </a:ext>
              </a:extLst>
            </p:cNvPr>
            <p:cNvSpPr/>
            <p:nvPr/>
          </p:nvSpPr>
          <p:spPr>
            <a:xfrm>
              <a:off x="206835" y="198378"/>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rtlCol="0" anchor="ctr"/>
            <a:lstStyle/>
            <a:p>
              <a:endParaRPr lang="en-AU"/>
            </a:p>
          </p:txBody>
        </p:sp>
        <p:sp>
          <p:nvSpPr>
            <p:cNvPr id="19" name="Freeform 5">
              <a:extLst>
                <a:ext uri="{FF2B5EF4-FFF2-40B4-BE49-F238E27FC236}">
                  <a16:creationId xmlns:a16="http://schemas.microsoft.com/office/drawing/2014/main" id="{B5F2424D-32D4-9062-08C5-6AC2D54F9DF3}"/>
                </a:ext>
              </a:extLst>
            </p:cNvPr>
            <p:cNvSpPr/>
            <p:nvPr/>
          </p:nvSpPr>
          <p:spPr>
            <a:xfrm>
              <a:off x="231153" y="229543"/>
              <a:ext cx="38036" cy="26307"/>
            </a:xfrm>
            <a:custGeom>
              <a:avLst/>
              <a:gdLst>
                <a:gd name="connsiteX0" fmla="*/ 13841 w 38036"/>
                <a:gd name="connsiteY0" fmla="*/ 26307 h 26307"/>
                <a:gd name="connsiteX1" fmla="*/ 11378 w 38036"/>
                <a:gd name="connsiteY1" fmla="*/ 25346 h 26307"/>
                <a:gd name="connsiteX2" fmla="*/ 1019 w 38036"/>
                <a:gd name="connsiteY2" fmla="*/ 15494 h 26307"/>
                <a:gd name="connsiteX3" fmla="*/ 1019 w 38036"/>
                <a:gd name="connsiteY3" fmla="*/ 10813 h 26307"/>
                <a:gd name="connsiteX4" fmla="*/ 3482 w 38036"/>
                <a:gd name="connsiteY4" fmla="*/ 9852 h 26307"/>
                <a:gd name="connsiteX5" fmla="*/ 5945 w 38036"/>
                <a:gd name="connsiteY5" fmla="*/ 10813 h 26307"/>
                <a:gd name="connsiteX6" fmla="*/ 12646 w 38036"/>
                <a:gd name="connsiteY6" fmla="*/ 17181 h 26307"/>
                <a:gd name="connsiteX7" fmla="*/ 13841 w 38036"/>
                <a:gd name="connsiteY7" fmla="*/ 17653 h 26307"/>
                <a:gd name="connsiteX8" fmla="*/ 15036 w 38036"/>
                <a:gd name="connsiteY8" fmla="*/ 17181 h 26307"/>
                <a:gd name="connsiteX9" fmla="*/ 32096 w 38036"/>
                <a:gd name="connsiteY9" fmla="*/ 962 h 26307"/>
                <a:gd name="connsiteX10" fmla="*/ 34559 w 38036"/>
                <a:gd name="connsiteY10" fmla="*/ 0 h 26307"/>
                <a:gd name="connsiteX11" fmla="*/ 37022 w 38036"/>
                <a:gd name="connsiteY11" fmla="*/ 962 h 26307"/>
                <a:gd name="connsiteX12" fmla="*/ 38036 w 38036"/>
                <a:gd name="connsiteY12" fmla="*/ 3302 h 26307"/>
                <a:gd name="connsiteX13" fmla="*/ 37022 w 38036"/>
                <a:gd name="connsiteY13" fmla="*/ 5642 h 26307"/>
                <a:gd name="connsiteX14" fmla="*/ 16286 w 38036"/>
                <a:gd name="connsiteY14" fmla="*/ 25346 h 26307"/>
                <a:gd name="connsiteX15" fmla="*/ 13823 w 38036"/>
                <a:gd name="connsiteY15" fmla="*/ 26307 h 26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 h="26307">
                  <a:moveTo>
                    <a:pt x="13841" y="26307"/>
                  </a:moveTo>
                  <a:cubicBezTo>
                    <a:pt x="12917" y="26307"/>
                    <a:pt x="12030" y="25962"/>
                    <a:pt x="11378" y="25346"/>
                  </a:cubicBezTo>
                  <a:lnTo>
                    <a:pt x="1019" y="15494"/>
                  </a:lnTo>
                  <a:cubicBezTo>
                    <a:pt x="-340" y="14206"/>
                    <a:pt x="-340" y="12101"/>
                    <a:pt x="1019" y="10813"/>
                  </a:cubicBezTo>
                  <a:cubicBezTo>
                    <a:pt x="1671" y="10196"/>
                    <a:pt x="2558" y="9852"/>
                    <a:pt x="3482" y="9852"/>
                  </a:cubicBezTo>
                  <a:cubicBezTo>
                    <a:pt x="4405" y="9852"/>
                    <a:pt x="5293" y="10196"/>
                    <a:pt x="5945" y="10813"/>
                  </a:cubicBezTo>
                  <a:lnTo>
                    <a:pt x="12646" y="17181"/>
                  </a:lnTo>
                  <a:cubicBezTo>
                    <a:pt x="12972" y="17490"/>
                    <a:pt x="13388" y="17653"/>
                    <a:pt x="13841" y="17653"/>
                  </a:cubicBezTo>
                  <a:cubicBezTo>
                    <a:pt x="14294" y="17653"/>
                    <a:pt x="14728" y="17490"/>
                    <a:pt x="15036" y="17181"/>
                  </a:cubicBezTo>
                  <a:lnTo>
                    <a:pt x="32096" y="962"/>
                  </a:lnTo>
                  <a:cubicBezTo>
                    <a:pt x="32748" y="345"/>
                    <a:pt x="33635" y="0"/>
                    <a:pt x="34559" y="0"/>
                  </a:cubicBezTo>
                  <a:cubicBezTo>
                    <a:pt x="35483" y="0"/>
                    <a:pt x="36370" y="345"/>
                    <a:pt x="37022" y="962"/>
                  </a:cubicBezTo>
                  <a:cubicBezTo>
                    <a:pt x="37674" y="1578"/>
                    <a:pt x="38036" y="2413"/>
                    <a:pt x="38036" y="3302"/>
                  </a:cubicBezTo>
                  <a:cubicBezTo>
                    <a:pt x="38036" y="4191"/>
                    <a:pt x="37674" y="5007"/>
                    <a:pt x="37022" y="5642"/>
                  </a:cubicBezTo>
                  <a:lnTo>
                    <a:pt x="16286" y="25346"/>
                  </a:lnTo>
                  <a:cubicBezTo>
                    <a:pt x="15634" y="25962"/>
                    <a:pt x="14746" y="26307"/>
                    <a:pt x="13823" y="26307"/>
                  </a:cubicBezTo>
                  <a:close/>
                </a:path>
              </a:pathLst>
            </a:custGeom>
            <a:solidFill>
              <a:srgbClr val="265A9A"/>
            </a:solidFill>
            <a:ln w="1793" cap="flat">
              <a:noFill/>
              <a:prstDash val="solid"/>
              <a:miter/>
            </a:ln>
          </p:spPr>
          <p:txBody>
            <a:bodyPr rtlCol="0" anchor="ctr"/>
            <a:lstStyle/>
            <a:p>
              <a:endParaRPr lang="en-AU"/>
            </a:p>
          </p:txBody>
        </p:sp>
      </p:grpSp>
      <p:grpSp>
        <p:nvGrpSpPr>
          <p:cNvPr id="20" name="Group 19">
            <a:extLst>
              <a:ext uri="{FF2B5EF4-FFF2-40B4-BE49-F238E27FC236}">
                <a16:creationId xmlns:a16="http://schemas.microsoft.com/office/drawing/2014/main" id="{189FDB6A-B135-BF6A-2EEF-5520816619D0}"/>
              </a:ext>
            </a:extLst>
          </p:cNvPr>
          <p:cNvGrpSpPr/>
          <p:nvPr/>
        </p:nvGrpSpPr>
        <p:grpSpPr>
          <a:xfrm>
            <a:off x="664184" y="2974348"/>
            <a:ext cx="720000" cy="720000"/>
            <a:chOff x="653454" y="3296592"/>
            <a:chExt cx="720000" cy="720000"/>
          </a:xfrm>
        </p:grpSpPr>
        <p:grpSp>
          <p:nvGrpSpPr>
            <p:cNvPr id="21" name="Group 20">
              <a:extLst>
                <a:ext uri="{FF2B5EF4-FFF2-40B4-BE49-F238E27FC236}">
                  <a16:creationId xmlns:a16="http://schemas.microsoft.com/office/drawing/2014/main" id="{DABB5A52-B221-0087-20E9-0A6E77F8E74B}"/>
                </a:ext>
              </a:extLst>
            </p:cNvPr>
            <p:cNvGrpSpPr/>
            <p:nvPr/>
          </p:nvGrpSpPr>
          <p:grpSpPr>
            <a:xfrm>
              <a:off x="653454" y="3296592"/>
              <a:ext cx="720000" cy="720000"/>
              <a:chOff x="249782" y="4641975"/>
              <a:chExt cx="478108" cy="644412"/>
            </a:xfrm>
          </p:grpSpPr>
          <p:sp>
            <p:nvSpPr>
              <p:cNvPr id="25" name="Freeform 45">
                <a:extLst>
                  <a:ext uri="{FF2B5EF4-FFF2-40B4-BE49-F238E27FC236}">
                    <a16:creationId xmlns:a16="http://schemas.microsoft.com/office/drawing/2014/main" id="{C53DB297-BEBC-9789-FAE1-BCE29DBB6AB7}"/>
                  </a:ext>
                </a:extLst>
              </p:cNvPr>
              <p:cNvSpPr/>
              <p:nvPr/>
            </p:nvSpPr>
            <p:spPr>
              <a:xfrm>
                <a:off x="253070" y="4661342"/>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accent4">
                  <a:lumMod val="40000"/>
                  <a:lumOff val="6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26" name="Freeform 47">
                <a:extLst>
                  <a:ext uri="{FF2B5EF4-FFF2-40B4-BE49-F238E27FC236}">
                    <a16:creationId xmlns:a16="http://schemas.microsoft.com/office/drawing/2014/main" id="{5285A7E2-6C00-72B6-AB38-AE13A6BF4A71}"/>
                  </a:ext>
                </a:extLst>
              </p:cNvPr>
              <p:cNvSpPr/>
              <p:nvPr/>
            </p:nvSpPr>
            <p:spPr>
              <a:xfrm>
                <a:off x="249782"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tx2"/>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grpSp>
          <p:nvGrpSpPr>
            <p:cNvPr id="22" name="Graphic 63">
              <a:extLst>
                <a:ext uri="{FF2B5EF4-FFF2-40B4-BE49-F238E27FC236}">
                  <a16:creationId xmlns:a16="http://schemas.microsoft.com/office/drawing/2014/main" id="{FB9C24B7-4F81-E4A9-6661-1B8E7F89BFBA}"/>
                </a:ext>
              </a:extLst>
            </p:cNvPr>
            <p:cNvGrpSpPr/>
            <p:nvPr/>
          </p:nvGrpSpPr>
          <p:grpSpPr>
            <a:xfrm>
              <a:off x="775876" y="3422592"/>
              <a:ext cx="467160" cy="468000"/>
              <a:chOff x="208910" y="200315"/>
              <a:chExt cx="85118" cy="85271"/>
            </a:xfrm>
            <a:solidFill>
              <a:srgbClr val="265A9A"/>
            </a:solidFill>
          </p:grpSpPr>
          <p:sp>
            <p:nvSpPr>
              <p:cNvPr id="23" name="Freeform 4">
                <a:extLst>
                  <a:ext uri="{FF2B5EF4-FFF2-40B4-BE49-F238E27FC236}">
                    <a16:creationId xmlns:a16="http://schemas.microsoft.com/office/drawing/2014/main" id="{F79579F7-F6AC-791B-82B3-C2E4F616ADA5}"/>
                  </a:ext>
                </a:extLst>
              </p:cNvPr>
              <p:cNvSpPr/>
              <p:nvPr/>
            </p:nvSpPr>
            <p:spPr>
              <a:xfrm>
                <a:off x="208910" y="200315"/>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accent1">
                  <a:lumMod val="75000"/>
                </a:schemeClr>
              </a:solidFill>
              <a:ln w="1793" cap="flat">
                <a:noFill/>
                <a:prstDash val="solid"/>
                <a:miter/>
              </a:ln>
            </p:spPr>
            <p:txBody>
              <a:bodyPr rtlCol="0" anchor="ctr"/>
              <a:lstStyle/>
              <a:p>
                <a:endParaRPr lang="en-AU"/>
              </a:p>
            </p:txBody>
          </p:sp>
          <p:sp>
            <p:nvSpPr>
              <p:cNvPr id="24" name="Freeform 5">
                <a:extLst>
                  <a:ext uri="{FF2B5EF4-FFF2-40B4-BE49-F238E27FC236}">
                    <a16:creationId xmlns:a16="http://schemas.microsoft.com/office/drawing/2014/main" id="{DD8F0BA3-372D-B49A-0702-93FA3BB9D698}"/>
                  </a:ext>
                </a:extLst>
              </p:cNvPr>
              <p:cNvSpPr/>
              <p:nvPr/>
            </p:nvSpPr>
            <p:spPr>
              <a:xfrm>
                <a:off x="232451" y="229553"/>
                <a:ext cx="38036" cy="26307"/>
              </a:xfrm>
              <a:custGeom>
                <a:avLst/>
                <a:gdLst>
                  <a:gd name="connsiteX0" fmla="*/ 13841 w 38036"/>
                  <a:gd name="connsiteY0" fmla="*/ 26307 h 26307"/>
                  <a:gd name="connsiteX1" fmla="*/ 11378 w 38036"/>
                  <a:gd name="connsiteY1" fmla="*/ 25346 h 26307"/>
                  <a:gd name="connsiteX2" fmla="*/ 1019 w 38036"/>
                  <a:gd name="connsiteY2" fmla="*/ 15494 h 26307"/>
                  <a:gd name="connsiteX3" fmla="*/ 1019 w 38036"/>
                  <a:gd name="connsiteY3" fmla="*/ 10813 h 26307"/>
                  <a:gd name="connsiteX4" fmla="*/ 3482 w 38036"/>
                  <a:gd name="connsiteY4" fmla="*/ 9852 h 26307"/>
                  <a:gd name="connsiteX5" fmla="*/ 5945 w 38036"/>
                  <a:gd name="connsiteY5" fmla="*/ 10813 h 26307"/>
                  <a:gd name="connsiteX6" fmla="*/ 12646 w 38036"/>
                  <a:gd name="connsiteY6" fmla="*/ 17181 h 26307"/>
                  <a:gd name="connsiteX7" fmla="*/ 13841 w 38036"/>
                  <a:gd name="connsiteY7" fmla="*/ 17653 h 26307"/>
                  <a:gd name="connsiteX8" fmla="*/ 15036 w 38036"/>
                  <a:gd name="connsiteY8" fmla="*/ 17181 h 26307"/>
                  <a:gd name="connsiteX9" fmla="*/ 32096 w 38036"/>
                  <a:gd name="connsiteY9" fmla="*/ 962 h 26307"/>
                  <a:gd name="connsiteX10" fmla="*/ 34559 w 38036"/>
                  <a:gd name="connsiteY10" fmla="*/ 0 h 26307"/>
                  <a:gd name="connsiteX11" fmla="*/ 37022 w 38036"/>
                  <a:gd name="connsiteY11" fmla="*/ 962 h 26307"/>
                  <a:gd name="connsiteX12" fmla="*/ 38036 w 38036"/>
                  <a:gd name="connsiteY12" fmla="*/ 3302 h 26307"/>
                  <a:gd name="connsiteX13" fmla="*/ 37022 w 38036"/>
                  <a:gd name="connsiteY13" fmla="*/ 5642 h 26307"/>
                  <a:gd name="connsiteX14" fmla="*/ 16286 w 38036"/>
                  <a:gd name="connsiteY14" fmla="*/ 25346 h 26307"/>
                  <a:gd name="connsiteX15" fmla="*/ 13823 w 38036"/>
                  <a:gd name="connsiteY15" fmla="*/ 26307 h 26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 h="26307">
                    <a:moveTo>
                      <a:pt x="13841" y="26307"/>
                    </a:moveTo>
                    <a:cubicBezTo>
                      <a:pt x="12917" y="26307"/>
                      <a:pt x="12030" y="25962"/>
                      <a:pt x="11378" y="25346"/>
                    </a:cubicBezTo>
                    <a:lnTo>
                      <a:pt x="1019" y="15494"/>
                    </a:lnTo>
                    <a:cubicBezTo>
                      <a:pt x="-340" y="14206"/>
                      <a:pt x="-340" y="12101"/>
                      <a:pt x="1019" y="10813"/>
                    </a:cubicBezTo>
                    <a:cubicBezTo>
                      <a:pt x="1671" y="10196"/>
                      <a:pt x="2558" y="9852"/>
                      <a:pt x="3482" y="9852"/>
                    </a:cubicBezTo>
                    <a:cubicBezTo>
                      <a:pt x="4405" y="9852"/>
                      <a:pt x="5293" y="10196"/>
                      <a:pt x="5945" y="10813"/>
                    </a:cubicBezTo>
                    <a:lnTo>
                      <a:pt x="12646" y="17181"/>
                    </a:lnTo>
                    <a:cubicBezTo>
                      <a:pt x="12972" y="17490"/>
                      <a:pt x="13388" y="17653"/>
                      <a:pt x="13841" y="17653"/>
                    </a:cubicBezTo>
                    <a:cubicBezTo>
                      <a:pt x="14294" y="17653"/>
                      <a:pt x="14728" y="17490"/>
                      <a:pt x="15036" y="17181"/>
                    </a:cubicBezTo>
                    <a:lnTo>
                      <a:pt x="32096" y="962"/>
                    </a:lnTo>
                    <a:cubicBezTo>
                      <a:pt x="32748" y="345"/>
                      <a:pt x="33635" y="0"/>
                      <a:pt x="34559" y="0"/>
                    </a:cubicBezTo>
                    <a:cubicBezTo>
                      <a:pt x="35483" y="0"/>
                      <a:pt x="36370" y="345"/>
                      <a:pt x="37022" y="962"/>
                    </a:cubicBezTo>
                    <a:cubicBezTo>
                      <a:pt x="37674" y="1578"/>
                      <a:pt x="38036" y="2413"/>
                      <a:pt x="38036" y="3302"/>
                    </a:cubicBezTo>
                    <a:cubicBezTo>
                      <a:pt x="38036" y="4191"/>
                      <a:pt x="37674" y="5007"/>
                      <a:pt x="37022" y="5642"/>
                    </a:cubicBezTo>
                    <a:lnTo>
                      <a:pt x="16286" y="25346"/>
                    </a:lnTo>
                    <a:cubicBezTo>
                      <a:pt x="15634" y="25962"/>
                      <a:pt x="14746" y="26307"/>
                      <a:pt x="13823" y="26307"/>
                    </a:cubicBezTo>
                    <a:close/>
                  </a:path>
                </a:pathLst>
              </a:custGeom>
              <a:solidFill>
                <a:schemeClr val="tx2"/>
              </a:solidFill>
              <a:ln w="1793" cap="flat">
                <a:noFill/>
                <a:prstDash val="solid"/>
                <a:miter/>
              </a:ln>
            </p:spPr>
            <p:txBody>
              <a:bodyPr rtlCol="0" anchor="ctr"/>
              <a:lstStyle/>
              <a:p>
                <a:endParaRPr lang="en-AU"/>
              </a:p>
            </p:txBody>
          </p:sp>
        </p:grpSp>
      </p:grpSp>
      <p:grpSp>
        <p:nvGrpSpPr>
          <p:cNvPr id="28" name="Group 27">
            <a:extLst>
              <a:ext uri="{FF2B5EF4-FFF2-40B4-BE49-F238E27FC236}">
                <a16:creationId xmlns:a16="http://schemas.microsoft.com/office/drawing/2014/main" id="{B6220CA3-88D5-23AB-8BE6-D70B55BB1722}"/>
              </a:ext>
            </a:extLst>
          </p:cNvPr>
          <p:cNvGrpSpPr/>
          <p:nvPr/>
        </p:nvGrpSpPr>
        <p:grpSpPr>
          <a:xfrm>
            <a:off x="664184" y="4104990"/>
            <a:ext cx="720000" cy="720000"/>
            <a:chOff x="622294" y="4605009"/>
            <a:chExt cx="720000" cy="720000"/>
          </a:xfrm>
        </p:grpSpPr>
        <p:grpSp>
          <p:nvGrpSpPr>
            <p:cNvPr id="29" name="Group 28">
              <a:extLst>
                <a:ext uri="{FF2B5EF4-FFF2-40B4-BE49-F238E27FC236}">
                  <a16:creationId xmlns:a16="http://schemas.microsoft.com/office/drawing/2014/main" id="{CD8D16C3-1DEB-987F-21F1-4FADCCB3EA64}"/>
                </a:ext>
              </a:extLst>
            </p:cNvPr>
            <p:cNvGrpSpPr/>
            <p:nvPr/>
          </p:nvGrpSpPr>
          <p:grpSpPr>
            <a:xfrm>
              <a:off x="622294" y="4605009"/>
              <a:ext cx="720000" cy="720000"/>
              <a:chOff x="249782" y="4641975"/>
              <a:chExt cx="478108" cy="644412"/>
            </a:xfrm>
          </p:grpSpPr>
          <p:sp>
            <p:nvSpPr>
              <p:cNvPr id="73" name="Freeform 45">
                <a:extLst>
                  <a:ext uri="{FF2B5EF4-FFF2-40B4-BE49-F238E27FC236}">
                    <a16:creationId xmlns:a16="http://schemas.microsoft.com/office/drawing/2014/main" id="{2F6C240D-2BAA-F678-C76C-A8C6B85F7B35}"/>
                  </a:ext>
                </a:extLst>
              </p:cNvPr>
              <p:cNvSpPr/>
              <p:nvPr/>
            </p:nvSpPr>
            <p:spPr>
              <a:xfrm>
                <a:off x="258712" y="4647407"/>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accent6">
                  <a:lumMod val="20000"/>
                  <a:lumOff val="80000"/>
                </a:schemeClr>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74" name="Freeform 47">
                <a:extLst>
                  <a:ext uri="{FF2B5EF4-FFF2-40B4-BE49-F238E27FC236}">
                    <a16:creationId xmlns:a16="http://schemas.microsoft.com/office/drawing/2014/main" id="{9D58FD18-A91D-418E-DB83-614621766938}"/>
                  </a:ext>
                </a:extLst>
              </p:cNvPr>
              <p:cNvSpPr/>
              <p:nvPr/>
            </p:nvSpPr>
            <p:spPr>
              <a:xfrm>
                <a:off x="249782"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accent2"/>
              </a:solidFill>
              <a:ln w="1793" cap="flat">
                <a:solidFill>
                  <a:schemeClr val="accent6"/>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grpSp>
          <p:nvGrpSpPr>
            <p:cNvPr id="46" name="Group 45">
              <a:extLst>
                <a:ext uri="{FF2B5EF4-FFF2-40B4-BE49-F238E27FC236}">
                  <a16:creationId xmlns:a16="http://schemas.microsoft.com/office/drawing/2014/main" id="{4C2FD167-8BFA-B18B-368C-0E19B3D17A2F}"/>
                </a:ext>
              </a:extLst>
            </p:cNvPr>
            <p:cNvGrpSpPr>
              <a:grpSpLocks noChangeAspect="1"/>
            </p:cNvGrpSpPr>
            <p:nvPr/>
          </p:nvGrpSpPr>
          <p:grpSpPr>
            <a:xfrm>
              <a:off x="748715" y="4731009"/>
              <a:ext cx="467159" cy="468000"/>
              <a:chOff x="208910" y="200315"/>
              <a:chExt cx="85118" cy="85271"/>
            </a:xfrm>
          </p:grpSpPr>
          <p:sp>
            <p:nvSpPr>
              <p:cNvPr id="69" name="Freeform 2">
                <a:extLst>
                  <a:ext uri="{FF2B5EF4-FFF2-40B4-BE49-F238E27FC236}">
                    <a16:creationId xmlns:a16="http://schemas.microsoft.com/office/drawing/2014/main" id="{4E96565D-A249-1F3B-0D02-21B7A742BD2B}"/>
                  </a:ext>
                </a:extLst>
              </p:cNvPr>
              <p:cNvSpPr/>
              <p:nvPr/>
            </p:nvSpPr>
            <p:spPr>
              <a:xfrm>
                <a:off x="211627" y="203036"/>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chemeClr val="accent6">
                  <a:lumMod val="20000"/>
                  <a:lumOff val="80000"/>
                </a:schemeClr>
              </a:solidFill>
              <a:ln w="1793" cap="flat">
                <a:noFill/>
                <a:prstDash val="solid"/>
                <a:miter/>
              </a:ln>
            </p:spPr>
            <p:txBody>
              <a:bodyPr rtlCol="0" anchor="ctr"/>
              <a:lstStyle/>
              <a:p>
                <a:endParaRPr lang="en-AU"/>
              </a:p>
            </p:txBody>
          </p:sp>
          <p:grpSp>
            <p:nvGrpSpPr>
              <p:cNvPr id="70" name="Graphic 63">
                <a:extLst>
                  <a:ext uri="{FF2B5EF4-FFF2-40B4-BE49-F238E27FC236}">
                    <a16:creationId xmlns:a16="http://schemas.microsoft.com/office/drawing/2014/main" id="{7737E25E-836B-BBF0-0D21-6E31F98430CE}"/>
                  </a:ext>
                </a:extLst>
              </p:cNvPr>
              <p:cNvGrpSpPr/>
              <p:nvPr/>
            </p:nvGrpSpPr>
            <p:grpSpPr>
              <a:xfrm>
                <a:off x="208910" y="200315"/>
                <a:ext cx="85118" cy="85271"/>
                <a:chOff x="208910" y="200315"/>
                <a:chExt cx="85118" cy="85271"/>
              </a:xfrm>
              <a:solidFill>
                <a:srgbClr val="265A9A"/>
              </a:solidFill>
            </p:grpSpPr>
            <p:sp>
              <p:nvSpPr>
                <p:cNvPr id="71" name="Freeform 4">
                  <a:extLst>
                    <a:ext uri="{FF2B5EF4-FFF2-40B4-BE49-F238E27FC236}">
                      <a16:creationId xmlns:a16="http://schemas.microsoft.com/office/drawing/2014/main" id="{FA36B8DD-556B-0FEE-F2FD-87F6B76A503E}"/>
                    </a:ext>
                  </a:extLst>
                </p:cNvPr>
                <p:cNvSpPr/>
                <p:nvPr/>
              </p:nvSpPr>
              <p:spPr>
                <a:xfrm>
                  <a:off x="208910" y="200315"/>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chemeClr val="accent2"/>
                </a:solidFill>
                <a:ln w="1793" cap="flat">
                  <a:noFill/>
                  <a:prstDash val="solid"/>
                  <a:miter/>
                </a:ln>
              </p:spPr>
              <p:txBody>
                <a:bodyPr rtlCol="0" anchor="ctr"/>
                <a:lstStyle/>
                <a:p>
                  <a:endParaRPr lang="en-AU"/>
                </a:p>
              </p:txBody>
            </p:sp>
            <p:sp>
              <p:nvSpPr>
                <p:cNvPr id="72" name="Freeform 5">
                  <a:extLst>
                    <a:ext uri="{FF2B5EF4-FFF2-40B4-BE49-F238E27FC236}">
                      <a16:creationId xmlns:a16="http://schemas.microsoft.com/office/drawing/2014/main" id="{57B0D40D-3908-01D1-7A62-9BA64604C577}"/>
                    </a:ext>
                  </a:extLst>
                </p:cNvPr>
                <p:cNvSpPr/>
                <p:nvPr/>
              </p:nvSpPr>
              <p:spPr>
                <a:xfrm>
                  <a:off x="232449" y="229815"/>
                  <a:ext cx="38036" cy="26307"/>
                </a:xfrm>
                <a:custGeom>
                  <a:avLst/>
                  <a:gdLst>
                    <a:gd name="connsiteX0" fmla="*/ 13841 w 38036"/>
                    <a:gd name="connsiteY0" fmla="*/ 26307 h 26307"/>
                    <a:gd name="connsiteX1" fmla="*/ 11378 w 38036"/>
                    <a:gd name="connsiteY1" fmla="*/ 25346 h 26307"/>
                    <a:gd name="connsiteX2" fmla="*/ 1019 w 38036"/>
                    <a:gd name="connsiteY2" fmla="*/ 15494 h 26307"/>
                    <a:gd name="connsiteX3" fmla="*/ 1019 w 38036"/>
                    <a:gd name="connsiteY3" fmla="*/ 10813 h 26307"/>
                    <a:gd name="connsiteX4" fmla="*/ 3482 w 38036"/>
                    <a:gd name="connsiteY4" fmla="*/ 9852 h 26307"/>
                    <a:gd name="connsiteX5" fmla="*/ 5945 w 38036"/>
                    <a:gd name="connsiteY5" fmla="*/ 10813 h 26307"/>
                    <a:gd name="connsiteX6" fmla="*/ 12646 w 38036"/>
                    <a:gd name="connsiteY6" fmla="*/ 17181 h 26307"/>
                    <a:gd name="connsiteX7" fmla="*/ 13841 w 38036"/>
                    <a:gd name="connsiteY7" fmla="*/ 17653 h 26307"/>
                    <a:gd name="connsiteX8" fmla="*/ 15036 w 38036"/>
                    <a:gd name="connsiteY8" fmla="*/ 17181 h 26307"/>
                    <a:gd name="connsiteX9" fmla="*/ 32096 w 38036"/>
                    <a:gd name="connsiteY9" fmla="*/ 962 h 26307"/>
                    <a:gd name="connsiteX10" fmla="*/ 34559 w 38036"/>
                    <a:gd name="connsiteY10" fmla="*/ 0 h 26307"/>
                    <a:gd name="connsiteX11" fmla="*/ 37022 w 38036"/>
                    <a:gd name="connsiteY11" fmla="*/ 962 h 26307"/>
                    <a:gd name="connsiteX12" fmla="*/ 38036 w 38036"/>
                    <a:gd name="connsiteY12" fmla="*/ 3302 h 26307"/>
                    <a:gd name="connsiteX13" fmla="*/ 37022 w 38036"/>
                    <a:gd name="connsiteY13" fmla="*/ 5642 h 26307"/>
                    <a:gd name="connsiteX14" fmla="*/ 16286 w 38036"/>
                    <a:gd name="connsiteY14" fmla="*/ 25346 h 26307"/>
                    <a:gd name="connsiteX15" fmla="*/ 13823 w 38036"/>
                    <a:gd name="connsiteY15" fmla="*/ 26307 h 26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 h="26307">
                      <a:moveTo>
                        <a:pt x="13841" y="26307"/>
                      </a:moveTo>
                      <a:cubicBezTo>
                        <a:pt x="12917" y="26307"/>
                        <a:pt x="12030" y="25962"/>
                        <a:pt x="11378" y="25346"/>
                      </a:cubicBezTo>
                      <a:lnTo>
                        <a:pt x="1019" y="15494"/>
                      </a:lnTo>
                      <a:cubicBezTo>
                        <a:pt x="-340" y="14206"/>
                        <a:pt x="-340" y="12101"/>
                        <a:pt x="1019" y="10813"/>
                      </a:cubicBezTo>
                      <a:cubicBezTo>
                        <a:pt x="1671" y="10196"/>
                        <a:pt x="2558" y="9852"/>
                        <a:pt x="3482" y="9852"/>
                      </a:cubicBezTo>
                      <a:cubicBezTo>
                        <a:pt x="4405" y="9852"/>
                        <a:pt x="5293" y="10196"/>
                        <a:pt x="5945" y="10813"/>
                      </a:cubicBezTo>
                      <a:lnTo>
                        <a:pt x="12646" y="17181"/>
                      </a:lnTo>
                      <a:cubicBezTo>
                        <a:pt x="12972" y="17490"/>
                        <a:pt x="13388" y="17653"/>
                        <a:pt x="13841" y="17653"/>
                      </a:cubicBezTo>
                      <a:cubicBezTo>
                        <a:pt x="14294" y="17653"/>
                        <a:pt x="14728" y="17490"/>
                        <a:pt x="15036" y="17181"/>
                      </a:cubicBezTo>
                      <a:lnTo>
                        <a:pt x="32096" y="962"/>
                      </a:lnTo>
                      <a:cubicBezTo>
                        <a:pt x="32748" y="345"/>
                        <a:pt x="33635" y="0"/>
                        <a:pt x="34559" y="0"/>
                      </a:cubicBezTo>
                      <a:cubicBezTo>
                        <a:pt x="35483" y="0"/>
                        <a:pt x="36370" y="345"/>
                        <a:pt x="37022" y="962"/>
                      </a:cubicBezTo>
                      <a:cubicBezTo>
                        <a:pt x="37674" y="1578"/>
                        <a:pt x="38036" y="2413"/>
                        <a:pt x="38036" y="3302"/>
                      </a:cubicBezTo>
                      <a:cubicBezTo>
                        <a:pt x="38036" y="4191"/>
                        <a:pt x="37674" y="5007"/>
                        <a:pt x="37022" y="5642"/>
                      </a:cubicBezTo>
                      <a:lnTo>
                        <a:pt x="16286" y="25346"/>
                      </a:lnTo>
                      <a:cubicBezTo>
                        <a:pt x="15634" y="25962"/>
                        <a:pt x="14746" y="26307"/>
                        <a:pt x="13823" y="26307"/>
                      </a:cubicBezTo>
                      <a:close/>
                    </a:path>
                  </a:pathLst>
                </a:custGeom>
                <a:solidFill>
                  <a:schemeClr val="accent2"/>
                </a:solidFill>
                <a:ln w="1793" cap="flat">
                  <a:noFill/>
                  <a:prstDash val="solid"/>
                  <a:miter/>
                </a:ln>
              </p:spPr>
              <p:txBody>
                <a:bodyPr rtlCol="0" anchor="ctr"/>
                <a:lstStyle/>
                <a:p>
                  <a:endParaRPr lang="en-AU"/>
                </a:p>
              </p:txBody>
            </p:sp>
          </p:grpSp>
        </p:grpSp>
      </p:grpSp>
      <p:sp>
        <p:nvSpPr>
          <p:cNvPr id="75" name="TextBox 74">
            <a:extLst>
              <a:ext uri="{FF2B5EF4-FFF2-40B4-BE49-F238E27FC236}">
                <a16:creationId xmlns:a16="http://schemas.microsoft.com/office/drawing/2014/main" id="{05D95FA4-6DB5-63D6-046E-D4AAEEFC44DE}"/>
              </a:ext>
            </a:extLst>
          </p:cNvPr>
          <p:cNvSpPr txBox="1"/>
          <p:nvPr/>
        </p:nvSpPr>
        <p:spPr>
          <a:xfrm>
            <a:off x="1123763" y="5106614"/>
            <a:ext cx="10381423" cy="990000"/>
          </a:xfrm>
          <a:prstGeom prst="roundRect">
            <a:avLst/>
          </a:prstGeom>
          <a:solidFill>
            <a:srgbClr val="F2F2F2"/>
          </a:solidFill>
        </p:spPr>
        <p:txBody>
          <a:bodyPr wrap="square" lIns="540000" rtlCol="0" anchor="ctr" anchorCtr="0">
            <a:noAutofit/>
          </a:bodyPr>
          <a:lstStyle/>
          <a:p>
            <a:pPr>
              <a:spcAft>
                <a:spcPts val="450"/>
              </a:spcAft>
            </a:pPr>
            <a:r>
              <a:rPr lang="en-AU"/>
              <a:t>MHSPSO should establish working groups to be directly responsible for whole‑of‑government actions outlined in the main body of the agreement</a:t>
            </a:r>
            <a:endParaRPr lang="en-US" sz="1800">
              <a:latin typeface="+mj-lt"/>
              <a:cs typeface="Arial" panose="020B0604020202020204" pitchFamily="34" charset="0"/>
            </a:endParaRPr>
          </a:p>
        </p:txBody>
      </p:sp>
      <p:grpSp>
        <p:nvGrpSpPr>
          <p:cNvPr id="76" name="Group 75">
            <a:extLst>
              <a:ext uri="{FF2B5EF4-FFF2-40B4-BE49-F238E27FC236}">
                <a16:creationId xmlns:a16="http://schemas.microsoft.com/office/drawing/2014/main" id="{A5D3E27C-B946-101D-46BA-9E6B2B5405F6}"/>
              </a:ext>
            </a:extLst>
          </p:cNvPr>
          <p:cNvGrpSpPr/>
          <p:nvPr/>
        </p:nvGrpSpPr>
        <p:grpSpPr>
          <a:xfrm>
            <a:off x="664184" y="5235632"/>
            <a:ext cx="720000" cy="720000"/>
            <a:chOff x="613114" y="4605009"/>
            <a:chExt cx="720000" cy="720000"/>
          </a:xfrm>
        </p:grpSpPr>
        <p:grpSp>
          <p:nvGrpSpPr>
            <p:cNvPr id="77" name="Group 76">
              <a:extLst>
                <a:ext uri="{FF2B5EF4-FFF2-40B4-BE49-F238E27FC236}">
                  <a16:creationId xmlns:a16="http://schemas.microsoft.com/office/drawing/2014/main" id="{337906A6-A6A7-6A79-5DFA-5EF5B0F8EEEB}"/>
                </a:ext>
              </a:extLst>
            </p:cNvPr>
            <p:cNvGrpSpPr/>
            <p:nvPr/>
          </p:nvGrpSpPr>
          <p:grpSpPr>
            <a:xfrm>
              <a:off x="613114" y="4605009"/>
              <a:ext cx="720000" cy="720000"/>
              <a:chOff x="243686" y="4641975"/>
              <a:chExt cx="478108" cy="644412"/>
            </a:xfrm>
          </p:grpSpPr>
          <p:sp>
            <p:nvSpPr>
              <p:cNvPr id="81" name="Freeform 45">
                <a:extLst>
                  <a:ext uri="{FF2B5EF4-FFF2-40B4-BE49-F238E27FC236}">
                    <a16:creationId xmlns:a16="http://schemas.microsoft.com/office/drawing/2014/main" id="{0C1908C6-AF62-CDD6-7BA8-C99A58CBFFB7}"/>
                  </a:ext>
                </a:extLst>
              </p:cNvPr>
              <p:cNvSpPr/>
              <p:nvPr/>
            </p:nvSpPr>
            <p:spPr>
              <a:xfrm>
                <a:off x="258712" y="4647407"/>
                <a:ext cx="448056" cy="60327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F2F2F2"/>
              </a:solidFill>
              <a:ln w="1793" cap="flat">
                <a:no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sp>
            <p:nvSpPr>
              <p:cNvPr id="82" name="Freeform 47">
                <a:extLst>
                  <a:ext uri="{FF2B5EF4-FFF2-40B4-BE49-F238E27FC236}">
                    <a16:creationId xmlns:a16="http://schemas.microsoft.com/office/drawing/2014/main" id="{99B2D2FB-6200-D848-A5D1-F51B1C406686}"/>
                  </a:ext>
                </a:extLst>
              </p:cNvPr>
              <p:cNvSpPr/>
              <p:nvPr/>
            </p:nvSpPr>
            <p:spPr>
              <a:xfrm>
                <a:off x="243686" y="4641975"/>
                <a:ext cx="478108" cy="644412"/>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7F7F7F"/>
              </a:solidFill>
              <a:ln w="1793" cap="flat">
                <a:solidFill>
                  <a:schemeClr val="accent6"/>
                </a:solidFill>
                <a:prstDash val="solid"/>
                <a:miter/>
              </a:ln>
            </p:spPr>
            <p:txBody>
              <a:bodyPr rtlCol="0" anchor="ctr"/>
              <a:lstStyle>
                <a:defPPr>
                  <a:defRPr lang="en-US"/>
                </a:defPPr>
                <a:lvl1pPr marL="0" algn="l" defTabSz="342739" rtl="0" eaLnBrk="1" latinLnBrk="0" hangingPunct="1">
                  <a:defRPr sz="1350" kern="1200">
                    <a:solidFill>
                      <a:schemeClr val="tx1"/>
                    </a:solidFill>
                    <a:latin typeface="+mn-lt"/>
                    <a:ea typeface="+mn-ea"/>
                    <a:cs typeface="+mn-cs"/>
                  </a:defRPr>
                </a:lvl1pPr>
                <a:lvl2pPr marL="342739" algn="l" defTabSz="342739" rtl="0" eaLnBrk="1" latinLnBrk="0" hangingPunct="1">
                  <a:defRPr sz="1350" kern="1200">
                    <a:solidFill>
                      <a:schemeClr val="tx1"/>
                    </a:solidFill>
                    <a:latin typeface="+mn-lt"/>
                    <a:ea typeface="+mn-ea"/>
                    <a:cs typeface="+mn-cs"/>
                  </a:defRPr>
                </a:lvl2pPr>
                <a:lvl3pPr marL="685471" algn="l" defTabSz="342739" rtl="0" eaLnBrk="1" latinLnBrk="0" hangingPunct="1">
                  <a:defRPr sz="1350" kern="1200">
                    <a:solidFill>
                      <a:schemeClr val="tx1"/>
                    </a:solidFill>
                    <a:latin typeface="+mn-lt"/>
                    <a:ea typeface="+mn-ea"/>
                    <a:cs typeface="+mn-cs"/>
                  </a:defRPr>
                </a:lvl3pPr>
                <a:lvl4pPr marL="1028210" algn="l" defTabSz="342739" rtl="0" eaLnBrk="1" latinLnBrk="0" hangingPunct="1">
                  <a:defRPr sz="1350" kern="1200">
                    <a:solidFill>
                      <a:schemeClr val="tx1"/>
                    </a:solidFill>
                    <a:latin typeface="+mn-lt"/>
                    <a:ea typeface="+mn-ea"/>
                    <a:cs typeface="+mn-cs"/>
                  </a:defRPr>
                </a:lvl4pPr>
                <a:lvl5pPr marL="1370942" algn="l" defTabSz="342739" rtl="0" eaLnBrk="1" latinLnBrk="0" hangingPunct="1">
                  <a:defRPr sz="1350" kern="1200">
                    <a:solidFill>
                      <a:schemeClr val="tx1"/>
                    </a:solidFill>
                    <a:latin typeface="+mn-lt"/>
                    <a:ea typeface="+mn-ea"/>
                    <a:cs typeface="+mn-cs"/>
                  </a:defRPr>
                </a:lvl5pPr>
                <a:lvl6pPr marL="1713680" algn="l" defTabSz="342739" rtl="0" eaLnBrk="1" latinLnBrk="0" hangingPunct="1">
                  <a:defRPr sz="1350" kern="1200">
                    <a:solidFill>
                      <a:schemeClr val="tx1"/>
                    </a:solidFill>
                    <a:latin typeface="+mn-lt"/>
                    <a:ea typeface="+mn-ea"/>
                    <a:cs typeface="+mn-cs"/>
                  </a:defRPr>
                </a:lvl6pPr>
                <a:lvl7pPr marL="2056413" algn="l" defTabSz="342739" rtl="0" eaLnBrk="1" latinLnBrk="0" hangingPunct="1">
                  <a:defRPr sz="1350" kern="1200">
                    <a:solidFill>
                      <a:schemeClr val="tx1"/>
                    </a:solidFill>
                    <a:latin typeface="+mn-lt"/>
                    <a:ea typeface="+mn-ea"/>
                    <a:cs typeface="+mn-cs"/>
                  </a:defRPr>
                </a:lvl7pPr>
                <a:lvl8pPr marL="2399145" algn="l" defTabSz="342739" rtl="0" eaLnBrk="1" latinLnBrk="0" hangingPunct="1">
                  <a:defRPr sz="1350" kern="1200">
                    <a:solidFill>
                      <a:schemeClr val="tx1"/>
                    </a:solidFill>
                    <a:latin typeface="+mn-lt"/>
                    <a:ea typeface="+mn-ea"/>
                    <a:cs typeface="+mn-cs"/>
                  </a:defRPr>
                </a:lvl8pPr>
                <a:lvl9pPr marL="2741877" algn="l" defTabSz="342739" rtl="0" eaLnBrk="1" latinLnBrk="0" hangingPunct="1">
                  <a:defRPr sz="1350" kern="1200">
                    <a:solidFill>
                      <a:schemeClr val="tx1"/>
                    </a:solidFill>
                    <a:latin typeface="+mn-lt"/>
                    <a:ea typeface="+mn-ea"/>
                    <a:cs typeface="+mn-cs"/>
                  </a:defRPr>
                </a:lvl9pPr>
              </a:lstStyle>
              <a:p>
                <a:endParaRPr lang="en-AU" sz="6432"/>
              </a:p>
            </p:txBody>
          </p:sp>
        </p:grpSp>
        <p:grpSp>
          <p:nvGrpSpPr>
            <p:cNvPr id="78" name="Graphic 63">
              <a:extLst>
                <a:ext uri="{FF2B5EF4-FFF2-40B4-BE49-F238E27FC236}">
                  <a16:creationId xmlns:a16="http://schemas.microsoft.com/office/drawing/2014/main" id="{8B0F5A56-AF6F-384F-AC45-B50643319EA1}"/>
                </a:ext>
              </a:extLst>
            </p:cNvPr>
            <p:cNvGrpSpPr/>
            <p:nvPr/>
          </p:nvGrpSpPr>
          <p:grpSpPr>
            <a:xfrm>
              <a:off x="748715" y="4731009"/>
              <a:ext cx="467159" cy="468000"/>
              <a:chOff x="208910" y="200315"/>
              <a:chExt cx="85118" cy="85271"/>
            </a:xfrm>
            <a:solidFill>
              <a:srgbClr val="265A9A"/>
            </a:solidFill>
          </p:grpSpPr>
          <p:sp>
            <p:nvSpPr>
              <p:cNvPr id="79" name="Freeform 4">
                <a:extLst>
                  <a:ext uri="{FF2B5EF4-FFF2-40B4-BE49-F238E27FC236}">
                    <a16:creationId xmlns:a16="http://schemas.microsoft.com/office/drawing/2014/main" id="{B4A10B2C-8171-8B01-36B9-3173D3FCD3C0}"/>
                  </a:ext>
                </a:extLst>
              </p:cNvPr>
              <p:cNvSpPr/>
              <p:nvPr/>
            </p:nvSpPr>
            <p:spPr>
              <a:xfrm>
                <a:off x="208910" y="200315"/>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7F7F7F"/>
              </a:solidFill>
              <a:ln w="1793" cap="flat">
                <a:noFill/>
                <a:prstDash val="solid"/>
                <a:miter/>
              </a:ln>
            </p:spPr>
            <p:txBody>
              <a:bodyPr rtlCol="0" anchor="ctr"/>
              <a:lstStyle/>
              <a:p>
                <a:endParaRPr lang="en-AU"/>
              </a:p>
            </p:txBody>
          </p:sp>
          <p:sp>
            <p:nvSpPr>
              <p:cNvPr id="80" name="Freeform 5">
                <a:extLst>
                  <a:ext uri="{FF2B5EF4-FFF2-40B4-BE49-F238E27FC236}">
                    <a16:creationId xmlns:a16="http://schemas.microsoft.com/office/drawing/2014/main" id="{1A5AEC27-229C-3D28-F8A5-BEFCCA3ABFD3}"/>
                  </a:ext>
                </a:extLst>
              </p:cNvPr>
              <p:cNvSpPr/>
              <p:nvPr/>
            </p:nvSpPr>
            <p:spPr>
              <a:xfrm>
                <a:off x="232449" y="229815"/>
                <a:ext cx="38036" cy="26307"/>
              </a:xfrm>
              <a:custGeom>
                <a:avLst/>
                <a:gdLst>
                  <a:gd name="connsiteX0" fmla="*/ 13841 w 38036"/>
                  <a:gd name="connsiteY0" fmla="*/ 26307 h 26307"/>
                  <a:gd name="connsiteX1" fmla="*/ 11378 w 38036"/>
                  <a:gd name="connsiteY1" fmla="*/ 25346 h 26307"/>
                  <a:gd name="connsiteX2" fmla="*/ 1019 w 38036"/>
                  <a:gd name="connsiteY2" fmla="*/ 15494 h 26307"/>
                  <a:gd name="connsiteX3" fmla="*/ 1019 w 38036"/>
                  <a:gd name="connsiteY3" fmla="*/ 10813 h 26307"/>
                  <a:gd name="connsiteX4" fmla="*/ 3482 w 38036"/>
                  <a:gd name="connsiteY4" fmla="*/ 9852 h 26307"/>
                  <a:gd name="connsiteX5" fmla="*/ 5945 w 38036"/>
                  <a:gd name="connsiteY5" fmla="*/ 10813 h 26307"/>
                  <a:gd name="connsiteX6" fmla="*/ 12646 w 38036"/>
                  <a:gd name="connsiteY6" fmla="*/ 17181 h 26307"/>
                  <a:gd name="connsiteX7" fmla="*/ 13841 w 38036"/>
                  <a:gd name="connsiteY7" fmla="*/ 17653 h 26307"/>
                  <a:gd name="connsiteX8" fmla="*/ 15036 w 38036"/>
                  <a:gd name="connsiteY8" fmla="*/ 17181 h 26307"/>
                  <a:gd name="connsiteX9" fmla="*/ 32096 w 38036"/>
                  <a:gd name="connsiteY9" fmla="*/ 962 h 26307"/>
                  <a:gd name="connsiteX10" fmla="*/ 34559 w 38036"/>
                  <a:gd name="connsiteY10" fmla="*/ 0 h 26307"/>
                  <a:gd name="connsiteX11" fmla="*/ 37022 w 38036"/>
                  <a:gd name="connsiteY11" fmla="*/ 962 h 26307"/>
                  <a:gd name="connsiteX12" fmla="*/ 38036 w 38036"/>
                  <a:gd name="connsiteY12" fmla="*/ 3302 h 26307"/>
                  <a:gd name="connsiteX13" fmla="*/ 37022 w 38036"/>
                  <a:gd name="connsiteY13" fmla="*/ 5642 h 26307"/>
                  <a:gd name="connsiteX14" fmla="*/ 16286 w 38036"/>
                  <a:gd name="connsiteY14" fmla="*/ 25346 h 26307"/>
                  <a:gd name="connsiteX15" fmla="*/ 13823 w 38036"/>
                  <a:gd name="connsiteY15" fmla="*/ 26307 h 26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 h="26307">
                    <a:moveTo>
                      <a:pt x="13841" y="26307"/>
                    </a:moveTo>
                    <a:cubicBezTo>
                      <a:pt x="12917" y="26307"/>
                      <a:pt x="12030" y="25962"/>
                      <a:pt x="11378" y="25346"/>
                    </a:cubicBezTo>
                    <a:lnTo>
                      <a:pt x="1019" y="15494"/>
                    </a:lnTo>
                    <a:cubicBezTo>
                      <a:pt x="-340" y="14206"/>
                      <a:pt x="-340" y="12101"/>
                      <a:pt x="1019" y="10813"/>
                    </a:cubicBezTo>
                    <a:cubicBezTo>
                      <a:pt x="1671" y="10196"/>
                      <a:pt x="2558" y="9852"/>
                      <a:pt x="3482" y="9852"/>
                    </a:cubicBezTo>
                    <a:cubicBezTo>
                      <a:pt x="4405" y="9852"/>
                      <a:pt x="5293" y="10196"/>
                      <a:pt x="5945" y="10813"/>
                    </a:cubicBezTo>
                    <a:lnTo>
                      <a:pt x="12646" y="17181"/>
                    </a:lnTo>
                    <a:cubicBezTo>
                      <a:pt x="12972" y="17490"/>
                      <a:pt x="13388" y="17653"/>
                      <a:pt x="13841" y="17653"/>
                    </a:cubicBezTo>
                    <a:cubicBezTo>
                      <a:pt x="14294" y="17653"/>
                      <a:pt x="14728" y="17490"/>
                      <a:pt x="15036" y="17181"/>
                    </a:cubicBezTo>
                    <a:lnTo>
                      <a:pt x="32096" y="962"/>
                    </a:lnTo>
                    <a:cubicBezTo>
                      <a:pt x="32748" y="345"/>
                      <a:pt x="33635" y="0"/>
                      <a:pt x="34559" y="0"/>
                    </a:cubicBezTo>
                    <a:cubicBezTo>
                      <a:pt x="35483" y="0"/>
                      <a:pt x="36370" y="345"/>
                      <a:pt x="37022" y="962"/>
                    </a:cubicBezTo>
                    <a:cubicBezTo>
                      <a:pt x="37674" y="1578"/>
                      <a:pt x="38036" y="2413"/>
                      <a:pt x="38036" y="3302"/>
                    </a:cubicBezTo>
                    <a:cubicBezTo>
                      <a:pt x="38036" y="4191"/>
                      <a:pt x="37674" y="5007"/>
                      <a:pt x="37022" y="5642"/>
                    </a:cubicBezTo>
                    <a:lnTo>
                      <a:pt x="16286" y="25346"/>
                    </a:lnTo>
                    <a:cubicBezTo>
                      <a:pt x="15634" y="25962"/>
                      <a:pt x="14746" y="26307"/>
                      <a:pt x="13823" y="26307"/>
                    </a:cubicBezTo>
                    <a:close/>
                  </a:path>
                </a:pathLst>
              </a:custGeom>
              <a:solidFill>
                <a:srgbClr val="7F7F7F"/>
              </a:solidFill>
              <a:ln w="1793" cap="flat">
                <a:noFill/>
                <a:prstDash val="solid"/>
                <a:miter/>
              </a:ln>
            </p:spPr>
            <p:txBody>
              <a:bodyPr rtlCol="0" anchor="ctr"/>
              <a:lstStyle/>
              <a:p>
                <a:endParaRPr lang="en-AU"/>
              </a:p>
            </p:txBody>
          </p:sp>
        </p:grpSp>
      </p:grpSp>
    </p:spTree>
    <p:custDataLst>
      <p:custData r:id="rId1"/>
      <p:custData r:id="rId2"/>
    </p:custDataLst>
    <p:extLst>
      <p:ext uri="{BB962C8B-B14F-4D97-AF65-F5344CB8AC3E}">
        <p14:creationId xmlns:p14="http://schemas.microsoft.com/office/powerpoint/2010/main" val="79874565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1DADDF-637F-D410-BB1B-F76354940693}"/>
            </a:ext>
          </a:extLst>
        </p:cNvPr>
        <p:cNvGrpSpPr/>
        <p:nvPr/>
      </p:nvGrpSpPr>
      <p:grpSpPr>
        <a:xfrm>
          <a:off x="0" y="0"/>
          <a:ext cx="0" cy="0"/>
          <a:chOff x="0" y="0"/>
          <a:chExt cx="0" cy="0"/>
        </a:xfrm>
      </p:grpSpPr>
      <p:sp>
        <p:nvSpPr>
          <p:cNvPr id="3" name="Title 2">
            <a:extLst>
              <a:ext uri="{FF2B5EF4-FFF2-40B4-BE49-F238E27FC236}">
                <a16:creationId xmlns:a16="http://schemas.microsoft.com/office/drawing/2014/main" id="{B0C3E17C-52FB-79A9-6E5C-AC2F9404D54E}"/>
              </a:ext>
            </a:extLst>
          </p:cNvPr>
          <p:cNvSpPr>
            <a:spLocks noGrp="1"/>
          </p:cNvSpPr>
          <p:nvPr>
            <p:ph type="ctrTitle"/>
          </p:nvPr>
        </p:nvSpPr>
        <p:spPr>
          <a:xfrm>
            <a:off x="569994" y="507634"/>
            <a:ext cx="11082431" cy="515848"/>
          </a:xfrm>
        </p:spPr>
        <p:txBody>
          <a:bodyPr/>
          <a:lstStyle/>
          <a:p>
            <a:r>
              <a:rPr lang="en-US"/>
              <a:t>Strengthening accountability and reporting</a:t>
            </a:r>
          </a:p>
        </p:txBody>
      </p:sp>
      <p:sp>
        <p:nvSpPr>
          <p:cNvPr id="5" name="Rectangle 4">
            <a:extLst>
              <a:ext uri="{FF2B5EF4-FFF2-40B4-BE49-F238E27FC236}">
                <a16:creationId xmlns:a16="http://schemas.microsoft.com/office/drawing/2014/main" id="{7F59DFA4-3C6A-5631-F5B8-588EC9BFFBC0}"/>
              </a:ext>
            </a:extLst>
          </p:cNvPr>
          <p:cNvSpPr/>
          <p:nvPr/>
        </p:nvSpPr>
        <p:spPr>
          <a:xfrm>
            <a:off x="569994" y="2376335"/>
            <a:ext cx="5313221" cy="3486482"/>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Ins="91440" bIns="45720" rtlCol="0" anchor="t" anchorCtr="0"/>
          <a:lstStyle/>
          <a:p>
            <a:r>
              <a:rPr lang="en-US" sz="1600">
                <a:solidFill>
                  <a:schemeClr val="tx1"/>
                </a:solidFill>
                <a:ea typeface="Open Sans"/>
                <a:cs typeface="Open Sans"/>
              </a:rPr>
              <a:t>The Australian Government should establish the National Mental Health Commission (NMHC) as an independent statutory authority </a:t>
            </a:r>
          </a:p>
          <a:p>
            <a:endParaRPr lang="en-US" sz="1600">
              <a:solidFill>
                <a:schemeClr val="tx1"/>
              </a:solidFill>
              <a:ea typeface="Open Sans"/>
              <a:cs typeface="Open Sans"/>
            </a:endParaRPr>
          </a:p>
          <a:p>
            <a:r>
              <a:rPr lang="en-US" sz="1600">
                <a:solidFill>
                  <a:schemeClr val="tx1"/>
                </a:solidFill>
                <a:ea typeface="Open Sans"/>
                <a:cs typeface="Open Sans"/>
              </a:rPr>
              <a:t>The next agreement should </a:t>
            </a:r>
            <a:r>
              <a:rPr lang="en-US" sz="1600" err="1">
                <a:solidFill>
                  <a:schemeClr val="tx1"/>
                </a:solidFill>
                <a:ea typeface="Open Sans"/>
                <a:cs typeface="Open Sans"/>
              </a:rPr>
              <a:t>formalise</a:t>
            </a:r>
            <a:r>
              <a:rPr lang="en-US" sz="1600">
                <a:solidFill>
                  <a:schemeClr val="tx1"/>
                </a:solidFill>
                <a:ea typeface="Open Sans"/>
                <a:cs typeface="Open Sans"/>
              </a:rPr>
              <a:t> the role of the NMHC as the entity responsible for ongoing monitoring, public reporting and assessment of progress against the agreement’s outcomes  </a:t>
            </a:r>
          </a:p>
          <a:p>
            <a:endParaRPr lang="en-US" sz="1600">
              <a:solidFill>
                <a:schemeClr val="tx1"/>
              </a:solidFill>
              <a:ea typeface="Open Sans"/>
              <a:cs typeface="Open Sans"/>
            </a:endParaRPr>
          </a:p>
          <a:p>
            <a:r>
              <a:rPr lang="en-US" sz="1600">
                <a:solidFill>
                  <a:schemeClr val="tx1"/>
                </a:solidFill>
                <a:ea typeface="Open Sans"/>
                <a:cs typeface="Open Sans"/>
              </a:rPr>
              <a:t>The NMHC should have legislative provisions </a:t>
            </a:r>
            <a:br>
              <a:rPr lang="en-US" sz="1600">
                <a:solidFill>
                  <a:schemeClr val="tx1"/>
                </a:solidFill>
                <a:ea typeface="Open Sans"/>
                <a:cs typeface="Open Sans"/>
              </a:rPr>
            </a:br>
            <a:r>
              <a:rPr lang="en-US" sz="1600">
                <a:solidFill>
                  <a:schemeClr val="tx1"/>
                </a:solidFill>
                <a:ea typeface="Open Sans"/>
                <a:cs typeface="Open Sans"/>
              </a:rPr>
              <a:t>to compel information from Australian, state </a:t>
            </a:r>
            <a:br>
              <a:rPr lang="en-US" sz="1600">
                <a:solidFill>
                  <a:schemeClr val="tx1"/>
                </a:solidFill>
                <a:ea typeface="Open Sans"/>
                <a:cs typeface="Open Sans"/>
              </a:rPr>
            </a:br>
            <a:r>
              <a:rPr lang="en-US" sz="1600">
                <a:solidFill>
                  <a:schemeClr val="tx1"/>
                </a:solidFill>
                <a:ea typeface="Open Sans"/>
                <a:cs typeface="Open Sans"/>
              </a:rPr>
              <a:t>and territory government agencies to fulfil its reporting role </a:t>
            </a:r>
          </a:p>
          <a:p>
            <a:endParaRPr lang="en-US" sz="1600">
              <a:solidFill>
                <a:schemeClr val="tx1"/>
              </a:solidFill>
              <a:ea typeface="Open Sans"/>
              <a:cs typeface="Open Sans"/>
            </a:endParaRPr>
          </a:p>
        </p:txBody>
      </p:sp>
      <p:sp>
        <p:nvSpPr>
          <p:cNvPr id="6" name="Rectangle 5">
            <a:extLst>
              <a:ext uri="{FF2B5EF4-FFF2-40B4-BE49-F238E27FC236}">
                <a16:creationId xmlns:a16="http://schemas.microsoft.com/office/drawing/2014/main" id="{E5F8DCAC-7002-69C7-686C-21B20D55A5DD}"/>
              </a:ext>
            </a:extLst>
          </p:cNvPr>
          <p:cNvSpPr/>
          <p:nvPr/>
        </p:nvSpPr>
        <p:spPr>
          <a:xfrm>
            <a:off x="569994" y="1653521"/>
            <a:ext cx="5313221" cy="579725"/>
          </a:xfrm>
          <a:prstGeom prst="rect">
            <a:avLst/>
          </a:prstGeom>
          <a:solidFill>
            <a:schemeClr val="bg2"/>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44000" rtlCol="0" anchor="t" anchorCtr="0"/>
          <a:lstStyle/>
          <a:p>
            <a:r>
              <a:rPr lang="en-US" sz="2000" b="1">
                <a:solidFill>
                  <a:schemeClr val="bg1"/>
                </a:solidFill>
              </a:rPr>
              <a:t>National Mental Health Commission</a:t>
            </a:r>
          </a:p>
        </p:txBody>
      </p:sp>
      <p:sp>
        <p:nvSpPr>
          <p:cNvPr id="7" name="Rectangle 6">
            <a:extLst>
              <a:ext uri="{FF2B5EF4-FFF2-40B4-BE49-F238E27FC236}">
                <a16:creationId xmlns:a16="http://schemas.microsoft.com/office/drawing/2014/main" id="{F9532CCF-A712-CF71-84C3-E906F1DE3344}"/>
              </a:ext>
            </a:extLst>
          </p:cNvPr>
          <p:cNvSpPr/>
          <p:nvPr/>
        </p:nvSpPr>
        <p:spPr>
          <a:xfrm>
            <a:off x="6068097" y="1653520"/>
            <a:ext cx="5383392" cy="579725"/>
          </a:xfrm>
          <a:prstGeom prst="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44000" rtlCol="0" anchor="t" anchorCtr="0"/>
          <a:lstStyle/>
          <a:p>
            <a:r>
              <a:rPr lang="en-US" sz="2000" b="1">
                <a:solidFill>
                  <a:schemeClr val="bg1"/>
                </a:solidFill>
              </a:rPr>
              <a:t>National Suicide Prevention Office</a:t>
            </a:r>
          </a:p>
        </p:txBody>
      </p:sp>
      <p:sp>
        <p:nvSpPr>
          <p:cNvPr id="9" name="Rectangle 8">
            <a:extLst>
              <a:ext uri="{FF2B5EF4-FFF2-40B4-BE49-F238E27FC236}">
                <a16:creationId xmlns:a16="http://schemas.microsoft.com/office/drawing/2014/main" id="{0994D655-9B7E-409A-5186-18C76FD29758}"/>
              </a:ext>
            </a:extLst>
          </p:cNvPr>
          <p:cNvSpPr/>
          <p:nvPr/>
        </p:nvSpPr>
        <p:spPr>
          <a:xfrm>
            <a:off x="6068097" y="2376335"/>
            <a:ext cx="5383392" cy="3486482"/>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endParaRPr lang="en-US">
              <a:solidFill>
                <a:schemeClr val="tx1"/>
              </a:solidFill>
            </a:endParaRPr>
          </a:p>
          <a:p>
            <a:r>
              <a:rPr lang="en-US" sz="1600">
                <a:solidFill>
                  <a:schemeClr val="tx1"/>
                </a:solidFill>
              </a:rPr>
              <a:t>The National Suicide Prevention Office should be given an advisory role in monitoring and reporting on the next agreement</a:t>
            </a:r>
          </a:p>
          <a:p>
            <a:endParaRPr lang="en-US" sz="1600">
              <a:solidFill>
                <a:schemeClr val="tx1"/>
              </a:solidFill>
            </a:endParaRPr>
          </a:p>
          <a:p>
            <a:r>
              <a:rPr lang="en-US" sz="1600">
                <a:solidFill>
                  <a:schemeClr val="tx1"/>
                </a:solidFill>
              </a:rPr>
              <a:t>It should also be responsible for monitoring and reporting on progress against the suicide prevention schedule </a:t>
            </a:r>
          </a:p>
        </p:txBody>
      </p:sp>
      <p:sp>
        <p:nvSpPr>
          <p:cNvPr id="2" name="Subtitle 4">
            <a:extLst>
              <a:ext uri="{FF2B5EF4-FFF2-40B4-BE49-F238E27FC236}">
                <a16:creationId xmlns:a16="http://schemas.microsoft.com/office/drawing/2014/main" id="{C1B4AEB9-DE6B-FDDE-804F-1216CE6F9119}"/>
              </a:ext>
            </a:extLst>
          </p:cNvPr>
          <p:cNvSpPr>
            <a:spLocks noGrp="1"/>
          </p:cNvSpPr>
          <p:nvPr>
            <p:ph type="subTitle" idx="1"/>
          </p:nvPr>
        </p:nvSpPr>
        <p:spPr>
          <a:xfrm>
            <a:off x="569995" y="1124689"/>
            <a:ext cx="11082431" cy="401819"/>
          </a:xfrm>
        </p:spPr>
        <p:txBody>
          <a:bodyPr/>
          <a:lstStyle/>
          <a:p>
            <a:r>
              <a:rPr lang="en-US"/>
              <a:t>Oversight bodies should be empowered through the next agreement</a:t>
            </a:r>
            <a:endParaRPr lang="en-AU"/>
          </a:p>
        </p:txBody>
      </p:sp>
      <p:grpSp>
        <p:nvGrpSpPr>
          <p:cNvPr id="4" name="Group 3">
            <a:extLst>
              <a:ext uri="{FF2B5EF4-FFF2-40B4-BE49-F238E27FC236}">
                <a16:creationId xmlns:a16="http://schemas.microsoft.com/office/drawing/2014/main" id="{09D43519-FC74-74C4-EA31-DC2D55F60790}"/>
              </a:ext>
            </a:extLst>
          </p:cNvPr>
          <p:cNvGrpSpPr/>
          <p:nvPr/>
        </p:nvGrpSpPr>
        <p:grpSpPr>
          <a:xfrm>
            <a:off x="11100406" y="561665"/>
            <a:ext cx="589607" cy="650926"/>
            <a:chOff x="2839021" y="3571240"/>
            <a:chExt cx="419148" cy="419626"/>
          </a:xfrm>
        </p:grpSpPr>
        <p:sp>
          <p:nvSpPr>
            <p:cNvPr id="8" name="Graphic 2">
              <a:extLst>
                <a:ext uri="{FF2B5EF4-FFF2-40B4-BE49-F238E27FC236}">
                  <a16:creationId xmlns:a16="http://schemas.microsoft.com/office/drawing/2014/main" id="{F25F4F6D-F8A4-A62A-2EA5-FF9E8C14DBAA}"/>
                </a:ext>
              </a:extLst>
            </p:cNvPr>
            <p:cNvSpPr/>
            <p:nvPr/>
          </p:nvSpPr>
          <p:spPr>
            <a:xfrm>
              <a:off x="2848927" y="3581431"/>
              <a:ext cx="53149" cy="392906"/>
            </a:xfrm>
            <a:custGeom>
              <a:avLst/>
              <a:gdLst>
                <a:gd name="connsiteX0" fmla="*/ 0 w 53149"/>
                <a:gd name="connsiteY0" fmla="*/ 0 h 392906"/>
                <a:gd name="connsiteX1" fmla="*/ 53150 w 53149"/>
                <a:gd name="connsiteY1" fmla="*/ 0 h 392906"/>
                <a:gd name="connsiteX2" fmla="*/ 53150 w 53149"/>
                <a:gd name="connsiteY2" fmla="*/ 392906 h 392906"/>
                <a:gd name="connsiteX3" fmla="*/ 0 w 53149"/>
                <a:gd name="connsiteY3" fmla="*/ 392906 h 392906"/>
              </a:gdLst>
              <a:ahLst/>
              <a:cxnLst>
                <a:cxn ang="0">
                  <a:pos x="connsiteX0" y="connsiteY0"/>
                </a:cxn>
                <a:cxn ang="0">
                  <a:pos x="connsiteX1" y="connsiteY1"/>
                </a:cxn>
                <a:cxn ang="0">
                  <a:pos x="connsiteX2" y="connsiteY2"/>
                </a:cxn>
                <a:cxn ang="0">
                  <a:pos x="connsiteX3" y="connsiteY3"/>
                </a:cxn>
              </a:cxnLst>
              <a:rect l="l" t="t" r="r" b="b"/>
              <a:pathLst>
                <a:path w="53149" h="392906">
                  <a:moveTo>
                    <a:pt x="0" y="0"/>
                  </a:moveTo>
                  <a:lnTo>
                    <a:pt x="53150" y="0"/>
                  </a:lnTo>
                  <a:lnTo>
                    <a:pt x="53150" y="392906"/>
                  </a:lnTo>
                  <a:lnTo>
                    <a:pt x="0" y="392906"/>
                  </a:lnTo>
                  <a:close/>
                </a:path>
              </a:pathLst>
            </a:custGeom>
            <a:solidFill>
              <a:srgbClr val="C7E4F1"/>
            </a:solidFill>
            <a:ln w="9525" cap="flat">
              <a:noFill/>
              <a:prstDash val="solid"/>
              <a:miter/>
            </a:ln>
          </p:spPr>
          <p:txBody>
            <a:bodyPr rtlCol="0" anchor="ctr"/>
            <a:lstStyle/>
            <a:p>
              <a:endParaRPr lang="en-AU" sz="153"/>
            </a:p>
          </p:txBody>
        </p:sp>
        <p:sp>
          <p:nvSpPr>
            <p:cNvPr id="10" name="Graphic 2">
              <a:extLst>
                <a:ext uri="{FF2B5EF4-FFF2-40B4-BE49-F238E27FC236}">
                  <a16:creationId xmlns:a16="http://schemas.microsoft.com/office/drawing/2014/main" id="{A04FD91A-AD4A-08BE-D307-EF88F1285B39}"/>
                </a:ext>
              </a:extLst>
            </p:cNvPr>
            <p:cNvSpPr/>
            <p:nvPr/>
          </p:nvSpPr>
          <p:spPr>
            <a:xfrm>
              <a:off x="2957703" y="3581241"/>
              <a:ext cx="292227" cy="397478"/>
            </a:xfrm>
            <a:custGeom>
              <a:avLst/>
              <a:gdLst>
                <a:gd name="connsiteX0" fmla="*/ 291560 w 292227"/>
                <a:gd name="connsiteY0" fmla="*/ 292513 h 397478"/>
                <a:gd name="connsiteX1" fmla="*/ 287845 w 292227"/>
                <a:gd name="connsiteY1" fmla="*/ 85725 h 397478"/>
                <a:gd name="connsiteX2" fmla="*/ 198501 w 292227"/>
                <a:gd name="connsiteY2" fmla="*/ 85725 h 397478"/>
                <a:gd name="connsiteX3" fmla="*/ 198501 w 292227"/>
                <a:gd name="connsiteY3" fmla="*/ 0 h 397478"/>
                <a:gd name="connsiteX4" fmla="*/ 0 w 292227"/>
                <a:gd name="connsiteY4" fmla="*/ 0 h 397478"/>
                <a:gd name="connsiteX5" fmla="*/ 0 w 292227"/>
                <a:gd name="connsiteY5" fmla="*/ 392906 h 397478"/>
                <a:gd name="connsiteX6" fmla="*/ 199263 w 292227"/>
                <a:gd name="connsiteY6" fmla="*/ 392906 h 397478"/>
                <a:gd name="connsiteX7" fmla="*/ 201073 w 292227"/>
                <a:gd name="connsiteY7" fmla="*/ 391668 h 397478"/>
                <a:gd name="connsiteX8" fmla="*/ 217075 w 292227"/>
                <a:gd name="connsiteY8" fmla="*/ 397478 h 397478"/>
                <a:gd name="connsiteX9" fmla="*/ 281750 w 292227"/>
                <a:gd name="connsiteY9" fmla="*/ 397478 h 397478"/>
                <a:gd name="connsiteX10" fmla="*/ 292227 w 292227"/>
                <a:gd name="connsiteY10" fmla="*/ 387001 h 397478"/>
                <a:gd name="connsiteX11" fmla="*/ 292227 w 292227"/>
                <a:gd name="connsiteY11" fmla="*/ 290322 h 397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92227" h="397478">
                  <a:moveTo>
                    <a:pt x="291560" y="292513"/>
                  </a:moveTo>
                  <a:lnTo>
                    <a:pt x="287845" y="85725"/>
                  </a:lnTo>
                  <a:lnTo>
                    <a:pt x="198501" y="85725"/>
                  </a:lnTo>
                  <a:lnTo>
                    <a:pt x="198501" y="0"/>
                  </a:lnTo>
                  <a:lnTo>
                    <a:pt x="0" y="0"/>
                  </a:lnTo>
                  <a:lnTo>
                    <a:pt x="0" y="392906"/>
                  </a:lnTo>
                  <a:lnTo>
                    <a:pt x="199263" y="392906"/>
                  </a:lnTo>
                  <a:lnTo>
                    <a:pt x="201073" y="391668"/>
                  </a:lnTo>
                  <a:lnTo>
                    <a:pt x="217075" y="397478"/>
                  </a:lnTo>
                  <a:lnTo>
                    <a:pt x="281750" y="397478"/>
                  </a:lnTo>
                  <a:cubicBezTo>
                    <a:pt x="287541" y="397478"/>
                    <a:pt x="292227" y="392792"/>
                    <a:pt x="292227" y="387001"/>
                  </a:cubicBezTo>
                  <a:lnTo>
                    <a:pt x="292227" y="290322"/>
                  </a:lnTo>
                  <a:close/>
                </a:path>
              </a:pathLst>
            </a:custGeom>
            <a:solidFill>
              <a:srgbClr val="C7E4F1"/>
            </a:solidFill>
            <a:ln w="9525" cap="flat">
              <a:noFill/>
              <a:prstDash val="solid"/>
              <a:miter/>
            </a:ln>
          </p:spPr>
          <p:txBody>
            <a:bodyPr rtlCol="0" anchor="ctr"/>
            <a:lstStyle/>
            <a:p>
              <a:endParaRPr lang="en-AU" sz="153"/>
            </a:p>
          </p:txBody>
        </p:sp>
        <p:sp>
          <p:nvSpPr>
            <p:cNvPr id="11" name="Graphic 2">
              <a:extLst>
                <a:ext uri="{FF2B5EF4-FFF2-40B4-BE49-F238E27FC236}">
                  <a16:creationId xmlns:a16="http://schemas.microsoft.com/office/drawing/2014/main" id="{C3287FFA-0B17-A4D6-D7A5-B4568583D9D8}"/>
                </a:ext>
              </a:extLst>
            </p:cNvPr>
            <p:cNvSpPr/>
            <p:nvPr/>
          </p:nvSpPr>
          <p:spPr>
            <a:xfrm>
              <a:off x="3017424" y="3735927"/>
              <a:ext cx="169925" cy="169926"/>
            </a:xfrm>
            <a:custGeom>
              <a:avLst/>
              <a:gdLst>
                <a:gd name="connsiteX0" fmla="*/ 169926 w 169925"/>
                <a:gd name="connsiteY0" fmla="*/ 84963 h 169926"/>
                <a:gd name="connsiteX1" fmla="*/ 84963 w 169925"/>
                <a:gd name="connsiteY1" fmla="*/ 169926 h 169926"/>
                <a:gd name="connsiteX2" fmla="*/ 0 w 169925"/>
                <a:gd name="connsiteY2" fmla="*/ 84963 h 169926"/>
                <a:gd name="connsiteX3" fmla="*/ 84963 w 169925"/>
                <a:gd name="connsiteY3" fmla="*/ 0 h 169926"/>
                <a:gd name="connsiteX4" fmla="*/ 169926 w 169925"/>
                <a:gd name="connsiteY4" fmla="*/ 84963 h 1699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25" h="169926">
                  <a:moveTo>
                    <a:pt x="169926" y="84963"/>
                  </a:moveTo>
                  <a:cubicBezTo>
                    <a:pt x="169926" y="131887"/>
                    <a:pt x="131887" y="169926"/>
                    <a:pt x="84963" y="169926"/>
                  </a:cubicBezTo>
                  <a:cubicBezTo>
                    <a:pt x="38039" y="169926"/>
                    <a:pt x="0" y="131887"/>
                    <a:pt x="0" y="84963"/>
                  </a:cubicBezTo>
                  <a:cubicBezTo>
                    <a:pt x="0" y="38039"/>
                    <a:pt x="38039" y="0"/>
                    <a:pt x="84963" y="0"/>
                  </a:cubicBezTo>
                  <a:cubicBezTo>
                    <a:pt x="131887" y="0"/>
                    <a:pt x="169926" y="38039"/>
                    <a:pt x="169926" y="84963"/>
                  </a:cubicBezTo>
                  <a:close/>
                </a:path>
              </a:pathLst>
            </a:custGeom>
            <a:solidFill>
              <a:srgbClr val="66B9DA"/>
            </a:solidFill>
            <a:ln w="9525" cap="flat">
              <a:noFill/>
              <a:prstDash val="solid"/>
              <a:miter/>
            </a:ln>
          </p:spPr>
          <p:txBody>
            <a:bodyPr rtlCol="0" anchor="ctr"/>
            <a:lstStyle/>
            <a:p>
              <a:endParaRPr lang="en-AU" sz="153"/>
            </a:p>
          </p:txBody>
        </p:sp>
        <p:sp>
          <p:nvSpPr>
            <p:cNvPr id="12" name="Graphic 2">
              <a:extLst>
                <a:ext uri="{FF2B5EF4-FFF2-40B4-BE49-F238E27FC236}">
                  <a16:creationId xmlns:a16="http://schemas.microsoft.com/office/drawing/2014/main" id="{C473A0DD-DD3B-64AF-86D7-7AADE8F7B75C}"/>
                </a:ext>
              </a:extLst>
            </p:cNvPr>
            <p:cNvSpPr/>
            <p:nvPr/>
          </p:nvSpPr>
          <p:spPr>
            <a:xfrm>
              <a:off x="3053326" y="3785597"/>
              <a:ext cx="98355" cy="71011"/>
            </a:xfrm>
            <a:custGeom>
              <a:avLst/>
              <a:gdLst>
                <a:gd name="connsiteX0" fmla="*/ 35726 w 98355"/>
                <a:gd name="connsiteY0" fmla="*/ 71011 h 71011"/>
                <a:gd name="connsiteX1" fmla="*/ 29344 w 98355"/>
                <a:gd name="connsiteY1" fmla="*/ 68440 h 71011"/>
                <a:gd name="connsiteX2" fmla="*/ 2674 w 98355"/>
                <a:gd name="connsiteY2" fmla="*/ 41674 h 71011"/>
                <a:gd name="connsiteX3" fmla="*/ 2570 w 98355"/>
                <a:gd name="connsiteY3" fmla="*/ 29016 h 71011"/>
                <a:gd name="connsiteX4" fmla="*/ 8961 w 98355"/>
                <a:gd name="connsiteY4" fmla="*/ 26339 h 71011"/>
                <a:gd name="connsiteX5" fmla="*/ 15343 w 98355"/>
                <a:gd name="connsiteY5" fmla="*/ 28911 h 71011"/>
                <a:gd name="connsiteX6" fmla="*/ 32773 w 98355"/>
                <a:gd name="connsiteY6" fmla="*/ 46627 h 71011"/>
                <a:gd name="connsiteX7" fmla="*/ 39060 w 98355"/>
                <a:gd name="connsiteY7" fmla="*/ 46627 h 71011"/>
                <a:gd name="connsiteX8" fmla="*/ 83065 w 98355"/>
                <a:gd name="connsiteY8" fmla="*/ 2622 h 71011"/>
                <a:gd name="connsiteX9" fmla="*/ 95734 w 98355"/>
                <a:gd name="connsiteY9" fmla="*/ 2622 h 71011"/>
                <a:gd name="connsiteX10" fmla="*/ 95734 w 98355"/>
                <a:gd name="connsiteY10" fmla="*/ 15290 h 71011"/>
                <a:gd name="connsiteX11" fmla="*/ 42298 w 98355"/>
                <a:gd name="connsiteY11" fmla="*/ 68440 h 71011"/>
                <a:gd name="connsiteX12" fmla="*/ 35726 w 98355"/>
                <a:gd name="connsiteY12" fmla="*/ 71011 h 71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8355" h="71011">
                  <a:moveTo>
                    <a:pt x="35726" y="71011"/>
                  </a:moveTo>
                  <a:cubicBezTo>
                    <a:pt x="33355" y="70983"/>
                    <a:pt x="31078" y="70059"/>
                    <a:pt x="29344" y="68440"/>
                  </a:cubicBezTo>
                  <a:lnTo>
                    <a:pt x="2674" y="41674"/>
                  </a:lnTo>
                  <a:cubicBezTo>
                    <a:pt x="-850" y="38207"/>
                    <a:pt x="-897" y="32540"/>
                    <a:pt x="2570" y="29016"/>
                  </a:cubicBezTo>
                  <a:cubicBezTo>
                    <a:pt x="4256" y="27301"/>
                    <a:pt x="6561" y="26339"/>
                    <a:pt x="8961" y="26339"/>
                  </a:cubicBezTo>
                  <a:cubicBezTo>
                    <a:pt x="11333" y="26367"/>
                    <a:pt x="13609" y="27292"/>
                    <a:pt x="15343" y="28911"/>
                  </a:cubicBezTo>
                  <a:lnTo>
                    <a:pt x="32773" y="46627"/>
                  </a:lnTo>
                  <a:cubicBezTo>
                    <a:pt x="34536" y="48294"/>
                    <a:pt x="37298" y="48294"/>
                    <a:pt x="39060" y="46627"/>
                  </a:cubicBezTo>
                  <a:lnTo>
                    <a:pt x="83065" y="2622"/>
                  </a:lnTo>
                  <a:cubicBezTo>
                    <a:pt x="86561" y="-874"/>
                    <a:pt x="92238" y="-874"/>
                    <a:pt x="95734" y="2622"/>
                  </a:cubicBezTo>
                  <a:cubicBezTo>
                    <a:pt x="99229" y="6118"/>
                    <a:pt x="99229" y="11794"/>
                    <a:pt x="95734" y="15290"/>
                  </a:cubicBezTo>
                  <a:lnTo>
                    <a:pt x="42298" y="68440"/>
                  </a:lnTo>
                  <a:cubicBezTo>
                    <a:pt x="40517" y="70106"/>
                    <a:pt x="38165" y="71030"/>
                    <a:pt x="35726" y="71011"/>
                  </a:cubicBezTo>
                  <a:close/>
                </a:path>
              </a:pathLst>
            </a:custGeom>
            <a:solidFill>
              <a:srgbClr val="265998"/>
            </a:solidFill>
            <a:ln w="9525" cap="flat">
              <a:noFill/>
              <a:prstDash val="solid"/>
              <a:miter/>
            </a:ln>
          </p:spPr>
          <p:txBody>
            <a:bodyPr rtlCol="0" anchor="ctr"/>
            <a:lstStyle/>
            <a:p>
              <a:endParaRPr lang="en-AU" sz="153"/>
            </a:p>
          </p:txBody>
        </p:sp>
        <p:sp>
          <p:nvSpPr>
            <p:cNvPr id="13" name="Graphic 2">
              <a:extLst>
                <a:ext uri="{FF2B5EF4-FFF2-40B4-BE49-F238E27FC236}">
                  <a16:creationId xmlns:a16="http://schemas.microsoft.com/office/drawing/2014/main" id="{7882E6DA-E8AB-8B7E-E95D-1CC1A37BD26E}"/>
                </a:ext>
              </a:extLst>
            </p:cNvPr>
            <p:cNvSpPr/>
            <p:nvPr/>
          </p:nvSpPr>
          <p:spPr>
            <a:xfrm>
              <a:off x="2839021" y="3571240"/>
              <a:ext cx="419148" cy="419626"/>
            </a:xfrm>
            <a:custGeom>
              <a:avLst/>
              <a:gdLst>
                <a:gd name="connsiteX0" fmla="*/ 8954 w 419148"/>
                <a:gd name="connsiteY0" fmla="*/ 419100 h 419626"/>
                <a:gd name="connsiteX1" fmla="*/ 0 w 419148"/>
                <a:gd name="connsiteY1" fmla="*/ 410146 h 419626"/>
                <a:gd name="connsiteX2" fmla="*/ 0 w 419148"/>
                <a:gd name="connsiteY2" fmla="*/ 8954 h 419626"/>
                <a:gd name="connsiteX3" fmla="*/ 8954 w 419148"/>
                <a:gd name="connsiteY3" fmla="*/ 0 h 419626"/>
                <a:gd name="connsiteX4" fmla="*/ 316516 w 419148"/>
                <a:gd name="connsiteY4" fmla="*/ 0 h 419626"/>
                <a:gd name="connsiteX5" fmla="*/ 322897 w 419148"/>
                <a:gd name="connsiteY5" fmla="*/ 2667 h 419626"/>
                <a:gd name="connsiteX6" fmla="*/ 416433 w 419148"/>
                <a:gd name="connsiteY6" fmla="*/ 96203 h 419626"/>
                <a:gd name="connsiteX7" fmla="*/ 419100 w 419148"/>
                <a:gd name="connsiteY7" fmla="*/ 102489 h 419626"/>
                <a:gd name="connsiteX8" fmla="*/ 419100 w 419148"/>
                <a:gd name="connsiteY8" fmla="*/ 329851 h 419626"/>
                <a:gd name="connsiteX9" fmla="*/ 411023 w 419148"/>
                <a:gd name="connsiteY9" fmla="*/ 339776 h 419626"/>
                <a:gd name="connsiteX10" fmla="*/ 401098 w 419148"/>
                <a:gd name="connsiteY10" fmla="*/ 331708 h 419626"/>
                <a:gd name="connsiteX11" fmla="*/ 401098 w 419148"/>
                <a:gd name="connsiteY11" fmla="*/ 329851 h 419626"/>
                <a:gd name="connsiteX12" fmla="*/ 401098 w 419148"/>
                <a:gd name="connsiteY12" fmla="*/ 115919 h 419626"/>
                <a:gd name="connsiteX13" fmla="*/ 396716 w 419148"/>
                <a:gd name="connsiteY13" fmla="*/ 111538 h 419626"/>
                <a:gd name="connsiteX14" fmla="*/ 316516 w 419148"/>
                <a:gd name="connsiteY14" fmla="*/ 111538 h 419626"/>
                <a:gd name="connsiteX15" fmla="*/ 307562 w 419148"/>
                <a:gd name="connsiteY15" fmla="*/ 102584 h 419626"/>
                <a:gd name="connsiteX16" fmla="*/ 307562 w 419148"/>
                <a:gd name="connsiteY16" fmla="*/ 22860 h 419626"/>
                <a:gd name="connsiteX17" fmla="*/ 303181 w 419148"/>
                <a:gd name="connsiteY17" fmla="*/ 18479 h 419626"/>
                <a:gd name="connsiteX18" fmla="*/ 129730 w 419148"/>
                <a:gd name="connsiteY18" fmla="*/ 18479 h 419626"/>
                <a:gd name="connsiteX19" fmla="*/ 125254 w 419148"/>
                <a:gd name="connsiteY19" fmla="*/ 22765 h 419626"/>
                <a:gd name="connsiteX20" fmla="*/ 125254 w 419148"/>
                <a:gd name="connsiteY20" fmla="*/ 22860 h 419626"/>
                <a:gd name="connsiteX21" fmla="*/ 125254 w 419148"/>
                <a:gd name="connsiteY21" fmla="*/ 397192 h 419626"/>
                <a:gd name="connsiteX22" fmla="*/ 129635 w 419148"/>
                <a:gd name="connsiteY22" fmla="*/ 401574 h 419626"/>
                <a:gd name="connsiteX23" fmla="*/ 129730 w 419148"/>
                <a:gd name="connsiteY23" fmla="*/ 401574 h 419626"/>
                <a:gd name="connsiteX24" fmla="*/ 356902 w 419148"/>
                <a:gd name="connsiteY24" fmla="*/ 401574 h 419626"/>
                <a:gd name="connsiteX25" fmla="*/ 366827 w 419148"/>
                <a:gd name="connsiteY25" fmla="*/ 409651 h 419626"/>
                <a:gd name="connsiteX26" fmla="*/ 358759 w 419148"/>
                <a:gd name="connsiteY26" fmla="*/ 419576 h 419626"/>
                <a:gd name="connsiteX27" fmla="*/ 356902 w 419148"/>
                <a:gd name="connsiteY27" fmla="*/ 419576 h 419626"/>
                <a:gd name="connsiteX28" fmla="*/ 75629 w 419148"/>
                <a:gd name="connsiteY28" fmla="*/ 18002 h 419626"/>
                <a:gd name="connsiteX29" fmla="*/ 71247 w 419148"/>
                <a:gd name="connsiteY29" fmla="*/ 22384 h 419626"/>
                <a:gd name="connsiteX30" fmla="*/ 71247 w 419148"/>
                <a:gd name="connsiteY30" fmla="*/ 396716 h 419626"/>
                <a:gd name="connsiteX31" fmla="*/ 75629 w 419148"/>
                <a:gd name="connsiteY31" fmla="*/ 401098 h 419626"/>
                <a:gd name="connsiteX32" fmla="*/ 102394 w 419148"/>
                <a:gd name="connsiteY32" fmla="*/ 401098 h 419626"/>
                <a:gd name="connsiteX33" fmla="*/ 106775 w 419148"/>
                <a:gd name="connsiteY33" fmla="*/ 396716 h 419626"/>
                <a:gd name="connsiteX34" fmla="*/ 106775 w 419148"/>
                <a:gd name="connsiteY34" fmla="*/ 22860 h 419626"/>
                <a:gd name="connsiteX35" fmla="*/ 102394 w 419148"/>
                <a:gd name="connsiteY35" fmla="*/ 18479 h 419626"/>
                <a:gd name="connsiteX36" fmla="*/ 22193 w 419148"/>
                <a:gd name="connsiteY36" fmla="*/ 18002 h 419626"/>
                <a:gd name="connsiteX37" fmla="*/ 17717 w 419148"/>
                <a:gd name="connsiteY37" fmla="*/ 22288 h 419626"/>
                <a:gd name="connsiteX38" fmla="*/ 17717 w 419148"/>
                <a:gd name="connsiteY38" fmla="*/ 22384 h 419626"/>
                <a:gd name="connsiteX39" fmla="*/ 17717 w 419148"/>
                <a:gd name="connsiteY39" fmla="*/ 396716 h 419626"/>
                <a:gd name="connsiteX40" fmla="*/ 22098 w 419148"/>
                <a:gd name="connsiteY40" fmla="*/ 401098 h 419626"/>
                <a:gd name="connsiteX41" fmla="*/ 22193 w 419148"/>
                <a:gd name="connsiteY41" fmla="*/ 401098 h 419626"/>
                <a:gd name="connsiteX42" fmla="*/ 48863 w 419148"/>
                <a:gd name="connsiteY42" fmla="*/ 401098 h 419626"/>
                <a:gd name="connsiteX43" fmla="*/ 53245 w 419148"/>
                <a:gd name="connsiteY43" fmla="*/ 396907 h 419626"/>
                <a:gd name="connsiteX44" fmla="*/ 53245 w 419148"/>
                <a:gd name="connsiteY44" fmla="*/ 396716 h 419626"/>
                <a:gd name="connsiteX45" fmla="*/ 53245 w 419148"/>
                <a:gd name="connsiteY45" fmla="*/ 22860 h 419626"/>
                <a:gd name="connsiteX46" fmla="*/ 49054 w 419148"/>
                <a:gd name="connsiteY46" fmla="*/ 18479 h 419626"/>
                <a:gd name="connsiteX47" fmla="*/ 48863 w 419148"/>
                <a:gd name="connsiteY47" fmla="*/ 18479 h 419626"/>
                <a:gd name="connsiteX48" fmla="*/ 329660 w 419148"/>
                <a:gd name="connsiteY48" fmla="*/ 37052 h 419626"/>
                <a:gd name="connsiteX49" fmla="*/ 325279 w 419148"/>
                <a:gd name="connsiteY49" fmla="*/ 41243 h 419626"/>
                <a:gd name="connsiteX50" fmla="*/ 325279 w 419148"/>
                <a:gd name="connsiteY50" fmla="*/ 41434 h 419626"/>
                <a:gd name="connsiteX51" fmla="*/ 325279 w 419148"/>
                <a:gd name="connsiteY51" fmla="*/ 89059 h 419626"/>
                <a:gd name="connsiteX52" fmla="*/ 329660 w 419148"/>
                <a:gd name="connsiteY52" fmla="*/ 93440 h 419626"/>
                <a:gd name="connsiteX53" fmla="*/ 377285 w 419148"/>
                <a:gd name="connsiteY53" fmla="*/ 93440 h 419626"/>
                <a:gd name="connsiteX54" fmla="*/ 381381 w 419148"/>
                <a:gd name="connsiteY54" fmla="*/ 90678 h 419626"/>
                <a:gd name="connsiteX55" fmla="*/ 380429 w 419148"/>
                <a:gd name="connsiteY55" fmla="*/ 85915 h 419626"/>
                <a:gd name="connsiteX56" fmla="*/ 332804 w 419148"/>
                <a:gd name="connsiteY56" fmla="*/ 38290 h 419626"/>
                <a:gd name="connsiteX57" fmla="*/ 330232 w 419148"/>
                <a:gd name="connsiteY57" fmla="*/ 36862 h 419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419148" h="419626">
                  <a:moveTo>
                    <a:pt x="8954" y="419100"/>
                  </a:moveTo>
                  <a:cubicBezTo>
                    <a:pt x="4010" y="419100"/>
                    <a:pt x="0" y="415090"/>
                    <a:pt x="0" y="410146"/>
                  </a:cubicBezTo>
                  <a:lnTo>
                    <a:pt x="0" y="8954"/>
                  </a:lnTo>
                  <a:cubicBezTo>
                    <a:pt x="0" y="4010"/>
                    <a:pt x="4010" y="0"/>
                    <a:pt x="8954" y="0"/>
                  </a:cubicBezTo>
                  <a:lnTo>
                    <a:pt x="316516" y="0"/>
                  </a:lnTo>
                  <a:cubicBezTo>
                    <a:pt x="318906" y="57"/>
                    <a:pt x="321183" y="1010"/>
                    <a:pt x="322897" y="2667"/>
                  </a:cubicBezTo>
                  <a:lnTo>
                    <a:pt x="416433" y="96203"/>
                  </a:lnTo>
                  <a:cubicBezTo>
                    <a:pt x="418138" y="97850"/>
                    <a:pt x="419100" y="100117"/>
                    <a:pt x="419100" y="102489"/>
                  </a:cubicBezTo>
                  <a:lnTo>
                    <a:pt x="419100" y="329851"/>
                  </a:lnTo>
                  <a:cubicBezTo>
                    <a:pt x="419615" y="334823"/>
                    <a:pt x="415995" y="339271"/>
                    <a:pt x="411023" y="339776"/>
                  </a:cubicBezTo>
                  <a:cubicBezTo>
                    <a:pt x="406051" y="340290"/>
                    <a:pt x="401612" y="336680"/>
                    <a:pt x="401098" y="331708"/>
                  </a:cubicBezTo>
                  <a:cubicBezTo>
                    <a:pt x="401031" y="331089"/>
                    <a:pt x="401031" y="330470"/>
                    <a:pt x="401098" y="329851"/>
                  </a:cubicBezTo>
                  <a:lnTo>
                    <a:pt x="401098" y="115919"/>
                  </a:lnTo>
                  <a:cubicBezTo>
                    <a:pt x="401098" y="113500"/>
                    <a:pt x="399136" y="111538"/>
                    <a:pt x="396716" y="111538"/>
                  </a:cubicBezTo>
                  <a:lnTo>
                    <a:pt x="316516" y="111538"/>
                  </a:lnTo>
                  <a:cubicBezTo>
                    <a:pt x="311572" y="111538"/>
                    <a:pt x="307562" y="107528"/>
                    <a:pt x="307562" y="102584"/>
                  </a:cubicBezTo>
                  <a:lnTo>
                    <a:pt x="307562" y="22860"/>
                  </a:lnTo>
                  <a:cubicBezTo>
                    <a:pt x="307562" y="20441"/>
                    <a:pt x="305600" y="18479"/>
                    <a:pt x="303181" y="18479"/>
                  </a:cubicBezTo>
                  <a:lnTo>
                    <a:pt x="129730" y="18479"/>
                  </a:lnTo>
                  <a:cubicBezTo>
                    <a:pt x="127311" y="18421"/>
                    <a:pt x="125311" y="20345"/>
                    <a:pt x="125254" y="22765"/>
                  </a:cubicBezTo>
                  <a:cubicBezTo>
                    <a:pt x="125254" y="22793"/>
                    <a:pt x="125254" y="22831"/>
                    <a:pt x="125254" y="22860"/>
                  </a:cubicBezTo>
                  <a:lnTo>
                    <a:pt x="125254" y="397192"/>
                  </a:lnTo>
                  <a:cubicBezTo>
                    <a:pt x="125254" y="399612"/>
                    <a:pt x="127216" y="401574"/>
                    <a:pt x="129635" y="401574"/>
                  </a:cubicBezTo>
                  <a:cubicBezTo>
                    <a:pt x="129664" y="401574"/>
                    <a:pt x="129702" y="401574"/>
                    <a:pt x="129730" y="401574"/>
                  </a:cubicBezTo>
                  <a:lnTo>
                    <a:pt x="356902" y="401574"/>
                  </a:lnTo>
                  <a:cubicBezTo>
                    <a:pt x="361874" y="401060"/>
                    <a:pt x="366322" y="404679"/>
                    <a:pt x="366827" y="409651"/>
                  </a:cubicBezTo>
                  <a:cubicBezTo>
                    <a:pt x="367341" y="414623"/>
                    <a:pt x="363731" y="419062"/>
                    <a:pt x="358759" y="419576"/>
                  </a:cubicBezTo>
                  <a:cubicBezTo>
                    <a:pt x="358140" y="419643"/>
                    <a:pt x="357521" y="419643"/>
                    <a:pt x="356902" y="419576"/>
                  </a:cubicBezTo>
                  <a:close/>
                  <a:moveTo>
                    <a:pt x="75629" y="18002"/>
                  </a:moveTo>
                  <a:cubicBezTo>
                    <a:pt x="73209" y="18002"/>
                    <a:pt x="71247" y="19964"/>
                    <a:pt x="71247" y="22384"/>
                  </a:cubicBezTo>
                  <a:lnTo>
                    <a:pt x="71247" y="396716"/>
                  </a:lnTo>
                  <a:cubicBezTo>
                    <a:pt x="71247" y="399136"/>
                    <a:pt x="73209" y="401098"/>
                    <a:pt x="75629" y="401098"/>
                  </a:cubicBezTo>
                  <a:lnTo>
                    <a:pt x="102394" y="401098"/>
                  </a:lnTo>
                  <a:cubicBezTo>
                    <a:pt x="104813" y="401098"/>
                    <a:pt x="106775" y="399136"/>
                    <a:pt x="106775" y="396716"/>
                  </a:cubicBezTo>
                  <a:lnTo>
                    <a:pt x="106775" y="22860"/>
                  </a:lnTo>
                  <a:cubicBezTo>
                    <a:pt x="106775" y="20441"/>
                    <a:pt x="104813" y="18479"/>
                    <a:pt x="102394" y="18479"/>
                  </a:cubicBezTo>
                  <a:close/>
                  <a:moveTo>
                    <a:pt x="22193" y="18002"/>
                  </a:moveTo>
                  <a:cubicBezTo>
                    <a:pt x="19774" y="17945"/>
                    <a:pt x="17774" y="19869"/>
                    <a:pt x="17717" y="22288"/>
                  </a:cubicBezTo>
                  <a:cubicBezTo>
                    <a:pt x="17717" y="22317"/>
                    <a:pt x="17717" y="22355"/>
                    <a:pt x="17717" y="22384"/>
                  </a:cubicBezTo>
                  <a:lnTo>
                    <a:pt x="17717" y="396716"/>
                  </a:lnTo>
                  <a:cubicBezTo>
                    <a:pt x="17717" y="399136"/>
                    <a:pt x="19679" y="401098"/>
                    <a:pt x="22098" y="401098"/>
                  </a:cubicBezTo>
                  <a:cubicBezTo>
                    <a:pt x="22127" y="401098"/>
                    <a:pt x="22165" y="401098"/>
                    <a:pt x="22193" y="401098"/>
                  </a:cubicBezTo>
                  <a:lnTo>
                    <a:pt x="48863" y="401098"/>
                  </a:lnTo>
                  <a:cubicBezTo>
                    <a:pt x="51226" y="401155"/>
                    <a:pt x="53188" y="399279"/>
                    <a:pt x="53245" y="396907"/>
                  </a:cubicBezTo>
                  <a:cubicBezTo>
                    <a:pt x="53245" y="396840"/>
                    <a:pt x="53245" y="396783"/>
                    <a:pt x="53245" y="396716"/>
                  </a:cubicBezTo>
                  <a:lnTo>
                    <a:pt x="53245" y="22860"/>
                  </a:lnTo>
                  <a:cubicBezTo>
                    <a:pt x="53302" y="20498"/>
                    <a:pt x="51425" y="18535"/>
                    <a:pt x="49054" y="18479"/>
                  </a:cubicBezTo>
                  <a:cubicBezTo>
                    <a:pt x="48987" y="18479"/>
                    <a:pt x="48930" y="18479"/>
                    <a:pt x="48863" y="18479"/>
                  </a:cubicBezTo>
                  <a:close/>
                  <a:moveTo>
                    <a:pt x="329660" y="37052"/>
                  </a:moveTo>
                  <a:cubicBezTo>
                    <a:pt x="327298" y="36995"/>
                    <a:pt x="325336" y="38871"/>
                    <a:pt x="325279" y="41243"/>
                  </a:cubicBezTo>
                  <a:cubicBezTo>
                    <a:pt x="325279" y="41300"/>
                    <a:pt x="325279" y="41367"/>
                    <a:pt x="325279" y="41434"/>
                  </a:cubicBezTo>
                  <a:lnTo>
                    <a:pt x="325279" y="89059"/>
                  </a:lnTo>
                  <a:cubicBezTo>
                    <a:pt x="325326" y="91459"/>
                    <a:pt x="327260" y="93393"/>
                    <a:pt x="329660" y="93440"/>
                  </a:cubicBezTo>
                  <a:lnTo>
                    <a:pt x="377285" y="93440"/>
                  </a:lnTo>
                  <a:cubicBezTo>
                    <a:pt x="379086" y="93421"/>
                    <a:pt x="380695" y="92335"/>
                    <a:pt x="381381" y="90678"/>
                  </a:cubicBezTo>
                  <a:cubicBezTo>
                    <a:pt x="382057" y="89040"/>
                    <a:pt x="381676" y="87163"/>
                    <a:pt x="380429" y="85915"/>
                  </a:cubicBezTo>
                  <a:lnTo>
                    <a:pt x="332804" y="38290"/>
                  </a:lnTo>
                  <a:cubicBezTo>
                    <a:pt x="332118" y="37557"/>
                    <a:pt x="331213" y="37062"/>
                    <a:pt x="330232" y="36862"/>
                  </a:cubicBezTo>
                  <a:close/>
                </a:path>
              </a:pathLst>
            </a:custGeom>
            <a:solidFill>
              <a:srgbClr val="265998"/>
            </a:solidFill>
            <a:ln w="9525" cap="flat">
              <a:noFill/>
              <a:prstDash val="solid"/>
              <a:miter/>
            </a:ln>
          </p:spPr>
          <p:txBody>
            <a:bodyPr rtlCol="0" anchor="ctr"/>
            <a:lstStyle/>
            <a:p>
              <a:endParaRPr lang="en-AU" sz="153"/>
            </a:p>
          </p:txBody>
        </p:sp>
        <p:sp>
          <p:nvSpPr>
            <p:cNvPr id="14" name="Graphic 2">
              <a:extLst>
                <a:ext uri="{FF2B5EF4-FFF2-40B4-BE49-F238E27FC236}">
                  <a16:creationId xmlns:a16="http://schemas.microsoft.com/office/drawing/2014/main" id="{4E1D0991-C8C0-4DFD-8580-417FB584F5BD}"/>
                </a:ext>
              </a:extLst>
            </p:cNvPr>
            <p:cNvSpPr/>
            <p:nvPr/>
          </p:nvSpPr>
          <p:spPr>
            <a:xfrm>
              <a:off x="2999803" y="3718306"/>
              <a:ext cx="244773" cy="245268"/>
            </a:xfrm>
            <a:custGeom>
              <a:avLst/>
              <a:gdLst>
                <a:gd name="connsiteX0" fmla="*/ 236315 w 244773"/>
                <a:gd name="connsiteY0" fmla="*/ 245269 h 245268"/>
                <a:gd name="connsiteX1" fmla="*/ 229933 w 244773"/>
                <a:gd name="connsiteY1" fmla="*/ 242697 h 245268"/>
                <a:gd name="connsiteX2" fmla="*/ 171164 w 244773"/>
                <a:gd name="connsiteY2" fmla="*/ 183928 h 245268"/>
                <a:gd name="connsiteX3" fmla="*/ 168116 w 244773"/>
                <a:gd name="connsiteY3" fmla="*/ 182594 h 245268"/>
                <a:gd name="connsiteX4" fmla="*/ 165449 w 244773"/>
                <a:gd name="connsiteY4" fmla="*/ 183547 h 245268"/>
                <a:gd name="connsiteX5" fmla="*/ 102584 w 244773"/>
                <a:gd name="connsiteY5" fmla="*/ 205168 h 245268"/>
                <a:gd name="connsiteX6" fmla="*/ 0 w 244773"/>
                <a:gd name="connsiteY6" fmla="*/ 102584 h 245268"/>
                <a:gd name="connsiteX7" fmla="*/ 102584 w 244773"/>
                <a:gd name="connsiteY7" fmla="*/ 0 h 245268"/>
                <a:gd name="connsiteX8" fmla="*/ 205169 w 244773"/>
                <a:gd name="connsiteY8" fmla="*/ 102584 h 245268"/>
                <a:gd name="connsiteX9" fmla="*/ 183547 w 244773"/>
                <a:gd name="connsiteY9" fmla="*/ 165354 h 245268"/>
                <a:gd name="connsiteX10" fmla="*/ 183547 w 244773"/>
                <a:gd name="connsiteY10" fmla="*/ 171164 h 245268"/>
                <a:gd name="connsiteX11" fmla="*/ 242316 w 244773"/>
                <a:gd name="connsiteY11" fmla="*/ 229933 h 245268"/>
                <a:gd name="connsiteX12" fmla="*/ 242316 w 244773"/>
                <a:gd name="connsiteY12" fmla="*/ 242697 h 245268"/>
                <a:gd name="connsiteX13" fmla="*/ 236315 w 244773"/>
                <a:gd name="connsiteY13" fmla="*/ 245269 h 245268"/>
                <a:gd name="connsiteX14" fmla="*/ 102965 w 244773"/>
                <a:gd name="connsiteY14" fmla="*/ 18002 h 245268"/>
                <a:gd name="connsiteX15" fmla="*/ 18288 w 244773"/>
                <a:gd name="connsiteY15" fmla="*/ 102679 h 245268"/>
                <a:gd name="connsiteX16" fmla="*/ 102965 w 244773"/>
                <a:gd name="connsiteY16" fmla="*/ 187357 h 245268"/>
                <a:gd name="connsiteX17" fmla="*/ 187643 w 244773"/>
                <a:gd name="connsiteY17" fmla="*/ 102679 h 245268"/>
                <a:gd name="connsiteX18" fmla="*/ 187643 w 244773"/>
                <a:gd name="connsiteY18" fmla="*/ 102584 h 245268"/>
                <a:gd name="connsiteX19" fmla="*/ 102870 w 244773"/>
                <a:gd name="connsiteY19" fmla="*/ 18002 h 245268"/>
                <a:gd name="connsiteX20" fmla="*/ 102584 w 244773"/>
                <a:gd name="connsiteY20" fmla="*/ 18002 h 2452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44773" h="245268">
                  <a:moveTo>
                    <a:pt x="236315" y="245269"/>
                  </a:moveTo>
                  <a:cubicBezTo>
                    <a:pt x="233944" y="245240"/>
                    <a:pt x="231667" y="244316"/>
                    <a:pt x="229933" y="242697"/>
                  </a:cubicBezTo>
                  <a:lnTo>
                    <a:pt x="171164" y="183928"/>
                  </a:lnTo>
                  <a:cubicBezTo>
                    <a:pt x="170383" y="183071"/>
                    <a:pt x="169278" y="182585"/>
                    <a:pt x="168116" y="182594"/>
                  </a:cubicBezTo>
                  <a:cubicBezTo>
                    <a:pt x="167145" y="182575"/>
                    <a:pt x="166192" y="182918"/>
                    <a:pt x="165449" y="183547"/>
                  </a:cubicBezTo>
                  <a:cubicBezTo>
                    <a:pt x="147514" y="197596"/>
                    <a:pt x="125368" y="205216"/>
                    <a:pt x="102584" y="205168"/>
                  </a:cubicBezTo>
                  <a:cubicBezTo>
                    <a:pt x="45929" y="205168"/>
                    <a:pt x="0" y="159239"/>
                    <a:pt x="0" y="102584"/>
                  </a:cubicBezTo>
                  <a:cubicBezTo>
                    <a:pt x="0" y="45929"/>
                    <a:pt x="45929" y="0"/>
                    <a:pt x="102584" y="0"/>
                  </a:cubicBezTo>
                  <a:cubicBezTo>
                    <a:pt x="159239" y="0"/>
                    <a:pt x="205169" y="45929"/>
                    <a:pt x="205169" y="102584"/>
                  </a:cubicBezTo>
                  <a:cubicBezTo>
                    <a:pt x="205226" y="125339"/>
                    <a:pt x="197606" y="147456"/>
                    <a:pt x="183547" y="165354"/>
                  </a:cubicBezTo>
                  <a:cubicBezTo>
                    <a:pt x="182080" y="167011"/>
                    <a:pt x="182080" y="169507"/>
                    <a:pt x="183547" y="171164"/>
                  </a:cubicBezTo>
                  <a:lnTo>
                    <a:pt x="242316" y="229933"/>
                  </a:lnTo>
                  <a:cubicBezTo>
                    <a:pt x="245593" y="233562"/>
                    <a:pt x="245593" y="239068"/>
                    <a:pt x="242316" y="242697"/>
                  </a:cubicBezTo>
                  <a:cubicBezTo>
                    <a:pt x="240678" y="244230"/>
                    <a:pt x="238553" y="245145"/>
                    <a:pt x="236315" y="245269"/>
                  </a:cubicBezTo>
                  <a:close/>
                  <a:moveTo>
                    <a:pt x="102965" y="18002"/>
                  </a:moveTo>
                  <a:cubicBezTo>
                    <a:pt x="56197" y="18002"/>
                    <a:pt x="18288" y="55912"/>
                    <a:pt x="18288" y="102679"/>
                  </a:cubicBezTo>
                  <a:cubicBezTo>
                    <a:pt x="18288" y="149447"/>
                    <a:pt x="56197" y="187357"/>
                    <a:pt x="102965" y="187357"/>
                  </a:cubicBezTo>
                  <a:cubicBezTo>
                    <a:pt x="149733" y="187357"/>
                    <a:pt x="187643" y="149447"/>
                    <a:pt x="187643" y="102679"/>
                  </a:cubicBezTo>
                  <a:cubicBezTo>
                    <a:pt x="187643" y="102651"/>
                    <a:pt x="187643" y="102613"/>
                    <a:pt x="187643" y="102584"/>
                  </a:cubicBezTo>
                  <a:cubicBezTo>
                    <a:pt x="187595" y="55816"/>
                    <a:pt x="149638" y="17945"/>
                    <a:pt x="102870" y="18002"/>
                  </a:cubicBezTo>
                  <a:cubicBezTo>
                    <a:pt x="102775" y="18002"/>
                    <a:pt x="102679" y="18002"/>
                    <a:pt x="102584" y="18002"/>
                  </a:cubicBezTo>
                  <a:close/>
                </a:path>
              </a:pathLst>
            </a:custGeom>
            <a:solidFill>
              <a:srgbClr val="265998"/>
            </a:solidFill>
            <a:ln w="9525" cap="flat">
              <a:noFill/>
              <a:prstDash val="solid"/>
              <a:miter/>
            </a:ln>
          </p:spPr>
          <p:txBody>
            <a:bodyPr rtlCol="0" anchor="ctr"/>
            <a:lstStyle/>
            <a:p>
              <a:endParaRPr lang="en-AU" sz="153"/>
            </a:p>
          </p:txBody>
        </p:sp>
      </p:grpSp>
      <p:sp>
        <p:nvSpPr>
          <p:cNvPr id="15" name="Slide Number Placeholder 14">
            <a:extLst>
              <a:ext uri="{FF2B5EF4-FFF2-40B4-BE49-F238E27FC236}">
                <a16:creationId xmlns:a16="http://schemas.microsoft.com/office/drawing/2014/main" id="{EB1ED7AB-025D-2C71-C61B-BC9D71F4305A}"/>
              </a:ext>
            </a:extLst>
          </p:cNvPr>
          <p:cNvSpPr>
            <a:spLocks noGrp="1"/>
          </p:cNvSpPr>
          <p:nvPr>
            <p:ph type="sldNum" sz="quarter" idx="4"/>
          </p:nvPr>
        </p:nvSpPr>
        <p:spPr/>
        <p:txBody>
          <a:bodyPr/>
          <a:lstStyle/>
          <a:p>
            <a:fld id="{3FE8A0A5-0893-3B4E-9EB9-FE67329D76D6}" type="slidenum">
              <a:rPr lang="en-US" smtClean="0"/>
              <a:pPr/>
              <a:t>36</a:t>
            </a:fld>
            <a:endParaRPr lang="en-US"/>
          </a:p>
        </p:txBody>
      </p:sp>
    </p:spTree>
    <p:custDataLst>
      <p:custData r:id="rId1"/>
      <p:custData r:id="rId2"/>
    </p:custDataLst>
    <p:extLst>
      <p:ext uri="{BB962C8B-B14F-4D97-AF65-F5344CB8AC3E}">
        <p14:creationId xmlns:p14="http://schemas.microsoft.com/office/powerpoint/2010/main" val="360351694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4529A9C-AB74-6FA8-A42F-CBCF372BED33}"/>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63159AD9-D0CD-4EE1-9B23-D86B823420F6}"/>
              </a:ext>
            </a:extLst>
          </p:cNvPr>
          <p:cNvSpPr>
            <a:spLocks noGrp="1"/>
          </p:cNvSpPr>
          <p:nvPr>
            <p:ph type="ctrTitle"/>
          </p:nvPr>
        </p:nvSpPr>
        <p:spPr/>
        <p:txBody>
          <a:bodyPr>
            <a:normAutofit/>
          </a:bodyPr>
          <a:lstStyle/>
          <a:p>
            <a:r>
              <a:rPr lang="en-US"/>
              <a:t>Flexible funding is needed </a:t>
            </a:r>
            <a:endParaRPr lang="en-AU"/>
          </a:p>
        </p:txBody>
      </p:sp>
      <p:sp>
        <p:nvSpPr>
          <p:cNvPr id="94" name="Subtitle 4">
            <a:extLst>
              <a:ext uri="{FF2B5EF4-FFF2-40B4-BE49-F238E27FC236}">
                <a16:creationId xmlns:a16="http://schemas.microsoft.com/office/drawing/2014/main" id="{54956516-AC78-313E-3E0B-7028FF177738}"/>
              </a:ext>
            </a:extLst>
          </p:cNvPr>
          <p:cNvSpPr>
            <a:spLocks noGrp="1"/>
          </p:cNvSpPr>
          <p:nvPr>
            <p:ph type="subTitle" idx="1"/>
          </p:nvPr>
        </p:nvSpPr>
        <p:spPr>
          <a:xfrm>
            <a:off x="569995" y="1091321"/>
            <a:ext cx="11082431" cy="401819"/>
          </a:xfrm>
        </p:spPr>
        <p:txBody>
          <a:bodyPr/>
          <a:lstStyle/>
          <a:p>
            <a:r>
              <a:rPr lang="en-AU">
                <a:solidFill>
                  <a:schemeClr val="tx2"/>
                </a:solidFill>
              </a:rPr>
              <a:t>The next agreement should include four streams of funding to help rebalance the system towards non‑clinical and innovative care that is responsive to local needs</a:t>
            </a:r>
          </a:p>
        </p:txBody>
      </p:sp>
      <p:sp>
        <p:nvSpPr>
          <p:cNvPr id="4" name="Slide Number Placeholder 3">
            <a:extLst>
              <a:ext uri="{FF2B5EF4-FFF2-40B4-BE49-F238E27FC236}">
                <a16:creationId xmlns:a16="http://schemas.microsoft.com/office/drawing/2014/main" id="{A11C85B8-FF2B-0129-D1AA-27AAED82EAA9}"/>
              </a:ext>
            </a:extLst>
          </p:cNvPr>
          <p:cNvSpPr>
            <a:spLocks noGrp="1"/>
          </p:cNvSpPr>
          <p:nvPr>
            <p:ph type="sldNum" sz="quarter" idx="4"/>
          </p:nvPr>
        </p:nvSpPr>
        <p:spPr/>
        <p:txBody>
          <a:bodyPr/>
          <a:lstStyle/>
          <a:p>
            <a:fld id="{3FE8A0A5-0893-3B4E-9EB9-FE67329D76D6}" type="slidenum">
              <a:rPr lang="en-US" smtClean="0"/>
              <a:pPr/>
              <a:t>37</a:t>
            </a:fld>
            <a:endParaRPr lang="en-US"/>
          </a:p>
        </p:txBody>
      </p:sp>
      <p:sp>
        <p:nvSpPr>
          <p:cNvPr id="87" name="Rectangle 86">
            <a:extLst>
              <a:ext uri="{FF2B5EF4-FFF2-40B4-BE49-F238E27FC236}">
                <a16:creationId xmlns:a16="http://schemas.microsoft.com/office/drawing/2014/main" id="{EB51BB46-4682-D0B1-396E-1B1494784700}"/>
              </a:ext>
            </a:extLst>
          </p:cNvPr>
          <p:cNvSpPr/>
          <p:nvPr/>
        </p:nvSpPr>
        <p:spPr>
          <a:xfrm>
            <a:off x="655560" y="2392613"/>
            <a:ext cx="5272197" cy="1576589"/>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89" name="TextBox 88">
            <a:extLst>
              <a:ext uri="{FF2B5EF4-FFF2-40B4-BE49-F238E27FC236}">
                <a16:creationId xmlns:a16="http://schemas.microsoft.com/office/drawing/2014/main" id="{F0F9B685-18D9-69F6-D8A1-798A02986D69}"/>
              </a:ext>
            </a:extLst>
          </p:cNvPr>
          <p:cNvSpPr txBox="1"/>
          <p:nvPr/>
        </p:nvSpPr>
        <p:spPr>
          <a:xfrm>
            <a:off x="774124" y="2613000"/>
            <a:ext cx="5238587" cy="1003161"/>
          </a:xfrm>
          <a:prstGeom prst="rect">
            <a:avLst/>
          </a:prstGeom>
          <a:noFill/>
        </p:spPr>
        <p:txBody>
          <a:bodyPr wrap="square" rtlCol="0">
            <a:spAutoFit/>
          </a:bodyPr>
          <a:lstStyle/>
          <a:p>
            <a:pPr>
              <a:lnSpc>
                <a:spcPct val="107000"/>
              </a:lnSpc>
            </a:pPr>
            <a:r>
              <a:rPr lang="en-US" sz="1400">
                <a:latin typeface="+mn-lt"/>
                <a:ea typeface="Open Sans" panose="020B0606030504020204" pitchFamily="34" charset="0"/>
                <a:cs typeface="Open Sans" panose="020B0606030504020204" pitchFamily="34" charset="0"/>
              </a:rPr>
              <a:t>A new funding pool combining community mental health and suicide prevention funding streams provided by the Australian, state and territory governments, to be used flexibly and collaboratively between PHNs and LHNs</a:t>
            </a:r>
            <a:endParaRPr lang="en-AU" sz="1400">
              <a:effectLst/>
              <a:latin typeface="+mn-lt"/>
              <a:ea typeface="Open Sans" panose="020B0606030504020204" pitchFamily="34" charset="0"/>
              <a:cs typeface="Open Sans" panose="020B0606030504020204" pitchFamily="34" charset="0"/>
            </a:endParaRPr>
          </a:p>
        </p:txBody>
      </p:sp>
      <p:sp>
        <p:nvSpPr>
          <p:cNvPr id="90" name="Rectangle 89">
            <a:extLst>
              <a:ext uri="{FF2B5EF4-FFF2-40B4-BE49-F238E27FC236}">
                <a16:creationId xmlns:a16="http://schemas.microsoft.com/office/drawing/2014/main" id="{EABF167C-8073-713E-49F5-5D2B08F597EE}"/>
              </a:ext>
            </a:extLst>
          </p:cNvPr>
          <p:cNvSpPr/>
          <p:nvPr/>
        </p:nvSpPr>
        <p:spPr>
          <a:xfrm>
            <a:off x="653341" y="1732204"/>
            <a:ext cx="5272195" cy="66687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53" name="Group 152">
            <a:extLst>
              <a:ext uri="{FF2B5EF4-FFF2-40B4-BE49-F238E27FC236}">
                <a16:creationId xmlns:a16="http://schemas.microsoft.com/office/drawing/2014/main" id="{C1BC3E71-BB3C-FC69-ADB7-93D7AC42E6E9}"/>
              </a:ext>
            </a:extLst>
          </p:cNvPr>
          <p:cNvGrpSpPr/>
          <p:nvPr/>
        </p:nvGrpSpPr>
        <p:grpSpPr>
          <a:xfrm>
            <a:off x="837401" y="1768434"/>
            <a:ext cx="598700" cy="607470"/>
            <a:chOff x="4811846" y="1775265"/>
            <a:chExt cx="973793" cy="855936"/>
          </a:xfrm>
        </p:grpSpPr>
        <p:sp>
          <p:nvSpPr>
            <p:cNvPr id="92" name="Oval 91">
              <a:extLst>
                <a:ext uri="{FF2B5EF4-FFF2-40B4-BE49-F238E27FC236}">
                  <a16:creationId xmlns:a16="http://schemas.microsoft.com/office/drawing/2014/main" id="{FB7A9D39-ED31-444E-DEC3-F34875FD6D91}"/>
                </a:ext>
              </a:extLst>
            </p:cNvPr>
            <p:cNvSpPr/>
            <p:nvPr/>
          </p:nvSpPr>
          <p:spPr>
            <a:xfrm>
              <a:off x="4811846" y="1775265"/>
              <a:ext cx="973793" cy="855936"/>
            </a:xfrm>
            <a:prstGeom prst="ellipse">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09" name="Group 108">
              <a:extLst>
                <a:ext uri="{FF2B5EF4-FFF2-40B4-BE49-F238E27FC236}">
                  <a16:creationId xmlns:a16="http://schemas.microsoft.com/office/drawing/2014/main" id="{9E911661-811E-12CB-66EE-223DDB41DBE2}"/>
                </a:ext>
              </a:extLst>
            </p:cNvPr>
            <p:cNvGrpSpPr>
              <a:grpSpLocks noChangeAspect="1"/>
            </p:cNvGrpSpPr>
            <p:nvPr/>
          </p:nvGrpSpPr>
          <p:grpSpPr>
            <a:xfrm>
              <a:off x="4973722" y="2015923"/>
              <a:ext cx="697402" cy="439209"/>
              <a:chOff x="2312197" y="4738738"/>
              <a:chExt cx="494911" cy="376732"/>
            </a:xfrm>
          </p:grpSpPr>
          <p:sp>
            <p:nvSpPr>
              <p:cNvPr id="111" name="Freeform: Shape 110">
                <a:extLst>
                  <a:ext uri="{FF2B5EF4-FFF2-40B4-BE49-F238E27FC236}">
                    <a16:creationId xmlns:a16="http://schemas.microsoft.com/office/drawing/2014/main" id="{C8E8C1F9-331E-56AF-2540-AF2ABD1EB787}"/>
                  </a:ext>
                </a:extLst>
              </p:cNvPr>
              <p:cNvSpPr/>
              <p:nvPr/>
            </p:nvSpPr>
            <p:spPr>
              <a:xfrm>
                <a:off x="2354389" y="4777136"/>
                <a:ext cx="385572" cy="338328"/>
              </a:xfrm>
              <a:custGeom>
                <a:avLst/>
                <a:gdLst>
                  <a:gd name="connsiteX0" fmla="*/ 51626 w 385572"/>
                  <a:gd name="connsiteY0" fmla="*/ 0 h 338328"/>
                  <a:gd name="connsiteX1" fmla="*/ 105061 w 385572"/>
                  <a:gd name="connsiteY1" fmla="*/ 38195 h 338328"/>
                  <a:gd name="connsiteX2" fmla="*/ 151352 w 385572"/>
                  <a:gd name="connsiteY2" fmla="*/ 22955 h 338328"/>
                  <a:gd name="connsiteX3" fmla="*/ 385572 w 385572"/>
                  <a:gd name="connsiteY3" fmla="*/ 174212 h 338328"/>
                  <a:gd name="connsiteX4" fmla="*/ 374142 w 385572"/>
                  <a:gd name="connsiteY4" fmla="*/ 200882 h 338328"/>
                  <a:gd name="connsiteX5" fmla="*/ 316040 w 385572"/>
                  <a:gd name="connsiteY5" fmla="*/ 257651 h 338328"/>
                  <a:gd name="connsiteX6" fmla="*/ 275844 w 385572"/>
                  <a:gd name="connsiteY6" fmla="*/ 294704 h 338328"/>
                  <a:gd name="connsiteX7" fmla="*/ 238982 w 385572"/>
                  <a:gd name="connsiteY7" fmla="*/ 338328 h 338328"/>
                  <a:gd name="connsiteX8" fmla="*/ 190786 w 385572"/>
                  <a:gd name="connsiteY8" fmla="*/ 309848 h 338328"/>
                  <a:gd name="connsiteX9" fmla="*/ 204311 w 385572"/>
                  <a:gd name="connsiteY9" fmla="*/ 263176 h 338328"/>
                  <a:gd name="connsiteX10" fmla="*/ 153638 w 385572"/>
                  <a:gd name="connsiteY10" fmla="*/ 243269 h 338328"/>
                  <a:gd name="connsiteX11" fmla="*/ 144590 w 385572"/>
                  <a:gd name="connsiteY11" fmla="*/ 218885 h 338328"/>
                  <a:gd name="connsiteX12" fmla="*/ 114300 w 385572"/>
                  <a:gd name="connsiteY12" fmla="*/ 193358 h 338328"/>
                  <a:gd name="connsiteX13" fmla="*/ 76200 w 385572"/>
                  <a:gd name="connsiteY13" fmla="*/ 159925 h 338328"/>
                  <a:gd name="connsiteX14" fmla="*/ 28670 w 385572"/>
                  <a:gd name="connsiteY14" fmla="*/ 171926 h 338328"/>
                  <a:gd name="connsiteX15" fmla="*/ 0 w 385572"/>
                  <a:gd name="connsiteY15" fmla="*/ 167354 h 338328"/>
                  <a:gd name="connsiteX16" fmla="*/ 51626 w 385572"/>
                  <a:gd name="connsiteY16" fmla="*/ 0 h 338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85572" h="338328">
                    <a:moveTo>
                      <a:pt x="51626" y="0"/>
                    </a:moveTo>
                    <a:lnTo>
                      <a:pt x="105061" y="38195"/>
                    </a:lnTo>
                    <a:lnTo>
                      <a:pt x="151352" y="22955"/>
                    </a:lnTo>
                    <a:lnTo>
                      <a:pt x="385572" y="174212"/>
                    </a:lnTo>
                    <a:lnTo>
                      <a:pt x="374142" y="200882"/>
                    </a:lnTo>
                    <a:lnTo>
                      <a:pt x="316040" y="257651"/>
                    </a:lnTo>
                    <a:lnTo>
                      <a:pt x="275844" y="294704"/>
                    </a:lnTo>
                    <a:lnTo>
                      <a:pt x="238982" y="338328"/>
                    </a:lnTo>
                    <a:lnTo>
                      <a:pt x="190786" y="309848"/>
                    </a:lnTo>
                    <a:lnTo>
                      <a:pt x="204311" y="263176"/>
                    </a:lnTo>
                    <a:lnTo>
                      <a:pt x="153638" y="243269"/>
                    </a:lnTo>
                    <a:lnTo>
                      <a:pt x="144590" y="218885"/>
                    </a:lnTo>
                    <a:lnTo>
                      <a:pt x="114300" y="193358"/>
                    </a:lnTo>
                    <a:lnTo>
                      <a:pt x="76200" y="159925"/>
                    </a:lnTo>
                    <a:lnTo>
                      <a:pt x="28670" y="171926"/>
                    </a:lnTo>
                    <a:lnTo>
                      <a:pt x="0" y="167354"/>
                    </a:lnTo>
                    <a:lnTo>
                      <a:pt x="51626" y="0"/>
                    </a:lnTo>
                  </a:path>
                </a:pathLst>
              </a:custGeom>
              <a:solidFill>
                <a:srgbClr val="C7E4F1"/>
              </a:solidFill>
              <a:ln w="9525" cap="flat">
                <a:noFill/>
                <a:prstDash val="solid"/>
                <a:miter/>
              </a:ln>
            </p:spPr>
            <p:txBody>
              <a:bodyPr rtlCol="0" anchor="ctr"/>
              <a:lstStyle/>
              <a:p>
                <a:endParaRPr lang="en-AU" sz="3600"/>
              </a:p>
            </p:txBody>
          </p:sp>
          <p:sp>
            <p:nvSpPr>
              <p:cNvPr id="112" name="Freeform: Shape 111">
                <a:extLst>
                  <a:ext uri="{FF2B5EF4-FFF2-40B4-BE49-F238E27FC236}">
                    <a16:creationId xmlns:a16="http://schemas.microsoft.com/office/drawing/2014/main" id="{7D1F1934-036D-D842-609E-D4B6F0F8240C}"/>
                  </a:ext>
                </a:extLst>
              </p:cNvPr>
              <p:cNvSpPr/>
              <p:nvPr/>
            </p:nvSpPr>
            <p:spPr>
              <a:xfrm>
                <a:off x="2476119" y="4779231"/>
                <a:ext cx="277844" cy="182689"/>
              </a:xfrm>
              <a:custGeom>
                <a:avLst/>
                <a:gdLst>
                  <a:gd name="connsiteX0" fmla="*/ 168878 w 277844"/>
                  <a:gd name="connsiteY0" fmla="*/ 5525 h 182689"/>
                  <a:gd name="connsiteX1" fmla="*/ 72771 w 277844"/>
                  <a:gd name="connsiteY1" fmla="*/ 0 h 182689"/>
                  <a:gd name="connsiteX2" fmla="*/ 0 w 277844"/>
                  <a:gd name="connsiteY2" fmla="*/ 64961 h 182689"/>
                  <a:gd name="connsiteX3" fmla="*/ 18002 w 277844"/>
                  <a:gd name="connsiteY3" fmla="*/ 98108 h 182689"/>
                  <a:gd name="connsiteX4" fmla="*/ 77343 w 277844"/>
                  <a:gd name="connsiteY4" fmla="*/ 71723 h 182689"/>
                  <a:gd name="connsiteX5" fmla="*/ 101822 w 277844"/>
                  <a:gd name="connsiteY5" fmla="*/ 72580 h 182689"/>
                  <a:gd name="connsiteX6" fmla="*/ 148780 w 277844"/>
                  <a:gd name="connsiteY6" fmla="*/ 100679 h 182689"/>
                  <a:gd name="connsiteX7" fmla="*/ 248507 w 277844"/>
                  <a:gd name="connsiteY7" fmla="*/ 182689 h 182689"/>
                  <a:gd name="connsiteX8" fmla="*/ 277844 w 277844"/>
                  <a:gd name="connsiteY8" fmla="*/ 167640 h 182689"/>
                  <a:gd name="connsiteX9" fmla="*/ 226600 w 277844"/>
                  <a:gd name="connsiteY9" fmla="*/ 12859 h 182689"/>
                  <a:gd name="connsiteX10" fmla="*/ 194881 w 277844"/>
                  <a:gd name="connsiteY10" fmla="*/ 14478 h 182689"/>
                  <a:gd name="connsiteX11" fmla="*/ 168878 w 277844"/>
                  <a:gd name="connsiteY11" fmla="*/ 5525 h 182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7844" h="182689">
                    <a:moveTo>
                      <a:pt x="168878" y="5525"/>
                    </a:moveTo>
                    <a:lnTo>
                      <a:pt x="72771" y="0"/>
                    </a:lnTo>
                    <a:lnTo>
                      <a:pt x="0" y="64961"/>
                    </a:lnTo>
                    <a:lnTo>
                      <a:pt x="18002" y="98108"/>
                    </a:lnTo>
                    <a:lnTo>
                      <a:pt x="77343" y="71723"/>
                    </a:lnTo>
                    <a:lnTo>
                      <a:pt x="101822" y="72580"/>
                    </a:lnTo>
                    <a:lnTo>
                      <a:pt x="148780" y="100679"/>
                    </a:lnTo>
                    <a:lnTo>
                      <a:pt x="248507" y="182689"/>
                    </a:lnTo>
                    <a:lnTo>
                      <a:pt x="277844" y="167640"/>
                    </a:lnTo>
                    <a:lnTo>
                      <a:pt x="226600" y="12859"/>
                    </a:lnTo>
                    <a:lnTo>
                      <a:pt x="194881" y="14478"/>
                    </a:lnTo>
                    <a:lnTo>
                      <a:pt x="168878" y="5525"/>
                    </a:lnTo>
                    <a:close/>
                  </a:path>
                </a:pathLst>
              </a:custGeom>
              <a:solidFill>
                <a:srgbClr val="66BCDB"/>
              </a:solidFill>
              <a:ln w="9525" cap="flat">
                <a:noFill/>
                <a:prstDash val="solid"/>
                <a:miter/>
              </a:ln>
            </p:spPr>
            <p:txBody>
              <a:bodyPr rtlCol="0" anchor="ctr"/>
              <a:lstStyle/>
              <a:p>
                <a:endParaRPr lang="en-AU" sz="3600"/>
              </a:p>
            </p:txBody>
          </p:sp>
          <p:sp>
            <p:nvSpPr>
              <p:cNvPr id="113" name="Freeform: Shape 112">
                <a:extLst>
                  <a:ext uri="{FF2B5EF4-FFF2-40B4-BE49-F238E27FC236}">
                    <a16:creationId xmlns:a16="http://schemas.microsoft.com/office/drawing/2014/main" id="{53F7679C-BF84-FD2A-0A82-E913BED3DBB0}"/>
                  </a:ext>
                </a:extLst>
              </p:cNvPr>
              <p:cNvSpPr/>
              <p:nvPr/>
            </p:nvSpPr>
            <p:spPr>
              <a:xfrm>
                <a:off x="2369915" y="4937061"/>
                <a:ext cx="195643" cy="178212"/>
              </a:xfrm>
              <a:custGeom>
                <a:avLst/>
                <a:gdLst>
                  <a:gd name="connsiteX0" fmla="*/ 39624 w 195643"/>
                  <a:gd name="connsiteY0" fmla="*/ 0 h 178212"/>
                  <a:gd name="connsiteX1" fmla="*/ 0 w 195643"/>
                  <a:gd name="connsiteY1" fmla="*/ 46387 h 178212"/>
                  <a:gd name="connsiteX2" fmla="*/ 5525 w 195643"/>
                  <a:gd name="connsiteY2" fmla="*/ 87630 h 178212"/>
                  <a:gd name="connsiteX3" fmla="*/ 34766 w 195643"/>
                  <a:gd name="connsiteY3" fmla="*/ 73342 h 178212"/>
                  <a:gd name="connsiteX4" fmla="*/ 39624 w 195643"/>
                  <a:gd name="connsiteY4" fmla="*/ 108775 h 178212"/>
                  <a:gd name="connsiteX5" fmla="*/ 60674 w 195643"/>
                  <a:gd name="connsiteY5" fmla="*/ 120396 h 178212"/>
                  <a:gd name="connsiteX6" fmla="*/ 77057 w 195643"/>
                  <a:gd name="connsiteY6" fmla="*/ 124301 h 178212"/>
                  <a:gd name="connsiteX7" fmla="*/ 92488 w 195643"/>
                  <a:gd name="connsiteY7" fmla="*/ 148399 h 178212"/>
                  <a:gd name="connsiteX8" fmla="*/ 113824 w 195643"/>
                  <a:gd name="connsiteY8" fmla="*/ 155067 h 178212"/>
                  <a:gd name="connsiteX9" fmla="*/ 126778 w 195643"/>
                  <a:gd name="connsiteY9" fmla="*/ 126873 h 178212"/>
                  <a:gd name="connsiteX10" fmla="*/ 162306 w 195643"/>
                  <a:gd name="connsiteY10" fmla="*/ 178213 h 178212"/>
                  <a:gd name="connsiteX11" fmla="*/ 162306 w 195643"/>
                  <a:gd name="connsiteY11" fmla="*/ 178213 h 178212"/>
                  <a:gd name="connsiteX12" fmla="*/ 195644 w 195643"/>
                  <a:gd name="connsiteY12" fmla="*/ 141732 h 178212"/>
                  <a:gd name="connsiteX13" fmla="*/ 188786 w 195643"/>
                  <a:gd name="connsiteY13" fmla="*/ 103251 h 178212"/>
                  <a:gd name="connsiteX14" fmla="*/ 138113 w 195643"/>
                  <a:gd name="connsiteY14" fmla="*/ 83344 h 178212"/>
                  <a:gd name="connsiteX15" fmla="*/ 112014 w 195643"/>
                  <a:gd name="connsiteY15" fmla="*/ 28099 h 178212"/>
                  <a:gd name="connsiteX16" fmla="*/ 61341 w 195643"/>
                  <a:gd name="connsiteY16" fmla="*/ 8191 h 178212"/>
                  <a:gd name="connsiteX17" fmla="*/ 39624 w 195643"/>
                  <a:gd name="connsiteY17" fmla="*/ 0 h 178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95643" h="178212">
                    <a:moveTo>
                      <a:pt x="39624" y="0"/>
                    </a:moveTo>
                    <a:lnTo>
                      <a:pt x="0" y="46387"/>
                    </a:lnTo>
                    <a:lnTo>
                      <a:pt x="5525" y="87630"/>
                    </a:lnTo>
                    <a:lnTo>
                      <a:pt x="34766" y="73342"/>
                    </a:lnTo>
                    <a:lnTo>
                      <a:pt x="39624" y="108775"/>
                    </a:lnTo>
                    <a:lnTo>
                      <a:pt x="60674" y="120396"/>
                    </a:lnTo>
                    <a:lnTo>
                      <a:pt x="77057" y="124301"/>
                    </a:lnTo>
                    <a:lnTo>
                      <a:pt x="92488" y="148399"/>
                    </a:lnTo>
                    <a:lnTo>
                      <a:pt x="113824" y="155067"/>
                    </a:lnTo>
                    <a:lnTo>
                      <a:pt x="126778" y="126873"/>
                    </a:lnTo>
                    <a:lnTo>
                      <a:pt x="162306" y="178213"/>
                    </a:lnTo>
                    <a:lnTo>
                      <a:pt x="162306" y="178213"/>
                    </a:lnTo>
                    <a:lnTo>
                      <a:pt x="195644" y="141732"/>
                    </a:lnTo>
                    <a:lnTo>
                      <a:pt x="188786" y="103251"/>
                    </a:lnTo>
                    <a:lnTo>
                      <a:pt x="138113" y="83344"/>
                    </a:lnTo>
                    <a:lnTo>
                      <a:pt x="112014" y="28099"/>
                    </a:lnTo>
                    <a:lnTo>
                      <a:pt x="61341" y="8191"/>
                    </a:lnTo>
                    <a:lnTo>
                      <a:pt x="39624" y="0"/>
                    </a:lnTo>
                    <a:close/>
                  </a:path>
                </a:pathLst>
              </a:custGeom>
              <a:solidFill>
                <a:srgbClr val="66BCDB"/>
              </a:solidFill>
              <a:ln w="9525" cap="flat">
                <a:noFill/>
                <a:prstDash val="solid"/>
                <a:miter/>
              </a:ln>
            </p:spPr>
            <p:txBody>
              <a:bodyPr rtlCol="0" anchor="ctr"/>
              <a:lstStyle/>
              <a:p>
                <a:endParaRPr lang="en-AU" sz="3600"/>
              </a:p>
            </p:txBody>
          </p:sp>
          <p:sp>
            <p:nvSpPr>
              <p:cNvPr id="114" name="Freeform: Shape 113">
                <a:extLst>
                  <a:ext uri="{FF2B5EF4-FFF2-40B4-BE49-F238E27FC236}">
                    <a16:creationId xmlns:a16="http://schemas.microsoft.com/office/drawing/2014/main" id="{E39B28A0-8603-3D46-32D3-86272637559F}"/>
                  </a:ext>
                </a:extLst>
              </p:cNvPr>
              <p:cNvSpPr/>
              <p:nvPr/>
            </p:nvSpPr>
            <p:spPr>
              <a:xfrm>
                <a:off x="2319623" y="4754276"/>
                <a:ext cx="101631" cy="192595"/>
              </a:xfrm>
              <a:custGeom>
                <a:avLst/>
                <a:gdLst>
                  <a:gd name="connsiteX0" fmla="*/ 45053 w 101631"/>
                  <a:gd name="connsiteY0" fmla="*/ 0 h 192595"/>
                  <a:gd name="connsiteX1" fmla="*/ 101632 w 101631"/>
                  <a:gd name="connsiteY1" fmla="*/ 21050 h 192595"/>
                  <a:gd name="connsiteX2" fmla="*/ 45720 w 101631"/>
                  <a:gd name="connsiteY2" fmla="*/ 192596 h 192595"/>
                  <a:gd name="connsiteX3" fmla="*/ 0 w 101631"/>
                  <a:gd name="connsiteY3" fmla="*/ 188309 h 192595"/>
                  <a:gd name="connsiteX4" fmla="*/ 45053 w 101631"/>
                  <a:gd name="connsiteY4" fmla="*/ 0 h 1925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1631" h="192595">
                    <a:moveTo>
                      <a:pt x="45053" y="0"/>
                    </a:moveTo>
                    <a:lnTo>
                      <a:pt x="101632" y="21050"/>
                    </a:lnTo>
                    <a:lnTo>
                      <a:pt x="45720" y="192596"/>
                    </a:lnTo>
                    <a:lnTo>
                      <a:pt x="0" y="188309"/>
                    </a:lnTo>
                    <a:lnTo>
                      <a:pt x="45053" y="0"/>
                    </a:lnTo>
                    <a:close/>
                  </a:path>
                </a:pathLst>
              </a:custGeom>
              <a:solidFill>
                <a:srgbClr val="66BCDB"/>
              </a:solidFill>
              <a:ln w="9525" cap="flat">
                <a:noFill/>
                <a:prstDash val="solid"/>
                <a:miter/>
              </a:ln>
            </p:spPr>
            <p:txBody>
              <a:bodyPr rtlCol="0" anchor="ctr"/>
              <a:lstStyle/>
              <a:p>
                <a:endParaRPr lang="en-AU" sz="3600"/>
              </a:p>
            </p:txBody>
          </p:sp>
          <p:sp>
            <p:nvSpPr>
              <p:cNvPr id="137" name="Freeform: Shape 136">
                <a:extLst>
                  <a:ext uri="{FF2B5EF4-FFF2-40B4-BE49-F238E27FC236}">
                    <a16:creationId xmlns:a16="http://schemas.microsoft.com/office/drawing/2014/main" id="{27C89D67-9540-9F13-5F41-368394BF0FE8}"/>
                  </a:ext>
                </a:extLst>
              </p:cNvPr>
              <p:cNvSpPr/>
              <p:nvPr/>
            </p:nvSpPr>
            <p:spPr>
              <a:xfrm>
                <a:off x="2705290" y="4748465"/>
                <a:ext cx="97345" cy="195738"/>
              </a:xfrm>
              <a:custGeom>
                <a:avLst/>
                <a:gdLst>
                  <a:gd name="connsiteX0" fmla="*/ 0 w 97345"/>
                  <a:gd name="connsiteY0" fmla="*/ 10287 h 195738"/>
                  <a:gd name="connsiteX1" fmla="*/ 59531 w 97345"/>
                  <a:gd name="connsiteY1" fmla="*/ 0 h 195738"/>
                  <a:gd name="connsiteX2" fmla="*/ 97346 w 97345"/>
                  <a:gd name="connsiteY2" fmla="*/ 176499 h 195738"/>
                  <a:gd name="connsiteX3" fmla="*/ 55626 w 97345"/>
                  <a:gd name="connsiteY3" fmla="*/ 195739 h 195738"/>
                  <a:gd name="connsiteX4" fmla="*/ 0 w 97345"/>
                  <a:gd name="connsiteY4" fmla="*/ 10287 h 195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7345" h="195738">
                    <a:moveTo>
                      <a:pt x="0" y="10287"/>
                    </a:moveTo>
                    <a:lnTo>
                      <a:pt x="59531" y="0"/>
                    </a:lnTo>
                    <a:lnTo>
                      <a:pt x="97346" y="176499"/>
                    </a:lnTo>
                    <a:lnTo>
                      <a:pt x="55626" y="195739"/>
                    </a:lnTo>
                    <a:lnTo>
                      <a:pt x="0" y="10287"/>
                    </a:lnTo>
                    <a:close/>
                  </a:path>
                </a:pathLst>
              </a:custGeom>
              <a:solidFill>
                <a:srgbClr val="C7E4F1"/>
              </a:solidFill>
              <a:ln w="9525" cap="flat">
                <a:noFill/>
                <a:prstDash val="solid"/>
                <a:miter/>
              </a:ln>
            </p:spPr>
            <p:txBody>
              <a:bodyPr rtlCol="0" anchor="ctr"/>
              <a:lstStyle/>
              <a:p>
                <a:endParaRPr lang="en-AU" sz="3600"/>
              </a:p>
            </p:txBody>
          </p:sp>
          <p:sp>
            <p:nvSpPr>
              <p:cNvPr id="138" name="Freeform: Shape 137">
                <a:extLst>
                  <a:ext uri="{FF2B5EF4-FFF2-40B4-BE49-F238E27FC236}">
                    <a16:creationId xmlns:a16="http://schemas.microsoft.com/office/drawing/2014/main" id="{43A26BEC-9E2E-8247-3556-3519F5518D17}"/>
                  </a:ext>
                </a:extLst>
              </p:cNvPr>
              <p:cNvSpPr/>
              <p:nvPr/>
            </p:nvSpPr>
            <p:spPr>
              <a:xfrm>
                <a:off x="2594699" y="4970723"/>
                <a:ext cx="114013" cy="69588"/>
              </a:xfrm>
              <a:custGeom>
                <a:avLst/>
                <a:gdLst>
                  <a:gd name="connsiteX0" fmla="*/ 76587 w 114013"/>
                  <a:gd name="connsiteY0" fmla="*/ 69589 h 69588"/>
                  <a:gd name="connsiteX1" fmla="*/ 55252 w 114013"/>
                  <a:gd name="connsiteY1" fmla="*/ 62921 h 69588"/>
                  <a:gd name="connsiteX2" fmla="*/ 4578 w 114013"/>
                  <a:gd name="connsiteY2" fmla="*/ 27488 h 69588"/>
                  <a:gd name="connsiteX3" fmla="*/ 1959 w 114013"/>
                  <a:gd name="connsiteY3" fmla="*/ 12486 h 69588"/>
                  <a:gd name="connsiteX4" fmla="*/ 16961 w 114013"/>
                  <a:gd name="connsiteY4" fmla="*/ 9867 h 69588"/>
                  <a:gd name="connsiteX5" fmla="*/ 67634 w 114013"/>
                  <a:gd name="connsiteY5" fmla="*/ 45205 h 69588"/>
                  <a:gd name="connsiteX6" fmla="*/ 89551 w 114013"/>
                  <a:gd name="connsiteY6" fmla="*/ 41518 h 69588"/>
                  <a:gd name="connsiteX7" fmla="*/ 89637 w 114013"/>
                  <a:gd name="connsiteY7" fmla="*/ 41395 h 69588"/>
                  <a:gd name="connsiteX8" fmla="*/ 92208 w 114013"/>
                  <a:gd name="connsiteY8" fmla="*/ 29679 h 69588"/>
                  <a:gd name="connsiteX9" fmla="*/ 85732 w 114013"/>
                  <a:gd name="connsiteY9" fmla="*/ 19582 h 69588"/>
                  <a:gd name="connsiteX10" fmla="*/ 83065 w 114013"/>
                  <a:gd name="connsiteY10" fmla="*/ 4628 h 69588"/>
                  <a:gd name="connsiteX11" fmla="*/ 97895 w 114013"/>
                  <a:gd name="connsiteY11" fmla="*/ 1875 h 69588"/>
                  <a:gd name="connsiteX12" fmla="*/ 98019 w 114013"/>
                  <a:gd name="connsiteY12" fmla="*/ 1961 h 69588"/>
                  <a:gd name="connsiteX13" fmla="*/ 113449 w 114013"/>
                  <a:gd name="connsiteY13" fmla="*/ 25964 h 69588"/>
                  <a:gd name="connsiteX14" fmla="*/ 107258 w 114013"/>
                  <a:gd name="connsiteY14" fmla="*/ 53777 h 69588"/>
                  <a:gd name="connsiteX15" fmla="*/ 76587 w 114013"/>
                  <a:gd name="connsiteY15" fmla="*/ 69589 h 695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14013" h="69588">
                    <a:moveTo>
                      <a:pt x="76587" y="69589"/>
                    </a:moveTo>
                    <a:cubicBezTo>
                      <a:pt x="68967" y="69550"/>
                      <a:pt x="61538" y="67226"/>
                      <a:pt x="55252" y="62921"/>
                    </a:cubicBezTo>
                    <a:lnTo>
                      <a:pt x="4578" y="27488"/>
                    </a:lnTo>
                    <a:cubicBezTo>
                      <a:pt x="-289" y="24069"/>
                      <a:pt x="-1460" y="17353"/>
                      <a:pt x="1959" y="12486"/>
                    </a:cubicBezTo>
                    <a:cubicBezTo>
                      <a:pt x="5379" y="7619"/>
                      <a:pt x="12094" y="6447"/>
                      <a:pt x="16961" y="9867"/>
                    </a:cubicBezTo>
                    <a:lnTo>
                      <a:pt x="67634" y="45205"/>
                    </a:lnTo>
                    <a:cubicBezTo>
                      <a:pt x="74702" y="50234"/>
                      <a:pt x="84522" y="48586"/>
                      <a:pt x="89551" y="41518"/>
                    </a:cubicBezTo>
                    <a:cubicBezTo>
                      <a:pt x="89580" y="41471"/>
                      <a:pt x="89608" y="41433"/>
                      <a:pt x="89637" y="41395"/>
                    </a:cubicBezTo>
                    <a:cubicBezTo>
                      <a:pt x="92028" y="37994"/>
                      <a:pt x="92951" y="33774"/>
                      <a:pt x="92208" y="29679"/>
                    </a:cubicBezTo>
                    <a:cubicBezTo>
                      <a:pt x="91513" y="25573"/>
                      <a:pt x="89170" y="21925"/>
                      <a:pt x="85732" y="19582"/>
                    </a:cubicBezTo>
                    <a:cubicBezTo>
                      <a:pt x="80874" y="16182"/>
                      <a:pt x="79683" y="9495"/>
                      <a:pt x="83065" y="4628"/>
                    </a:cubicBezTo>
                    <a:cubicBezTo>
                      <a:pt x="86398" y="-230"/>
                      <a:pt x="93047" y="-1459"/>
                      <a:pt x="97895" y="1875"/>
                    </a:cubicBezTo>
                    <a:cubicBezTo>
                      <a:pt x="97943" y="1904"/>
                      <a:pt x="97981" y="1932"/>
                      <a:pt x="98019" y="1961"/>
                    </a:cubicBezTo>
                    <a:cubicBezTo>
                      <a:pt x="106191" y="7552"/>
                      <a:pt x="111754" y="16210"/>
                      <a:pt x="113449" y="25964"/>
                    </a:cubicBezTo>
                    <a:cubicBezTo>
                      <a:pt x="115164" y="35689"/>
                      <a:pt x="112935" y="45700"/>
                      <a:pt x="107258" y="53777"/>
                    </a:cubicBezTo>
                    <a:cubicBezTo>
                      <a:pt x="100209" y="63712"/>
                      <a:pt x="88770" y="69608"/>
                      <a:pt x="76587" y="69589"/>
                    </a:cubicBezTo>
                    <a:close/>
                  </a:path>
                </a:pathLst>
              </a:custGeom>
              <a:solidFill>
                <a:srgbClr val="265998"/>
              </a:solidFill>
              <a:ln w="9525" cap="flat">
                <a:noFill/>
                <a:prstDash val="solid"/>
                <a:miter/>
              </a:ln>
            </p:spPr>
            <p:txBody>
              <a:bodyPr rtlCol="0" anchor="ctr"/>
              <a:lstStyle/>
              <a:p>
                <a:endParaRPr lang="en-AU" sz="3600"/>
              </a:p>
            </p:txBody>
          </p:sp>
          <p:sp>
            <p:nvSpPr>
              <p:cNvPr id="139" name="Freeform: Shape 138">
                <a:extLst>
                  <a:ext uri="{FF2B5EF4-FFF2-40B4-BE49-F238E27FC236}">
                    <a16:creationId xmlns:a16="http://schemas.microsoft.com/office/drawing/2014/main" id="{67980877-05E1-A8D3-AC71-93E3C25A2B1F}"/>
                  </a:ext>
                </a:extLst>
              </p:cNvPr>
              <p:cNvSpPr/>
              <p:nvPr/>
            </p:nvSpPr>
            <p:spPr>
              <a:xfrm>
                <a:off x="2579698" y="5008766"/>
                <a:ext cx="91555" cy="69648"/>
              </a:xfrm>
              <a:custGeom>
                <a:avLst/>
                <a:gdLst>
                  <a:gd name="connsiteX0" fmla="*/ 53964 w 91555"/>
                  <a:gd name="connsiteY0" fmla="*/ 69646 h 69648"/>
                  <a:gd name="connsiteX1" fmla="*/ 32628 w 91555"/>
                  <a:gd name="connsiteY1" fmla="*/ 62978 h 69648"/>
                  <a:gd name="connsiteX2" fmla="*/ 4053 w 91555"/>
                  <a:gd name="connsiteY2" fmla="*/ 42690 h 69648"/>
                  <a:gd name="connsiteX3" fmla="*/ 2348 w 91555"/>
                  <a:gd name="connsiteY3" fmla="*/ 27564 h 69648"/>
                  <a:gd name="connsiteX4" fmla="*/ 16340 w 91555"/>
                  <a:gd name="connsiteY4" fmla="*/ 25069 h 69648"/>
                  <a:gd name="connsiteX5" fmla="*/ 44915 w 91555"/>
                  <a:gd name="connsiteY5" fmla="*/ 45262 h 69648"/>
                  <a:gd name="connsiteX6" fmla="*/ 66832 w 91555"/>
                  <a:gd name="connsiteY6" fmla="*/ 41576 h 69648"/>
                  <a:gd name="connsiteX7" fmla="*/ 66918 w 91555"/>
                  <a:gd name="connsiteY7" fmla="*/ 41452 h 69648"/>
                  <a:gd name="connsiteX8" fmla="*/ 69585 w 91555"/>
                  <a:gd name="connsiteY8" fmla="*/ 29736 h 69648"/>
                  <a:gd name="connsiteX9" fmla="*/ 63108 w 91555"/>
                  <a:gd name="connsiteY9" fmla="*/ 19639 h 69648"/>
                  <a:gd name="connsiteX10" fmla="*/ 60393 w 91555"/>
                  <a:gd name="connsiteY10" fmla="*/ 4637 h 69648"/>
                  <a:gd name="connsiteX11" fmla="*/ 75395 w 91555"/>
                  <a:gd name="connsiteY11" fmla="*/ 1923 h 69648"/>
                  <a:gd name="connsiteX12" fmla="*/ 85006 w 91555"/>
                  <a:gd name="connsiteY12" fmla="*/ 53710 h 69648"/>
                  <a:gd name="connsiteX13" fmla="*/ 84920 w 91555"/>
                  <a:gd name="connsiteY13" fmla="*/ 53834 h 69648"/>
                  <a:gd name="connsiteX14" fmla="*/ 53964 w 91555"/>
                  <a:gd name="connsiteY14" fmla="*/ 69646 h 69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1555" h="69648">
                    <a:moveTo>
                      <a:pt x="53964" y="69646"/>
                    </a:moveTo>
                    <a:cubicBezTo>
                      <a:pt x="46335" y="69646"/>
                      <a:pt x="38896" y="67322"/>
                      <a:pt x="32628" y="62978"/>
                    </a:cubicBezTo>
                    <a:lnTo>
                      <a:pt x="4053" y="42690"/>
                    </a:lnTo>
                    <a:cubicBezTo>
                      <a:pt x="-595" y="38985"/>
                      <a:pt x="-1357" y="32212"/>
                      <a:pt x="2348" y="27564"/>
                    </a:cubicBezTo>
                    <a:cubicBezTo>
                      <a:pt x="5720" y="23335"/>
                      <a:pt x="11711" y="22268"/>
                      <a:pt x="16340" y="25069"/>
                    </a:cubicBezTo>
                    <a:lnTo>
                      <a:pt x="44915" y="45262"/>
                    </a:lnTo>
                    <a:cubicBezTo>
                      <a:pt x="51983" y="50291"/>
                      <a:pt x="61803" y="48643"/>
                      <a:pt x="66832" y="41576"/>
                    </a:cubicBezTo>
                    <a:cubicBezTo>
                      <a:pt x="66861" y="41528"/>
                      <a:pt x="66889" y="41490"/>
                      <a:pt x="66918" y="41452"/>
                    </a:cubicBezTo>
                    <a:cubicBezTo>
                      <a:pt x="69299" y="38042"/>
                      <a:pt x="70252" y="33841"/>
                      <a:pt x="69585" y="29736"/>
                    </a:cubicBezTo>
                    <a:cubicBezTo>
                      <a:pt x="68842" y="25650"/>
                      <a:pt x="66518" y="22021"/>
                      <a:pt x="63108" y="19639"/>
                    </a:cubicBezTo>
                    <a:cubicBezTo>
                      <a:pt x="58212" y="16249"/>
                      <a:pt x="57003" y="9533"/>
                      <a:pt x="60393" y="4637"/>
                    </a:cubicBezTo>
                    <a:cubicBezTo>
                      <a:pt x="63784" y="-258"/>
                      <a:pt x="70499" y="-1468"/>
                      <a:pt x="75395" y="1923"/>
                    </a:cubicBezTo>
                    <a:cubicBezTo>
                      <a:pt x="92350" y="13572"/>
                      <a:pt x="96655" y="36756"/>
                      <a:pt x="85006" y="53710"/>
                    </a:cubicBezTo>
                    <a:cubicBezTo>
                      <a:pt x="84977" y="53748"/>
                      <a:pt x="84949" y="53796"/>
                      <a:pt x="84920" y="53834"/>
                    </a:cubicBezTo>
                    <a:cubicBezTo>
                      <a:pt x="77834" y="63883"/>
                      <a:pt x="66261" y="69789"/>
                      <a:pt x="53964" y="69646"/>
                    </a:cubicBezTo>
                    <a:close/>
                  </a:path>
                </a:pathLst>
              </a:custGeom>
              <a:solidFill>
                <a:srgbClr val="265998"/>
              </a:solidFill>
              <a:ln w="9525" cap="flat">
                <a:noFill/>
                <a:prstDash val="solid"/>
                <a:miter/>
              </a:ln>
            </p:spPr>
            <p:txBody>
              <a:bodyPr rtlCol="0" anchor="ctr"/>
              <a:lstStyle/>
              <a:p>
                <a:endParaRPr lang="en-AU" sz="3600"/>
              </a:p>
            </p:txBody>
          </p:sp>
          <p:sp>
            <p:nvSpPr>
              <p:cNvPr id="140" name="Freeform: Shape 139">
                <a:extLst>
                  <a:ext uri="{FF2B5EF4-FFF2-40B4-BE49-F238E27FC236}">
                    <a16:creationId xmlns:a16="http://schemas.microsoft.com/office/drawing/2014/main" id="{F50CF858-9655-7ECB-D0B4-A9D0895BC7D0}"/>
                  </a:ext>
                </a:extLst>
              </p:cNvPr>
              <p:cNvSpPr/>
              <p:nvPr/>
            </p:nvSpPr>
            <p:spPr>
              <a:xfrm>
                <a:off x="2548728" y="5045107"/>
                <a:ext cx="82799" cy="70363"/>
              </a:xfrm>
              <a:custGeom>
                <a:avLst/>
                <a:gdLst>
                  <a:gd name="connsiteX0" fmla="*/ 44643 w 82799"/>
                  <a:gd name="connsiteY0" fmla="*/ 70357 h 70363"/>
                  <a:gd name="connsiteX1" fmla="*/ 23403 w 82799"/>
                  <a:gd name="connsiteY1" fmla="*/ 63690 h 70363"/>
                  <a:gd name="connsiteX2" fmla="*/ 5019 w 82799"/>
                  <a:gd name="connsiteY2" fmla="*/ 51688 h 70363"/>
                  <a:gd name="connsiteX3" fmla="*/ 1733 w 82799"/>
                  <a:gd name="connsiteY3" fmla="*/ 36591 h 70363"/>
                  <a:gd name="connsiteX4" fmla="*/ 16830 w 82799"/>
                  <a:gd name="connsiteY4" fmla="*/ 33305 h 70363"/>
                  <a:gd name="connsiteX5" fmla="*/ 35880 w 82799"/>
                  <a:gd name="connsiteY5" fmla="*/ 45497 h 70363"/>
                  <a:gd name="connsiteX6" fmla="*/ 57988 w 82799"/>
                  <a:gd name="connsiteY6" fmla="*/ 42144 h 70363"/>
                  <a:gd name="connsiteX7" fmla="*/ 60836 w 82799"/>
                  <a:gd name="connsiteY7" fmla="*/ 30066 h 70363"/>
                  <a:gd name="connsiteX8" fmla="*/ 54359 w 82799"/>
                  <a:gd name="connsiteY8" fmla="*/ 19970 h 70363"/>
                  <a:gd name="connsiteX9" fmla="*/ 50730 w 82799"/>
                  <a:gd name="connsiteY9" fmla="*/ 5187 h 70363"/>
                  <a:gd name="connsiteX10" fmla="*/ 65513 w 82799"/>
                  <a:gd name="connsiteY10" fmla="*/ 1558 h 70363"/>
                  <a:gd name="connsiteX11" fmla="*/ 66646 w 82799"/>
                  <a:gd name="connsiteY11" fmla="*/ 2349 h 70363"/>
                  <a:gd name="connsiteX12" fmla="*/ 76295 w 82799"/>
                  <a:gd name="connsiteY12" fmla="*/ 53993 h 70363"/>
                  <a:gd name="connsiteX13" fmla="*/ 76171 w 82799"/>
                  <a:gd name="connsiteY13" fmla="*/ 54165 h 70363"/>
                  <a:gd name="connsiteX14" fmla="*/ 44643 w 82799"/>
                  <a:gd name="connsiteY14" fmla="*/ 70357 h 70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2799" h="70363">
                    <a:moveTo>
                      <a:pt x="44643" y="70357"/>
                    </a:moveTo>
                    <a:cubicBezTo>
                      <a:pt x="37052" y="70348"/>
                      <a:pt x="29642" y="68023"/>
                      <a:pt x="23403" y="63690"/>
                    </a:cubicBezTo>
                    <a:lnTo>
                      <a:pt x="5019" y="51688"/>
                    </a:lnTo>
                    <a:cubicBezTo>
                      <a:pt x="-57" y="48431"/>
                      <a:pt x="-1524" y="41668"/>
                      <a:pt x="1733" y="36591"/>
                    </a:cubicBezTo>
                    <a:cubicBezTo>
                      <a:pt x="4991" y="31514"/>
                      <a:pt x="11754" y="30047"/>
                      <a:pt x="16830" y="33305"/>
                    </a:cubicBezTo>
                    <a:lnTo>
                      <a:pt x="35880" y="45497"/>
                    </a:lnTo>
                    <a:cubicBezTo>
                      <a:pt x="42910" y="50679"/>
                      <a:pt x="52806" y="49173"/>
                      <a:pt x="57988" y="42144"/>
                    </a:cubicBezTo>
                    <a:cubicBezTo>
                      <a:pt x="60541" y="38677"/>
                      <a:pt x="61569" y="34314"/>
                      <a:pt x="60836" y="30066"/>
                    </a:cubicBezTo>
                    <a:cubicBezTo>
                      <a:pt x="60093" y="25980"/>
                      <a:pt x="57769" y="22351"/>
                      <a:pt x="54359" y="19970"/>
                    </a:cubicBezTo>
                    <a:cubicBezTo>
                      <a:pt x="49273" y="16893"/>
                      <a:pt x="47653" y="10273"/>
                      <a:pt x="50730" y="5187"/>
                    </a:cubicBezTo>
                    <a:cubicBezTo>
                      <a:pt x="53816" y="101"/>
                      <a:pt x="60426" y="-1519"/>
                      <a:pt x="65513" y="1558"/>
                    </a:cubicBezTo>
                    <a:cubicBezTo>
                      <a:pt x="65913" y="1796"/>
                      <a:pt x="66284" y="2063"/>
                      <a:pt x="66646" y="2349"/>
                    </a:cubicBezTo>
                    <a:cubicBezTo>
                      <a:pt x="83572" y="13950"/>
                      <a:pt x="87887" y="37067"/>
                      <a:pt x="76295" y="53993"/>
                    </a:cubicBezTo>
                    <a:cubicBezTo>
                      <a:pt x="76247" y="54050"/>
                      <a:pt x="76209" y="54107"/>
                      <a:pt x="76171" y="54165"/>
                    </a:cubicBezTo>
                    <a:cubicBezTo>
                      <a:pt x="69046" y="64509"/>
                      <a:pt x="57207" y="70595"/>
                      <a:pt x="44643" y="70357"/>
                    </a:cubicBezTo>
                    <a:close/>
                  </a:path>
                </a:pathLst>
              </a:custGeom>
              <a:solidFill>
                <a:srgbClr val="265998"/>
              </a:solidFill>
              <a:ln w="9525" cap="flat">
                <a:noFill/>
                <a:prstDash val="solid"/>
                <a:miter/>
              </a:ln>
            </p:spPr>
            <p:txBody>
              <a:bodyPr rtlCol="0" anchor="ctr"/>
              <a:lstStyle/>
              <a:p>
                <a:endParaRPr lang="en-AU" sz="3600"/>
              </a:p>
            </p:txBody>
          </p:sp>
          <p:sp>
            <p:nvSpPr>
              <p:cNvPr id="141" name="Freeform: Shape 140">
                <a:extLst>
                  <a:ext uri="{FF2B5EF4-FFF2-40B4-BE49-F238E27FC236}">
                    <a16:creationId xmlns:a16="http://schemas.microsoft.com/office/drawing/2014/main" id="{8A6FE061-F178-814F-C057-334354B0DD1B}"/>
                  </a:ext>
                </a:extLst>
              </p:cNvPr>
              <p:cNvSpPr/>
              <p:nvPr/>
            </p:nvSpPr>
            <p:spPr>
              <a:xfrm>
                <a:off x="2359580" y="4920614"/>
                <a:ext cx="100116" cy="110839"/>
              </a:xfrm>
              <a:custGeom>
                <a:avLst/>
                <a:gdLst>
                  <a:gd name="connsiteX0" fmla="*/ 37195 w 100116"/>
                  <a:gd name="connsiteY0" fmla="*/ 110839 h 110839"/>
                  <a:gd name="connsiteX1" fmla="*/ 0 w 100116"/>
                  <a:gd name="connsiteY1" fmla="*/ 73549 h 110839"/>
                  <a:gd name="connsiteX2" fmla="*/ 6715 w 100116"/>
                  <a:gd name="connsiteY2" fmla="*/ 52260 h 110839"/>
                  <a:gd name="connsiteX3" fmla="*/ 32052 w 100116"/>
                  <a:gd name="connsiteY3" fmla="*/ 16161 h 110839"/>
                  <a:gd name="connsiteX4" fmla="*/ 83839 w 100116"/>
                  <a:gd name="connsiteY4" fmla="*/ 6550 h 110839"/>
                  <a:gd name="connsiteX5" fmla="*/ 83963 w 100116"/>
                  <a:gd name="connsiteY5" fmla="*/ 6636 h 110839"/>
                  <a:gd name="connsiteX6" fmla="*/ 93612 w 100116"/>
                  <a:gd name="connsiteY6" fmla="*/ 58280 h 110839"/>
                  <a:gd name="connsiteX7" fmla="*/ 93488 w 100116"/>
                  <a:gd name="connsiteY7" fmla="*/ 58452 h 110839"/>
                  <a:gd name="connsiteX8" fmla="*/ 68151 w 100116"/>
                  <a:gd name="connsiteY8" fmla="*/ 94551 h 110839"/>
                  <a:gd name="connsiteX9" fmla="*/ 37195 w 100116"/>
                  <a:gd name="connsiteY9" fmla="*/ 110839 h 110839"/>
                  <a:gd name="connsiteX10" fmla="*/ 62627 w 100116"/>
                  <a:gd name="connsiteY10" fmla="*/ 21780 h 110839"/>
                  <a:gd name="connsiteX11" fmla="*/ 49673 w 100116"/>
                  <a:gd name="connsiteY11" fmla="*/ 28543 h 110839"/>
                  <a:gd name="connsiteX12" fmla="*/ 24336 w 100116"/>
                  <a:gd name="connsiteY12" fmla="*/ 64643 h 110839"/>
                  <a:gd name="connsiteX13" fmla="*/ 21669 w 100116"/>
                  <a:gd name="connsiteY13" fmla="*/ 76359 h 110839"/>
                  <a:gd name="connsiteX14" fmla="*/ 28146 w 100116"/>
                  <a:gd name="connsiteY14" fmla="*/ 86455 h 110839"/>
                  <a:gd name="connsiteX15" fmla="*/ 50149 w 100116"/>
                  <a:gd name="connsiteY15" fmla="*/ 82645 h 110839"/>
                  <a:gd name="connsiteX16" fmla="*/ 75486 w 100116"/>
                  <a:gd name="connsiteY16" fmla="*/ 46450 h 110839"/>
                  <a:gd name="connsiteX17" fmla="*/ 78153 w 100116"/>
                  <a:gd name="connsiteY17" fmla="*/ 34829 h 110839"/>
                  <a:gd name="connsiteX18" fmla="*/ 71676 w 100116"/>
                  <a:gd name="connsiteY18" fmla="*/ 24638 h 110839"/>
                  <a:gd name="connsiteX19" fmla="*/ 62627 w 100116"/>
                  <a:gd name="connsiteY19" fmla="*/ 21780 h 110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00116" h="110839">
                    <a:moveTo>
                      <a:pt x="37195" y="110839"/>
                    </a:moveTo>
                    <a:cubicBezTo>
                      <a:pt x="16631" y="110810"/>
                      <a:pt x="-29" y="94123"/>
                      <a:pt x="0" y="73549"/>
                    </a:cubicBezTo>
                    <a:cubicBezTo>
                      <a:pt x="9" y="65938"/>
                      <a:pt x="2353" y="58499"/>
                      <a:pt x="6715" y="52260"/>
                    </a:cubicBezTo>
                    <a:lnTo>
                      <a:pt x="32052" y="16161"/>
                    </a:lnTo>
                    <a:cubicBezTo>
                      <a:pt x="43701" y="-794"/>
                      <a:pt x="66884" y="-5099"/>
                      <a:pt x="83839" y="6550"/>
                    </a:cubicBezTo>
                    <a:cubicBezTo>
                      <a:pt x="83877" y="6578"/>
                      <a:pt x="83925" y="6607"/>
                      <a:pt x="83963" y="6636"/>
                    </a:cubicBezTo>
                    <a:cubicBezTo>
                      <a:pt x="100889" y="18237"/>
                      <a:pt x="105204" y="41354"/>
                      <a:pt x="93612" y="58280"/>
                    </a:cubicBezTo>
                    <a:cubicBezTo>
                      <a:pt x="93564" y="58337"/>
                      <a:pt x="93526" y="58394"/>
                      <a:pt x="93488" y="58452"/>
                    </a:cubicBezTo>
                    <a:lnTo>
                      <a:pt x="68151" y="94551"/>
                    </a:lnTo>
                    <a:cubicBezTo>
                      <a:pt x="61198" y="104800"/>
                      <a:pt x="49587" y="110915"/>
                      <a:pt x="37195" y="110839"/>
                    </a:cubicBezTo>
                    <a:close/>
                    <a:moveTo>
                      <a:pt x="62627" y="21780"/>
                    </a:moveTo>
                    <a:cubicBezTo>
                      <a:pt x="57464" y="21799"/>
                      <a:pt x="52635" y="24323"/>
                      <a:pt x="49673" y="28543"/>
                    </a:cubicBezTo>
                    <a:lnTo>
                      <a:pt x="24336" y="64643"/>
                    </a:lnTo>
                    <a:cubicBezTo>
                      <a:pt x="21907" y="68034"/>
                      <a:pt x="20945" y="72253"/>
                      <a:pt x="21669" y="76359"/>
                    </a:cubicBezTo>
                    <a:cubicBezTo>
                      <a:pt x="22412" y="80445"/>
                      <a:pt x="24736" y="84074"/>
                      <a:pt x="28146" y="86455"/>
                    </a:cubicBezTo>
                    <a:cubicBezTo>
                      <a:pt x="35338" y="91208"/>
                      <a:pt x="44977" y="89532"/>
                      <a:pt x="50149" y="82645"/>
                    </a:cubicBezTo>
                    <a:lnTo>
                      <a:pt x="75486" y="46450"/>
                    </a:lnTo>
                    <a:cubicBezTo>
                      <a:pt x="77914" y="43097"/>
                      <a:pt x="78876" y="38906"/>
                      <a:pt x="78153" y="34829"/>
                    </a:cubicBezTo>
                    <a:cubicBezTo>
                      <a:pt x="77438" y="30705"/>
                      <a:pt x="75105" y="27038"/>
                      <a:pt x="71676" y="24638"/>
                    </a:cubicBezTo>
                    <a:cubicBezTo>
                      <a:pt x="69037" y="22761"/>
                      <a:pt x="65865" y="21761"/>
                      <a:pt x="62627" y="21780"/>
                    </a:cubicBezTo>
                    <a:close/>
                  </a:path>
                </a:pathLst>
              </a:custGeom>
              <a:solidFill>
                <a:srgbClr val="265998"/>
              </a:solidFill>
              <a:ln w="9525" cap="flat">
                <a:noFill/>
                <a:prstDash val="solid"/>
                <a:miter/>
              </a:ln>
            </p:spPr>
            <p:txBody>
              <a:bodyPr rtlCol="0" anchor="ctr"/>
              <a:lstStyle/>
              <a:p>
                <a:endParaRPr lang="en-AU" sz="3600"/>
              </a:p>
            </p:txBody>
          </p:sp>
          <p:sp>
            <p:nvSpPr>
              <p:cNvPr id="142" name="Freeform: Shape 141">
                <a:extLst>
                  <a:ext uri="{FF2B5EF4-FFF2-40B4-BE49-F238E27FC236}">
                    <a16:creationId xmlns:a16="http://schemas.microsoft.com/office/drawing/2014/main" id="{24A44158-9BD0-298C-0897-165570199173}"/>
                  </a:ext>
                </a:extLst>
              </p:cNvPr>
              <p:cNvSpPr/>
              <p:nvPr/>
            </p:nvSpPr>
            <p:spPr>
              <a:xfrm>
                <a:off x="2397966" y="4958122"/>
                <a:ext cx="100123" cy="110764"/>
              </a:xfrm>
              <a:custGeom>
                <a:avLst/>
                <a:gdLst>
                  <a:gd name="connsiteX0" fmla="*/ 37195 w 100123"/>
                  <a:gd name="connsiteY0" fmla="*/ 110764 h 110764"/>
                  <a:gd name="connsiteX1" fmla="*/ 0 w 100123"/>
                  <a:gd name="connsiteY1" fmla="*/ 73474 h 110764"/>
                  <a:gd name="connsiteX2" fmla="*/ 6715 w 100123"/>
                  <a:gd name="connsiteY2" fmla="*/ 52185 h 110764"/>
                  <a:gd name="connsiteX3" fmla="*/ 32052 w 100123"/>
                  <a:gd name="connsiteY3" fmla="*/ 16086 h 110764"/>
                  <a:gd name="connsiteX4" fmla="*/ 83963 w 100123"/>
                  <a:gd name="connsiteY4" fmla="*/ 6561 h 110764"/>
                  <a:gd name="connsiteX5" fmla="*/ 93574 w 100123"/>
                  <a:gd name="connsiteY5" fmla="*/ 58348 h 110764"/>
                  <a:gd name="connsiteX6" fmla="*/ 93488 w 100123"/>
                  <a:gd name="connsiteY6" fmla="*/ 58472 h 110764"/>
                  <a:gd name="connsiteX7" fmla="*/ 68151 w 100123"/>
                  <a:gd name="connsiteY7" fmla="*/ 94572 h 110764"/>
                  <a:gd name="connsiteX8" fmla="*/ 37195 w 100123"/>
                  <a:gd name="connsiteY8" fmla="*/ 110764 h 110764"/>
                  <a:gd name="connsiteX9" fmla="*/ 62627 w 100123"/>
                  <a:gd name="connsiteY9" fmla="*/ 21705 h 110764"/>
                  <a:gd name="connsiteX10" fmla="*/ 49673 w 100123"/>
                  <a:gd name="connsiteY10" fmla="*/ 28468 h 110764"/>
                  <a:gd name="connsiteX11" fmla="*/ 24336 w 100123"/>
                  <a:gd name="connsiteY11" fmla="*/ 64568 h 110764"/>
                  <a:gd name="connsiteX12" fmla="*/ 21669 w 100123"/>
                  <a:gd name="connsiteY12" fmla="*/ 76284 h 110764"/>
                  <a:gd name="connsiteX13" fmla="*/ 28146 w 100123"/>
                  <a:gd name="connsiteY13" fmla="*/ 86380 h 110764"/>
                  <a:gd name="connsiteX14" fmla="*/ 50149 w 100123"/>
                  <a:gd name="connsiteY14" fmla="*/ 82570 h 110764"/>
                  <a:gd name="connsiteX15" fmla="*/ 75486 w 100123"/>
                  <a:gd name="connsiteY15" fmla="*/ 46470 h 110764"/>
                  <a:gd name="connsiteX16" fmla="*/ 78153 w 100123"/>
                  <a:gd name="connsiteY16" fmla="*/ 34755 h 110764"/>
                  <a:gd name="connsiteX17" fmla="*/ 62627 w 100123"/>
                  <a:gd name="connsiteY17" fmla="*/ 21705 h 1107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00123" h="110764">
                    <a:moveTo>
                      <a:pt x="37195" y="110764"/>
                    </a:moveTo>
                    <a:cubicBezTo>
                      <a:pt x="16631" y="110736"/>
                      <a:pt x="-29" y="94048"/>
                      <a:pt x="0" y="73474"/>
                    </a:cubicBezTo>
                    <a:cubicBezTo>
                      <a:pt x="9" y="65863"/>
                      <a:pt x="2353" y="58424"/>
                      <a:pt x="6715" y="52185"/>
                    </a:cubicBezTo>
                    <a:lnTo>
                      <a:pt x="32052" y="16086"/>
                    </a:lnTo>
                    <a:cubicBezTo>
                      <a:pt x="43796" y="-821"/>
                      <a:pt x="66980" y="-5079"/>
                      <a:pt x="83963" y="6561"/>
                    </a:cubicBezTo>
                    <a:cubicBezTo>
                      <a:pt x="100917" y="18210"/>
                      <a:pt x="105223" y="41394"/>
                      <a:pt x="93574" y="58348"/>
                    </a:cubicBezTo>
                    <a:cubicBezTo>
                      <a:pt x="93545" y="58386"/>
                      <a:pt x="93516" y="58434"/>
                      <a:pt x="93488" y="58472"/>
                    </a:cubicBezTo>
                    <a:lnTo>
                      <a:pt x="68151" y="94572"/>
                    </a:lnTo>
                    <a:cubicBezTo>
                      <a:pt x="61151" y="104763"/>
                      <a:pt x="49558" y="110821"/>
                      <a:pt x="37195" y="110764"/>
                    </a:cubicBezTo>
                    <a:close/>
                    <a:moveTo>
                      <a:pt x="62627" y="21705"/>
                    </a:moveTo>
                    <a:cubicBezTo>
                      <a:pt x="57464" y="21724"/>
                      <a:pt x="52635" y="24248"/>
                      <a:pt x="49673" y="28468"/>
                    </a:cubicBezTo>
                    <a:lnTo>
                      <a:pt x="24336" y="64568"/>
                    </a:lnTo>
                    <a:cubicBezTo>
                      <a:pt x="21955" y="67978"/>
                      <a:pt x="21003" y="72178"/>
                      <a:pt x="21669" y="76284"/>
                    </a:cubicBezTo>
                    <a:cubicBezTo>
                      <a:pt x="22412" y="80370"/>
                      <a:pt x="24736" y="83999"/>
                      <a:pt x="28146" y="86380"/>
                    </a:cubicBezTo>
                    <a:cubicBezTo>
                      <a:pt x="35328" y="91181"/>
                      <a:pt x="45006" y="89504"/>
                      <a:pt x="50149" y="82570"/>
                    </a:cubicBezTo>
                    <a:lnTo>
                      <a:pt x="75486" y="46470"/>
                    </a:lnTo>
                    <a:cubicBezTo>
                      <a:pt x="77953" y="43098"/>
                      <a:pt x="78915" y="38860"/>
                      <a:pt x="78153" y="34755"/>
                    </a:cubicBezTo>
                    <a:cubicBezTo>
                      <a:pt x="76848" y="27201"/>
                      <a:pt x="70294" y="21686"/>
                      <a:pt x="62627" y="21705"/>
                    </a:cubicBezTo>
                    <a:close/>
                  </a:path>
                </a:pathLst>
              </a:custGeom>
              <a:solidFill>
                <a:srgbClr val="265998"/>
              </a:solidFill>
              <a:ln w="9525" cap="flat">
                <a:noFill/>
                <a:prstDash val="solid"/>
                <a:miter/>
              </a:ln>
            </p:spPr>
            <p:txBody>
              <a:bodyPr rtlCol="0" anchor="ctr"/>
              <a:lstStyle/>
              <a:p>
                <a:endParaRPr lang="en-AU" sz="3600"/>
              </a:p>
            </p:txBody>
          </p:sp>
          <p:sp>
            <p:nvSpPr>
              <p:cNvPr id="143" name="Freeform: Shape 142">
                <a:extLst>
                  <a:ext uri="{FF2B5EF4-FFF2-40B4-BE49-F238E27FC236}">
                    <a16:creationId xmlns:a16="http://schemas.microsoft.com/office/drawing/2014/main" id="{26564A2A-759E-EC93-EC73-9AAF533F325C}"/>
                  </a:ext>
                </a:extLst>
              </p:cNvPr>
              <p:cNvSpPr/>
              <p:nvPr/>
            </p:nvSpPr>
            <p:spPr>
              <a:xfrm>
                <a:off x="2446308" y="4996020"/>
                <a:ext cx="89780" cy="96107"/>
              </a:xfrm>
              <a:custGeom>
                <a:avLst/>
                <a:gdLst>
                  <a:gd name="connsiteX0" fmla="*/ 37336 w 89780"/>
                  <a:gd name="connsiteY0" fmla="*/ 96107 h 96107"/>
                  <a:gd name="connsiteX1" fmla="*/ 16000 w 89780"/>
                  <a:gd name="connsiteY1" fmla="*/ 89440 h 96107"/>
                  <a:gd name="connsiteX2" fmla="*/ 569 w 89780"/>
                  <a:gd name="connsiteY2" fmla="*/ 65341 h 96107"/>
                  <a:gd name="connsiteX3" fmla="*/ 6760 w 89780"/>
                  <a:gd name="connsiteY3" fmla="*/ 37529 h 96107"/>
                  <a:gd name="connsiteX4" fmla="*/ 22000 w 89780"/>
                  <a:gd name="connsiteY4" fmla="*/ 15907 h 96107"/>
                  <a:gd name="connsiteX5" fmla="*/ 52576 w 89780"/>
                  <a:gd name="connsiteY5" fmla="*/ 0 h 96107"/>
                  <a:gd name="connsiteX6" fmla="*/ 89780 w 89780"/>
                  <a:gd name="connsiteY6" fmla="*/ 37471 h 96107"/>
                  <a:gd name="connsiteX7" fmla="*/ 83151 w 89780"/>
                  <a:gd name="connsiteY7" fmla="*/ 58579 h 96107"/>
                  <a:gd name="connsiteX8" fmla="*/ 67911 w 89780"/>
                  <a:gd name="connsiteY8" fmla="*/ 80296 h 96107"/>
                  <a:gd name="connsiteX9" fmla="*/ 37336 w 89780"/>
                  <a:gd name="connsiteY9" fmla="*/ 96107 h 96107"/>
                  <a:gd name="connsiteX10" fmla="*/ 52576 w 89780"/>
                  <a:gd name="connsiteY10" fmla="*/ 21526 h 96107"/>
                  <a:gd name="connsiteX11" fmla="*/ 39622 w 89780"/>
                  <a:gd name="connsiteY11" fmla="*/ 28194 h 96107"/>
                  <a:gd name="connsiteX12" fmla="*/ 24382 w 89780"/>
                  <a:gd name="connsiteY12" fmla="*/ 49911 h 96107"/>
                  <a:gd name="connsiteX13" fmla="*/ 21810 w 89780"/>
                  <a:gd name="connsiteY13" fmla="*/ 61627 h 96107"/>
                  <a:gd name="connsiteX14" fmla="*/ 28287 w 89780"/>
                  <a:gd name="connsiteY14" fmla="*/ 71723 h 96107"/>
                  <a:gd name="connsiteX15" fmla="*/ 50290 w 89780"/>
                  <a:gd name="connsiteY15" fmla="*/ 67913 h 96107"/>
                  <a:gd name="connsiteX16" fmla="*/ 65530 w 89780"/>
                  <a:gd name="connsiteY16" fmla="*/ 46196 h 96107"/>
                  <a:gd name="connsiteX17" fmla="*/ 68101 w 89780"/>
                  <a:gd name="connsiteY17" fmla="*/ 34480 h 96107"/>
                  <a:gd name="connsiteX18" fmla="*/ 61624 w 89780"/>
                  <a:gd name="connsiteY18" fmla="*/ 24384 h 96107"/>
                  <a:gd name="connsiteX19" fmla="*/ 52671 w 89780"/>
                  <a:gd name="connsiteY19" fmla="*/ 21526 h 96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9780" h="96107">
                    <a:moveTo>
                      <a:pt x="37336" y="96107"/>
                    </a:moveTo>
                    <a:cubicBezTo>
                      <a:pt x="29706" y="96136"/>
                      <a:pt x="22258" y="93802"/>
                      <a:pt x="16000" y="89440"/>
                    </a:cubicBezTo>
                    <a:cubicBezTo>
                      <a:pt x="7923" y="83715"/>
                      <a:pt x="2388" y="75076"/>
                      <a:pt x="569" y="65341"/>
                    </a:cubicBezTo>
                    <a:cubicBezTo>
                      <a:pt x="-1155" y="55616"/>
                      <a:pt x="1074" y="45606"/>
                      <a:pt x="6760" y="37529"/>
                    </a:cubicBezTo>
                    <a:lnTo>
                      <a:pt x="22000" y="15907"/>
                    </a:lnTo>
                    <a:cubicBezTo>
                      <a:pt x="29001" y="5953"/>
                      <a:pt x="40403" y="19"/>
                      <a:pt x="52576" y="0"/>
                    </a:cubicBezTo>
                    <a:cubicBezTo>
                      <a:pt x="73197" y="76"/>
                      <a:pt x="89857" y="16850"/>
                      <a:pt x="89780" y="37471"/>
                    </a:cubicBezTo>
                    <a:cubicBezTo>
                      <a:pt x="89752" y="45015"/>
                      <a:pt x="87447" y="52378"/>
                      <a:pt x="83151" y="58579"/>
                    </a:cubicBezTo>
                    <a:lnTo>
                      <a:pt x="67911" y="80296"/>
                    </a:lnTo>
                    <a:cubicBezTo>
                      <a:pt x="60891" y="90221"/>
                      <a:pt x="49490" y="96117"/>
                      <a:pt x="37336" y="96107"/>
                    </a:cubicBezTo>
                    <a:close/>
                    <a:moveTo>
                      <a:pt x="52576" y="21526"/>
                    </a:moveTo>
                    <a:cubicBezTo>
                      <a:pt x="47432" y="21507"/>
                      <a:pt x="42594" y="23993"/>
                      <a:pt x="39622" y="28194"/>
                    </a:cubicBezTo>
                    <a:lnTo>
                      <a:pt x="24382" y="49911"/>
                    </a:lnTo>
                    <a:cubicBezTo>
                      <a:pt x="21991" y="53311"/>
                      <a:pt x="21067" y="57531"/>
                      <a:pt x="21810" y="61627"/>
                    </a:cubicBezTo>
                    <a:cubicBezTo>
                      <a:pt x="22505" y="65732"/>
                      <a:pt x="24848" y="69380"/>
                      <a:pt x="28287" y="71723"/>
                    </a:cubicBezTo>
                    <a:cubicBezTo>
                      <a:pt x="35478" y="76476"/>
                      <a:pt x="45118" y="74800"/>
                      <a:pt x="50290" y="67913"/>
                    </a:cubicBezTo>
                    <a:lnTo>
                      <a:pt x="65530" y="46196"/>
                    </a:lnTo>
                    <a:cubicBezTo>
                      <a:pt x="67930" y="42796"/>
                      <a:pt x="68863" y="38576"/>
                      <a:pt x="68101" y="34480"/>
                    </a:cubicBezTo>
                    <a:cubicBezTo>
                      <a:pt x="67358" y="30394"/>
                      <a:pt x="65034" y="26765"/>
                      <a:pt x="61624" y="24384"/>
                    </a:cubicBezTo>
                    <a:cubicBezTo>
                      <a:pt x="59005" y="22527"/>
                      <a:pt x="55881" y="21526"/>
                      <a:pt x="52671" y="21526"/>
                    </a:cubicBezTo>
                    <a:close/>
                  </a:path>
                </a:pathLst>
              </a:custGeom>
              <a:solidFill>
                <a:srgbClr val="265998"/>
              </a:solidFill>
              <a:ln w="9525" cap="flat">
                <a:noFill/>
                <a:prstDash val="solid"/>
                <a:miter/>
              </a:ln>
            </p:spPr>
            <p:txBody>
              <a:bodyPr rtlCol="0" anchor="ctr"/>
              <a:lstStyle/>
              <a:p>
                <a:endParaRPr lang="en-AU" sz="3600"/>
              </a:p>
            </p:txBody>
          </p:sp>
          <p:sp>
            <p:nvSpPr>
              <p:cNvPr id="144" name="Freeform: Shape 143">
                <a:extLst>
                  <a:ext uri="{FF2B5EF4-FFF2-40B4-BE49-F238E27FC236}">
                    <a16:creationId xmlns:a16="http://schemas.microsoft.com/office/drawing/2014/main" id="{EB0909FF-6A73-1775-F557-E3234392B7C4}"/>
                  </a:ext>
                </a:extLst>
              </p:cNvPr>
              <p:cNvSpPr/>
              <p:nvPr/>
            </p:nvSpPr>
            <p:spPr>
              <a:xfrm>
                <a:off x="2494976" y="5033370"/>
                <a:ext cx="79837" cy="81903"/>
              </a:xfrm>
              <a:custGeom>
                <a:avLst/>
                <a:gdLst>
                  <a:gd name="connsiteX0" fmla="*/ 37245 w 79837"/>
                  <a:gd name="connsiteY0" fmla="*/ 81903 h 81903"/>
                  <a:gd name="connsiteX1" fmla="*/ 574 w 79837"/>
                  <a:gd name="connsiteY1" fmla="*/ 51138 h 81903"/>
                  <a:gd name="connsiteX2" fmla="*/ 6765 w 79837"/>
                  <a:gd name="connsiteY2" fmla="*/ 23325 h 81903"/>
                  <a:gd name="connsiteX3" fmla="*/ 11814 w 79837"/>
                  <a:gd name="connsiteY3" fmla="*/ 16086 h 81903"/>
                  <a:gd name="connsiteX4" fmla="*/ 63725 w 79837"/>
                  <a:gd name="connsiteY4" fmla="*/ 6561 h 81903"/>
                  <a:gd name="connsiteX5" fmla="*/ 73259 w 79837"/>
                  <a:gd name="connsiteY5" fmla="*/ 58358 h 81903"/>
                  <a:gd name="connsiteX6" fmla="*/ 73250 w 79837"/>
                  <a:gd name="connsiteY6" fmla="*/ 58377 h 81903"/>
                  <a:gd name="connsiteX7" fmla="*/ 68106 w 79837"/>
                  <a:gd name="connsiteY7" fmla="*/ 65616 h 81903"/>
                  <a:gd name="connsiteX8" fmla="*/ 37245 w 79837"/>
                  <a:gd name="connsiteY8" fmla="*/ 81903 h 81903"/>
                  <a:gd name="connsiteX9" fmla="*/ 42389 w 79837"/>
                  <a:gd name="connsiteY9" fmla="*/ 21801 h 81903"/>
                  <a:gd name="connsiteX10" fmla="*/ 29435 w 79837"/>
                  <a:gd name="connsiteY10" fmla="*/ 28468 h 81903"/>
                  <a:gd name="connsiteX11" fmla="*/ 24387 w 79837"/>
                  <a:gd name="connsiteY11" fmla="*/ 35707 h 81903"/>
                  <a:gd name="connsiteX12" fmla="*/ 21720 w 79837"/>
                  <a:gd name="connsiteY12" fmla="*/ 47423 h 81903"/>
                  <a:gd name="connsiteX13" fmla="*/ 28197 w 79837"/>
                  <a:gd name="connsiteY13" fmla="*/ 57519 h 81903"/>
                  <a:gd name="connsiteX14" fmla="*/ 50199 w 79837"/>
                  <a:gd name="connsiteY14" fmla="*/ 53614 h 81903"/>
                  <a:gd name="connsiteX15" fmla="*/ 55343 w 79837"/>
                  <a:gd name="connsiteY15" fmla="*/ 46375 h 81903"/>
                  <a:gd name="connsiteX16" fmla="*/ 57915 w 79837"/>
                  <a:gd name="connsiteY16" fmla="*/ 34755 h 81903"/>
                  <a:gd name="connsiteX17" fmla="*/ 42389 w 79837"/>
                  <a:gd name="connsiteY17" fmla="*/ 21801 h 819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9837" h="81903">
                    <a:moveTo>
                      <a:pt x="37245" y="81903"/>
                    </a:moveTo>
                    <a:cubicBezTo>
                      <a:pt x="19196" y="81865"/>
                      <a:pt x="3755" y="68911"/>
                      <a:pt x="574" y="51138"/>
                    </a:cubicBezTo>
                    <a:cubicBezTo>
                      <a:pt x="-1159" y="41413"/>
                      <a:pt x="1069" y="31392"/>
                      <a:pt x="6765" y="23325"/>
                    </a:cubicBezTo>
                    <a:lnTo>
                      <a:pt x="11814" y="16086"/>
                    </a:lnTo>
                    <a:cubicBezTo>
                      <a:pt x="23558" y="-821"/>
                      <a:pt x="46742" y="-5079"/>
                      <a:pt x="63725" y="6561"/>
                    </a:cubicBezTo>
                    <a:cubicBezTo>
                      <a:pt x="80660" y="18229"/>
                      <a:pt x="84928" y="41422"/>
                      <a:pt x="73259" y="58358"/>
                    </a:cubicBezTo>
                    <a:cubicBezTo>
                      <a:pt x="73259" y="58367"/>
                      <a:pt x="73250" y="58367"/>
                      <a:pt x="73250" y="58377"/>
                    </a:cubicBezTo>
                    <a:lnTo>
                      <a:pt x="68106" y="65616"/>
                    </a:lnTo>
                    <a:cubicBezTo>
                      <a:pt x="61172" y="75836"/>
                      <a:pt x="49599" y="81941"/>
                      <a:pt x="37245" y="81903"/>
                    </a:cubicBezTo>
                    <a:close/>
                    <a:moveTo>
                      <a:pt x="42389" y="21801"/>
                    </a:moveTo>
                    <a:cubicBezTo>
                      <a:pt x="37245" y="21782"/>
                      <a:pt x="32407" y="24268"/>
                      <a:pt x="29435" y="28468"/>
                    </a:cubicBezTo>
                    <a:lnTo>
                      <a:pt x="24387" y="35707"/>
                    </a:lnTo>
                    <a:cubicBezTo>
                      <a:pt x="21996" y="39117"/>
                      <a:pt x="21043" y="43318"/>
                      <a:pt x="21720" y="47423"/>
                    </a:cubicBezTo>
                    <a:cubicBezTo>
                      <a:pt x="22463" y="51509"/>
                      <a:pt x="24787" y="55138"/>
                      <a:pt x="28197" y="57519"/>
                    </a:cubicBezTo>
                    <a:cubicBezTo>
                      <a:pt x="35398" y="62301"/>
                      <a:pt x="45085" y="60577"/>
                      <a:pt x="50199" y="53614"/>
                    </a:cubicBezTo>
                    <a:lnTo>
                      <a:pt x="55343" y="46375"/>
                    </a:lnTo>
                    <a:cubicBezTo>
                      <a:pt x="57743" y="43013"/>
                      <a:pt x="58667" y="38812"/>
                      <a:pt x="57915" y="34755"/>
                    </a:cubicBezTo>
                    <a:cubicBezTo>
                      <a:pt x="56534" y="27258"/>
                      <a:pt x="50009" y="21810"/>
                      <a:pt x="42389" y="21801"/>
                    </a:cubicBezTo>
                    <a:close/>
                  </a:path>
                </a:pathLst>
              </a:custGeom>
              <a:solidFill>
                <a:srgbClr val="265998"/>
              </a:solidFill>
              <a:ln w="9525" cap="flat">
                <a:noFill/>
                <a:prstDash val="solid"/>
                <a:miter/>
              </a:ln>
            </p:spPr>
            <p:txBody>
              <a:bodyPr rtlCol="0" anchor="ctr"/>
              <a:lstStyle/>
              <a:p>
                <a:endParaRPr lang="en-AU" sz="3600"/>
              </a:p>
            </p:txBody>
          </p:sp>
          <p:sp>
            <p:nvSpPr>
              <p:cNvPr id="145" name="Freeform: Shape 144">
                <a:extLst>
                  <a:ext uri="{FF2B5EF4-FFF2-40B4-BE49-F238E27FC236}">
                    <a16:creationId xmlns:a16="http://schemas.microsoft.com/office/drawing/2014/main" id="{6FEE2B4F-7488-C278-50A4-3DBF474D1A81}"/>
                  </a:ext>
                </a:extLst>
              </p:cNvPr>
              <p:cNvSpPr/>
              <p:nvPr/>
            </p:nvSpPr>
            <p:spPr>
              <a:xfrm>
                <a:off x="2403601" y="4773132"/>
                <a:ext cx="113628" cy="51679"/>
              </a:xfrm>
              <a:custGeom>
                <a:avLst/>
                <a:gdLst>
                  <a:gd name="connsiteX0" fmla="*/ 102236 w 113628"/>
                  <a:gd name="connsiteY0" fmla="*/ 51629 h 51679"/>
                  <a:gd name="connsiteX1" fmla="*/ 59278 w 113628"/>
                  <a:gd name="connsiteY1" fmla="*/ 51629 h 51679"/>
                  <a:gd name="connsiteX2" fmla="*/ 53563 w 113628"/>
                  <a:gd name="connsiteY2" fmla="*/ 50010 h 51679"/>
                  <a:gd name="connsiteX3" fmla="*/ 5938 w 113628"/>
                  <a:gd name="connsiteY3" fmla="*/ 20387 h 51679"/>
                  <a:gd name="connsiteX4" fmla="*/ 1147 w 113628"/>
                  <a:gd name="connsiteY4" fmla="*/ 5938 h 51679"/>
                  <a:gd name="connsiteX5" fmla="*/ 15587 w 113628"/>
                  <a:gd name="connsiteY5" fmla="*/ 1147 h 51679"/>
                  <a:gd name="connsiteX6" fmla="*/ 17273 w 113628"/>
                  <a:gd name="connsiteY6" fmla="*/ 2194 h 51679"/>
                  <a:gd name="connsiteX7" fmla="*/ 61945 w 113628"/>
                  <a:gd name="connsiteY7" fmla="*/ 30198 h 51679"/>
                  <a:gd name="connsiteX8" fmla="*/ 101854 w 113628"/>
                  <a:gd name="connsiteY8" fmla="*/ 30198 h 51679"/>
                  <a:gd name="connsiteX9" fmla="*/ 113580 w 113628"/>
                  <a:gd name="connsiteY9" fmla="*/ 39904 h 51679"/>
                  <a:gd name="connsiteX10" fmla="*/ 103874 w 113628"/>
                  <a:gd name="connsiteY10" fmla="*/ 51629 h 51679"/>
                  <a:gd name="connsiteX11" fmla="*/ 101854 w 113628"/>
                  <a:gd name="connsiteY11" fmla="*/ 51629 h 516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13628" h="51679">
                    <a:moveTo>
                      <a:pt x="102236" y="51629"/>
                    </a:moveTo>
                    <a:lnTo>
                      <a:pt x="59278" y="51629"/>
                    </a:lnTo>
                    <a:cubicBezTo>
                      <a:pt x="57249" y="51715"/>
                      <a:pt x="55249" y="51143"/>
                      <a:pt x="53563" y="50010"/>
                    </a:cubicBezTo>
                    <a:lnTo>
                      <a:pt x="5938" y="20387"/>
                    </a:lnTo>
                    <a:cubicBezTo>
                      <a:pt x="623" y="17720"/>
                      <a:pt x="-1520" y="11253"/>
                      <a:pt x="1147" y="5938"/>
                    </a:cubicBezTo>
                    <a:cubicBezTo>
                      <a:pt x="3804" y="623"/>
                      <a:pt x="10272" y="-1520"/>
                      <a:pt x="15587" y="1147"/>
                    </a:cubicBezTo>
                    <a:cubicBezTo>
                      <a:pt x="16177" y="1442"/>
                      <a:pt x="16749" y="1794"/>
                      <a:pt x="17273" y="2194"/>
                    </a:cubicBezTo>
                    <a:lnTo>
                      <a:pt x="61945" y="30198"/>
                    </a:lnTo>
                    <a:lnTo>
                      <a:pt x="101854" y="30198"/>
                    </a:lnTo>
                    <a:cubicBezTo>
                      <a:pt x="107770" y="29636"/>
                      <a:pt x="113027" y="33979"/>
                      <a:pt x="113580" y="39904"/>
                    </a:cubicBezTo>
                    <a:cubicBezTo>
                      <a:pt x="114142" y="45819"/>
                      <a:pt x="109798" y="51067"/>
                      <a:pt x="103874" y="51629"/>
                    </a:cubicBezTo>
                    <a:cubicBezTo>
                      <a:pt x="103207" y="51696"/>
                      <a:pt x="102531" y="51696"/>
                      <a:pt x="101854" y="51629"/>
                    </a:cubicBezTo>
                    <a:close/>
                  </a:path>
                </a:pathLst>
              </a:custGeom>
              <a:solidFill>
                <a:srgbClr val="265998"/>
              </a:solidFill>
              <a:ln w="9525" cap="flat">
                <a:noFill/>
                <a:prstDash val="solid"/>
                <a:miter/>
              </a:ln>
            </p:spPr>
            <p:txBody>
              <a:bodyPr rtlCol="0" anchor="ctr"/>
              <a:lstStyle/>
              <a:p>
                <a:endParaRPr lang="en-AU" sz="3600"/>
              </a:p>
            </p:txBody>
          </p:sp>
          <p:sp>
            <p:nvSpPr>
              <p:cNvPr id="146" name="Freeform: Shape 145">
                <a:extLst>
                  <a:ext uri="{FF2B5EF4-FFF2-40B4-BE49-F238E27FC236}">
                    <a16:creationId xmlns:a16="http://schemas.microsoft.com/office/drawing/2014/main" id="{13174CA9-25F6-0D70-2895-4494AB554D73}"/>
                  </a:ext>
                </a:extLst>
              </p:cNvPr>
              <p:cNvSpPr/>
              <p:nvPr/>
            </p:nvSpPr>
            <p:spPr>
              <a:xfrm>
                <a:off x="2348228" y="4923971"/>
                <a:ext cx="43350" cy="50141"/>
              </a:xfrm>
              <a:custGeom>
                <a:avLst/>
                <a:gdLst>
                  <a:gd name="connsiteX0" fmla="*/ 32546 w 43350"/>
                  <a:gd name="connsiteY0" fmla="*/ 50141 h 50141"/>
                  <a:gd name="connsiteX1" fmla="*/ 22068 w 43350"/>
                  <a:gd name="connsiteY1" fmla="*/ 41474 h 50141"/>
                  <a:gd name="connsiteX2" fmla="*/ 19115 w 43350"/>
                  <a:gd name="connsiteY2" fmla="*/ 26615 h 50141"/>
                  <a:gd name="connsiteX3" fmla="*/ 6161 w 43350"/>
                  <a:gd name="connsiteY3" fmla="*/ 20423 h 50141"/>
                  <a:gd name="connsiteX4" fmla="*/ 1018 w 43350"/>
                  <a:gd name="connsiteY4" fmla="*/ 6136 h 50141"/>
                  <a:gd name="connsiteX5" fmla="*/ 15401 w 43350"/>
                  <a:gd name="connsiteY5" fmla="*/ 993 h 50141"/>
                  <a:gd name="connsiteX6" fmla="*/ 33117 w 43350"/>
                  <a:gd name="connsiteY6" fmla="*/ 9470 h 50141"/>
                  <a:gd name="connsiteX7" fmla="*/ 39118 w 43350"/>
                  <a:gd name="connsiteY7" fmla="*/ 17090 h 50141"/>
                  <a:gd name="connsiteX8" fmla="*/ 43118 w 43350"/>
                  <a:gd name="connsiteY8" fmla="*/ 37188 h 50141"/>
                  <a:gd name="connsiteX9" fmla="*/ 34879 w 43350"/>
                  <a:gd name="connsiteY9" fmla="*/ 49827 h 50141"/>
                  <a:gd name="connsiteX10" fmla="*/ 34736 w 43350"/>
                  <a:gd name="connsiteY10" fmla="*/ 49856 h 50141"/>
                  <a:gd name="connsiteX11" fmla="*/ 32546 w 43350"/>
                  <a:gd name="connsiteY11" fmla="*/ 50141 h 50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3350" h="50141">
                    <a:moveTo>
                      <a:pt x="32546" y="50141"/>
                    </a:moveTo>
                    <a:cubicBezTo>
                      <a:pt x="27440" y="50103"/>
                      <a:pt x="23059" y="46484"/>
                      <a:pt x="22068" y="41474"/>
                    </a:cubicBezTo>
                    <a:lnTo>
                      <a:pt x="19115" y="26615"/>
                    </a:lnTo>
                    <a:lnTo>
                      <a:pt x="6161" y="20423"/>
                    </a:lnTo>
                    <a:cubicBezTo>
                      <a:pt x="808" y="17890"/>
                      <a:pt x="-1497" y="11499"/>
                      <a:pt x="1018" y="6136"/>
                    </a:cubicBezTo>
                    <a:cubicBezTo>
                      <a:pt x="3628" y="812"/>
                      <a:pt x="10000" y="-1474"/>
                      <a:pt x="15401" y="993"/>
                    </a:cubicBezTo>
                    <a:lnTo>
                      <a:pt x="33117" y="9470"/>
                    </a:lnTo>
                    <a:cubicBezTo>
                      <a:pt x="36222" y="10898"/>
                      <a:pt x="38451" y="13737"/>
                      <a:pt x="39118" y="17090"/>
                    </a:cubicBezTo>
                    <a:lnTo>
                      <a:pt x="43118" y="37188"/>
                    </a:lnTo>
                    <a:cubicBezTo>
                      <a:pt x="44338" y="42950"/>
                      <a:pt x="40642" y="48608"/>
                      <a:pt x="34879" y="49827"/>
                    </a:cubicBezTo>
                    <a:cubicBezTo>
                      <a:pt x="34832" y="49837"/>
                      <a:pt x="34784" y="49846"/>
                      <a:pt x="34736" y="49856"/>
                    </a:cubicBezTo>
                    <a:cubicBezTo>
                      <a:pt x="34022" y="50046"/>
                      <a:pt x="33289" y="50141"/>
                      <a:pt x="32546" y="50141"/>
                    </a:cubicBezTo>
                    <a:close/>
                  </a:path>
                </a:pathLst>
              </a:custGeom>
              <a:solidFill>
                <a:srgbClr val="265998"/>
              </a:solidFill>
              <a:ln w="9525" cap="flat">
                <a:noFill/>
                <a:prstDash val="solid"/>
                <a:miter/>
              </a:ln>
            </p:spPr>
            <p:txBody>
              <a:bodyPr rtlCol="0" anchor="ctr"/>
              <a:lstStyle/>
              <a:p>
                <a:endParaRPr lang="en-AU" sz="3600"/>
              </a:p>
            </p:txBody>
          </p:sp>
          <p:sp>
            <p:nvSpPr>
              <p:cNvPr id="147" name="Freeform: Shape 146">
                <a:extLst>
                  <a:ext uri="{FF2B5EF4-FFF2-40B4-BE49-F238E27FC236}">
                    <a16:creationId xmlns:a16="http://schemas.microsoft.com/office/drawing/2014/main" id="{46D49E2C-F324-7430-C9BD-49EDF9E8F771}"/>
                  </a:ext>
                </a:extLst>
              </p:cNvPr>
              <p:cNvSpPr/>
              <p:nvPr/>
            </p:nvSpPr>
            <p:spPr>
              <a:xfrm>
                <a:off x="2724282" y="4921520"/>
                <a:ext cx="39818" cy="30971"/>
              </a:xfrm>
              <a:custGeom>
                <a:avLst/>
                <a:gdLst>
                  <a:gd name="connsiteX0" fmla="*/ 10727 w 39818"/>
                  <a:gd name="connsiteY0" fmla="*/ 30971 h 30971"/>
                  <a:gd name="connsiteX1" fmla="*/ 1202 w 39818"/>
                  <a:gd name="connsiteY1" fmla="*/ 25161 h 30971"/>
                  <a:gd name="connsiteX2" fmla="*/ 5773 w 39818"/>
                  <a:gd name="connsiteY2" fmla="*/ 10683 h 30971"/>
                  <a:gd name="connsiteX3" fmla="*/ 24061 w 39818"/>
                  <a:gd name="connsiteY3" fmla="*/ 1158 h 30971"/>
                  <a:gd name="connsiteX4" fmla="*/ 38635 w 39818"/>
                  <a:gd name="connsiteY4" fmla="*/ 5825 h 30971"/>
                  <a:gd name="connsiteX5" fmla="*/ 33968 w 39818"/>
                  <a:gd name="connsiteY5" fmla="*/ 20303 h 30971"/>
                  <a:gd name="connsiteX6" fmla="*/ 15680 w 39818"/>
                  <a:gd name="connsiteY6" fmla="*/ 29828 h 30971"/>
                  <a:gd name="connsiteX7" fmla="*/ 10727 w 39818"/>
                  <a:gd name="connsiteY7" fmla="*/ 30971 h 30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9818" h="30971">
                    <a:moveTo>
                      <a:pt x="10727" y="30971"/>
                    </a:moveTo>
                    <a:cubicBezTo>
                      <a:pt x="6707" y="30981"/>
                      <a:pt x="3030" y="28733"/>
                      <a:pt x="1202" y="25161"/>
                    </a:cubicBezTo>
                    <a:cubicBezTo>
                      <a:pt x="-1513" y="19903"/>
                      <a:pt x="525" y="13426"/>
                      <a:pt x="5773" y="10683"/>
                    </a:cubicBezTo>
                    <a:lnTo>
                      <a:pt x="24061" y="1158"/>
                    </a:lnTo>
                    <a:cubicBezTo>
                      <a:pt x="29377" y="-1500"/>
                      <a:pt x="35853" y="567"/>
                      <a:pt x="38635" y="5825"/>
                    </a:cubicBezTo>
                    <a:cubicBezTo>
                      <a:pt x="41340" y="11111"/>
                      <a:pt x="39254" y="17588"/>
                      <a:pt x="33968" y="20303"/>
                    </a:cubicBezTo>
                    <a:lnTo>
                      <a:pt x="15680" y="29828"/>
                    </a:lnTo>
                    <a:cubicBezTo>
                      <a:pt x="14137" y="30571"/>
                      <a:pt x="12441" y="30961"/>
                      <a:pt x="10727" y="30971"/>
                    </a:cubicBezTo>
                    <a:close/>
                  </a:path>
                </a:pathLst>
              </a:custGeom>
              <a:solidFill>
                <a:srgbClr val="265998"/>
              </a:solidFill>
              <a:ln w="9525" cap="flat">
                <a:noFill/>
                <a:prstDash val="solid"/>
                <a:miter/>
              </a:ln>
            </p:spPr>
            <p:txBody>
              <a:bodyPr rtlCol="0" anchor="ctr"/>
              <a:lstStyle/>
              <a:p>
                <a:endParaRPr lang="en-AU" sz="3600"/>
              </a:p>
            </p:txBody>
          </p:sp>
          <p:sp>
            <p:nvSpPr>
              <p:cNvPr id="148" name="Freeform: Shape 147">
                <a:extLst>
                  <a:ext uri="{FF2B5EF4-FFF2-40B4-BE49-F238E27FC236}">
                    <a16:creationId xmlns:a16="http://schemas.microsoft.com/office/drawing/2014/main" id="{B981B974-30E2-8BF3-31B3-435964F247A0}"/>
                  </a:ext>
                </a:extLst>
              </p:cNvPr>
              <p:cNvSpPr/>
              <p:nvPr/>
            </p:nvSpPr>
            <p:spPr>
              <a:xfrm>
                <a:off x="2469436" y="4770416"/>
                <a:ext cx="277773" cy="231796"/>
              </a:xfrm>
              <a:custGeom>
                <a:avLst/>
                <a:gdLst>
                  <a:gd name="connsiteX0" fmla="*/ 239569 w 277773"/>
                  <a:gd name="connsiteY0" fmla="*/ 231796 h 231796"/>
                  <a:gd name="connsiteX1" fmla="*/ 218233 w 277773"/>
                  <a:gd name="connsiteY1" fmla="*/ 225128 h 231796"/>
                  <a:gd name="connsiteX2" fmla="*/ 161083 w 277773"/>
                  <a:gd name="connsiteY2" fmla="*/ 184837 h 231796"/>
                  <a:gd name="connsiteX3" fmla="*/ 159378 w 277773"/>
                  <a:gd name="connsiteY3" fmla="*/ 169712 h 231796"/>
                  <a:gd name="connsiteX4" fmla="*/ 173370 w 277773"/>
                  <a:gd name="connsiteY4" fmla="*/ 167216 h 231796"/>
                  <a:gd name="connsiteX5" fmla="*/ 231091 w 277773"/>
                  <a:gd name="connsiteY5" fmla="*/ 207412 h 231796"/>
                  <a:gd name="connsiteX6" fmla="*/ 253189 w 277773"/>
                  <a:gd name="connsiteY6" fmla="*/ 205040 h 231796"/>
                  <a:gd name="connsiteX7" fmla="*/ 250818 w 277773"/>
                  <a:gd name="connsiteY7" fmla="*/ 182942 h 231796"/>
                  <a:gd name="connsiteX8" fmla="*/ 249189 w 277773"/>
                  <a:gd name="connsiteY8" fmla="*/ 181789 h 231796"/>
                  <a:gd name="connsiteX9" fmla="*/ 108981 w 277773"/>
                  <a:gd name="connsiteY9" fmla="*/ 81777 h 231796"/>
                  <a:gd name="connsiteX10" fmla="*/ 74977 w 277773"/>
                  <a:gd name="connsiteY10" fmla="*/ 100827 h 231796"/>
                  <a:gd name="connsiteX11" fmla="*/ 74119 w 277773"/>
                  <a:gd name="connsiteY11" fmla="*/ 102160 h 231796"/>
                  <a:gd name="connsiteX12" fmla="*/ 16969 w 277773"/>
                  <a:gd name="connsiteY12" fmla="*/ 113305 h 231796"/>
                  <a:gd name="connsiteX13" fmla="*/ 110 w 277773"/>
                  <a:gd name="connsiteY13" fmla="*/ 83396 h 231796"/>
                  <a:gd name="connsiteX14" fmla="*/ 10873 w 277773"/>
                  <a:gd name="connsiteY14" fmla="*/ 56345 h 231796"/>
                  <a:gd name="connsiteX15" fmla="*/ 37067 w 277773"/>
                  <a:gd name="connsiteY15" fmla="*/ 30151 h 231796"/>
                  <a:gd name="connsiteX16" fmla="*/ 56784 w 277773"/>
                  <a:gd name="connsiteY16" fmla="*/ 14435 h 231796"/>
                  <a:gd name="connsiteX17" fmla="*/ 108600 w 277773"/>
                  <a:gd name="connsiteY17" fmla="*/ 814 h 231796"/>
                  <a:gd name="connsiteX18" fmla="*/ 202707 w 277773"/>
                  <a:gd name="connsiteY18" fmla="*/ 9292 h 231796"/>
                  <a:gd name="connsiteX19" fmla="*/ 227662 w 277773"/>
                  <a:gd name="connsiteY19" fmla="*/ 1576 h 231796"/>
                  <a:gd name="connsiteX20" fmla="*/ 241054 w 277773"/>
                  <a:gd name="connsiteY20" fmla="*/ 8520 h 231796"/>
                  <a:gd name="connsiteX21" fmla="*/ 241093 w 277773"/>
                  <a:gd name="connsiteY21" fmla="*/ 8625 h 231796"/>
                  <a:gd name="connsiteX22" fmla="*/ 234044 w 277773"/>
                  <a:gd name="connsiteY22" fmla="*/ 22150 h 231796"/>
                  <a:gd name="connsiteX23" fmla="*/ 207088 w 277773"/>
                  <a:gd name="connsiteY23" fmla="*/ 30437 h 231796"/>
                  <a:gd name="connsiteX24" fmla="*/ 202897 w 277773"/>
                  <a:gd name="connsiteY24" fmla="*/ 30913 h 231796"/>
                  <a:gd name="connsiteX25" fmla="*/ 105647 w 277773"/>
                  <a:gd name="connsiteY25" fmla="*/ 22055 h 231796"/>
                  <a:gd name="connsiteX26" fmla="*/ 70024 w 277773"/>
                  <a:gd name="connsiteY26" fmla="*/ 31580 h 231796"/>
                  <a:gd name="connsiteX27" fmla="*/ 52307 w 277773"/>
                  <a:gd name="connsiteY27" fmla="*/ 45582 h 231796"/>
                  <a:gd name="connsiteX28" fmla="*/ 25828 w 277773"/>
                  <a:gd name="connsiteY28" fmla="*/ 72061 h 231796"/>
                  <a:gd name="connsiteX29" fmla="*/ 21541 w 277773"/>
                  <a:gd name="connsiteY29" fmla="*/ 82158 h 231796"/>
                  <a:gd name="connsiteX30" fmla="*/ 29352 w 277773"/>
                  <a:gd name="connsiteY30" fmla="*/ 95874 h 231796"/>
                  <a:gd name="connsiteX31" fmla="*/ 54117 w 277773"/>
                  <a:gd name="connsiteY31" fmla="*/ 92731 h 231796"/>
                  <a:gd name="connsiteX32" fmla="*/ 121649 w 277773"/>
                  <a:gd name="connsiteY32" fmla="*/ 64156 h 231796"/>
                  <a:gd name="connsiteX33" fmla="*/ 261857 w 277773"/>
                  <a:gd name="connsiteY33" fmla="*/ 164168 h 231796"/>
                  <a:gd name="connsiteX34" fmla="*/ 271106 w 277773"/>
                  <a:gd name="connsiteY34" fmla="*/ 215879 h 231796"/>
                  <a:gd name="connsiteX35" fmla="*/ 240331 w 277773"/>
                  <a:gd name="connsiteY35" fmla="*/ 231796 h 2317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77773" h="231796">
                    <a:moveTo>
                      <a:pt x="239569" y="231796"/>
                    </a:moveTo>
                    <a:cubicBezTo>
                      <a:pt x="231949" y="231757"/>
                      <a:pt x="224519" y="229434"/>
                      <a:pt x="218233" y="225128"/>
                    </a:cubicBezTo>
                    <a:lnTo>
                      <a:pt x="161083" y="184837"/>
                    </a:lnTo>
                    <a:cubicBezTo>
                      <a:pt x="156434" y="181132"/>
                      <a:pt x="155672" y="174360"/>
                      <a:pt x="159378" y="169712"/>
                    </a:cubicBezTo>
                    <a:cubicBezTo>
                      <a:pt x="162749" y="165482"/>
                      <a:pt x="168741" y="164416"/>
                      <a:pt x="173370" y="167216"/>
                    </a:cubicBezTo>
                    <a:lnTo>
                      <a:pt x="231091" y="207412"/>
                    </a:lnTo>
                    <a:cubicBezTo>
                      <a:pt x="237845" y="212860"/>
                      <a:pt x="247741" y="211793"/>
                      <a:pt x="253189" y="205040"/>
                    </a:cubicBezTo>
                    <a:cubicBezTo>
                      <a:pt x="258638" y="198287"/>
                      <a:pt x="257580" y="188390"/>
                      <a:pt x="250818" y="182942"/>
                    </a:cubicBezTo>
                    <a:cubicBezTo>
                      <a:pt x="250303" y="182523"/>
                      <a:pt x="249760" y="182142"/>
                      <a:pt x="249189" y="181789"/>
                    </a:cubicBezTo>
                    <a:cubicBezTo>
                      <a:pt x="247855" y="180837"/>
                      <a:pt x="130412" y="96731"/>
                      <a:pt x="108981" y="81777"/>
                    </a:cubicBezTo>
                    <a:cubicBezTo>
                      <a:pt x="100980" y="76157"/>
                      <a:pt x="84883" y="89492"/>
                      <a:pt x="74977" y="100827"/>
                    </a:cubicBezTo>
                    <a:cubicBezTo>
                      <a:pt x="74729" y="101294"/>
                      <a:pt x="74443" y="101741"/>
                      <a:pt x="74119" y="102160"/>
                    </a:cubicBezTo>
                    <a:cubicBezTo>
                      <a:pt x="60394" y="119410"/>
                      <a:pt x="36172" y="124134"/>
                      <a:pt x="16969" y="113305"/>
                    </a:cubicBezTo>
                    <a:cubicBezTo>
                      <a:pt x="7197" y="106323"/>
                      <a:pt x="1024" y="95369"/>
                      <a:pt x="110" y="83396"/>
                    </a:cubicBezTo>
                    <a:cubicBezTo>
                      <a:pt x="-728" y="73195"/>
                      <a:pt x="3253" y="63184"/>
                      <a:pt x="10873" y="56345"/>
                    </a:cubicBezTo>
                    <a:lnTo>
                      <a:pt x="37067" y="30151"/>
                    </a:lnTo>
                    <a:cubicBezTo>
                      <a:pt x="43296" y="24493"/>
                      <a:pt x="49878" y="19245"/>
                      <a:pt x="56784" y="14435"/>
                    </a:cubicBezTo>
                    <a:cubicBezTo>
                      <a:pt x="71395" y="2853"/>
                      <a:pt x="90178" y="-2091"/>
                      <a:pt x="108600" y="814"/>
                    </a:cubicBezTo>
                    <a:lnTo>
                      <a:pt x="202707" y="9292"/>
                    </a:lnTo>
                    <a:lnTo>
                      <a:pt x="227662" y="1576"/>
                    </a:lnTo>
                    <a:cubicBezTo>
                      <a:pt x="233282" y="-205"/>
                      <a:pt x="239273" y="2900"/>
                      <a:pt x="241054" y="8520"/>
                    </a:cubicBezTo>
                    <a:cubicBezTo>
                      <a:pt x="241073" y="8549"/>
                      <a:pt x="241083" y="8587"/>
                      <a:pt x="241093" y="8625"/>
                    </a:cubicBezTo>
                    <a:cubicBezTo>
                      <a:pt x="242836" y="14302"/>
                      <a:pt x="239702" y="20331"/>
                      <a:pt x="234044" y="22150"/>
                    </a:cubicBezTo>
                    <a:lnTo>
                      <a:pt x="207088" y="30437"/>
                    </a:lnTo>
                    <a:cubicBezTo>
                      <a:pt x="205736" y="30885"/>
                      <a:pt x="204317" y="31047"/>
                      <a:pt x="202897" y="30913"/>
                    </a:cubicBezTo>
                    <a:lnTo>
                      <a:pt x="105647" y="22055"/>
                    </a:lnTo>
                    <a:cubicBezTo>
                      <a:pt x="92969" y="20179"/>
                      <a:pt x="80072" y="23627"/>
                      <a:pt x="70024" y="31580"/>
                    </a:cubicBezTo>
                    <a:cubicBezTo>
                      <a:pt x="63804" y="35838"/>
                      <a:pt x="57889" y="40515"/>
                      <a:pt x="52307" y="45582"/>
                    </a:cubicBezTo>
                    <a:lnTo>
                      <a:pt x="25828" y="72061"/>
                    </a:lnTo>
                    <a:cubicBezTo>
                      <a:pt x="22818" y="74509"/>
                      <a:pt x="21208" y="78291"/>
                      <a:pt x="21541" y="82158"/>
                    </a:cubicBezTo>
                    <a:cubicBezTo>
                      <a:pt x="22037" y="87644"/>
                      <a:pt x="24885" y="92645"/>
                      <a:pt x="29352" y="95874"/>
                    </a:cubicBezTo>
                    <a:cubicBezTo>
                      <a:pt x="37534" y="99608"/>
                      <a:pt x="47125" y="98388"/>
                      <a:pt x="54117" y="92731"/>
                    </a:cubicBezTo>
                    <a:cubicBezTo>
                      <a:pt x="59451" y="85872"/>
                      <a:pt x="92884" y="44439"/>
                      <a:pt x="121649" y="64156"/>
                    </a:cubicBezTo>
                    <a:cubicBezTo>
                      <a:pt x="143176" y="79205"/>
                      <a:pt x="260714" y="163311"/>
                      <a:pt x="261857" y="164168"/>
                    </a:cubicBezTo>
                    <a:cubicBezTo>
                      <a:pt x="278688" y="175893"/>
                      <a:pt x="282831" y="199049"/>
                      <a:pt x="271106" y="215879"/>
                    </a:cubicBezTo>
                    <a:cubicBezTo>
                      <a:pt x="264105" y="225938"/>
                      <a:pt x="252589" y="231891"/>
                      <a:pt x="240331" y="231796"/>
                    </a:cubicBezTo>
                    <a:close/>
                  </a:path>
                </a:pathLst>
              </a:custGeom>
              <a:solidFill>
                <a:srgbClr val="265998"/>
              </a:solidFill>
              <a:ln w="9525" cap="flat">
                <a:noFill/>
                <a:prstDash val="solid"/>
                <a:miter/>
              </a:ln>
            </p:spPr>
            <p:txBody>
              <a:bodyPr rtlCol="0" anchor="ctr"/>
              <a:lstStyle/>
              <a:p>
                <a:endParaRPr lang="en-AU" sz="3600"/>
              </a:p>
            </p:txBody>
          </p:sp>
          <p:sp>
            <p:nvSpPr>
              <p:cNvPr id="149" name="Freeform: Shape 148">
                <a:extLst>
                  <a:ext uri="{FF2B5EF4-FFF2-40B4-BE49-F238E27FC236}">
                    <a16:creationId xmlns:a16="http://schemas.microsoft.com/office/drawing/2014/main" id="{CEC63CC7-448D-9A66-E9B5-8D91B502A7BC}"/>
                  </a:ext>
                </a:extLst>
              </p:cNvPr>
              <p:cNvSpPr/>
              <p:nvPr/>
            </p:nvSpPr>
            <p:spPr>
              <a:xfrm>
                <a:off x="2688769" y="4738738"/>
                <a:ext cx="118339" cy="215181"/>
              </a:xfrm>
              <a:custGeom>
                <a:avLst/>
                <a:gdLst>
                  <a:gd name="connsiteX0" fmla="*/ 75290 w 118339"/>
                  <a:gd name="connsiteY0" fmla="*/ 215181 h 215181"/>
                  <a:gd name="connsiteX1" fmla="*/ 65194 w 118339"/>
                  <a:gd name="connsiteY1" fmla="*/ 208228 h 215181"/>
                  <a:gd name="connsiteX2" fmla="*/ 709 w 118339"/>
                  <a:gd name="connsiteY2" fmla="*/ 36111 h 215181"/>
                  <a:gd name="connsiteX3" fmla="*/ 6710 w 118339"/>
                  <a:gd name="connsiteY3" fmla="*/ 22300 h 215181"/>
                  <a:gd name="connsiteX4" fmla="*/ 60526 w 118339"/>
                  <a:gd name="connsiteY4" fmla="*/ 774 h 215181"/>
                  <a:gd name="connsiteX5" fmla="*/ 69480 w 118339"/>
                  <a:gd name="connsiteY5" fmla="*/ 1250 h 215181"/>
                  <a:gd name="connsiteX6" fmla="*/ 75004 w 118339"/>
                  <a:gd name="connsiteY6" fmla="*/ 8298 h 215181"/>
                  <a:gd name="connsiteX7" fmla="*/ 118057 w 118339"/>
                  <a:gd name="connsiteY7" fmla="*/ 191178 h 215181"/>
                  <a:gd name="connsiteX8" fmla="*/ 110914 w 118339"/>
                  <a:gd name="connsiteY8" fmla="*/ 203847 h 215181"/>
                  <a:gd name="connsiteX9" fmla="*/ 78719 w 118339"/>
                  <a:gd name="connsiteY9" fmla="*/ 214610 h 215181"/>
                  <a:gd name="connsiteX10" fmla="*/ 75290 w 118339"/>
                  <a:gd name="connsiteY10" fmla="*/ 215181 h 215181"/>
                  <a:gd name="connsiteX11" fmla="*/ 24522 w 118339"/>
                  <a:gd name="connsiteY11" fmla="*/ 38397 h 215181"/>
                  <a:gd name="connsiteX12" fmla="*/ 81672 w 118339"/>
                  <a:gd name="connsiteY12" fmla="*/ 190797 h 215181"/>
                  <a:gd name="connsiteX13" fmla="*/ 94816 w 118339"/>
                  <a:gd name="connsiteY13" fmla="*/ 186416 h 215181"/>
                  <a:gd name="connsiteX14" fmla="*/ 56716 w 118339"/>
                  <a:gd name="connsiteY14" fmla="*/ 25253 h 215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18339" h="215181">
                    <a:moveTo>
                      <a:pt x="75290" y="215181"/>
                    </a:moveTo>
                    <a:cubicBezTo>
                      <a:pt x="70804" y="215191"/>
                      <a:pt x="66784" y="212419"/>
                      <a:pt x="65194" y="208228"/>
                    </a:cubicBezTo>
                    <a:lnTo>
                      <a:pt x="709" y="36111"/>
                    </a:lnTo>
                    <a:cubicBezTo>
                      <a:pt x="-1377" y="30644"/>
                      <a:pt x="1290" y="24510"/>
                      <a:pt x="6710" y="22300"/>
                    </a:cubicBezTo>
                    <a:lnTo>
                      <a:pt x="60526" y="774"/>
                    </a:lnTo>
                    <a:cubicBezTo>
                      <a:pt x="63432" y="-408"/>
                      <a:pt x="66718" y="-226"/>
                      <a:pt x="69480" y="1250"/>
                    </a:cubicBezTo>
                    <a:cubicBezTo>
                      <a:pt x="72252" y="2698"/>
                      <a:pt x="74261" y="5260"/>
                      <a:pt x="75004" y="8298"/>
                    </a:cubicBezTo>
                    <a:lnTo>
                      <a:pt x="118057" y="191178"/>
                    </a:lnTo>
                    <a:cubicBezTo>
                      <a:pt x="119324" y="196617"/>
                      <a:pt x="116219" y="202113"/>
                      <a:pt x="110914" y="203847"/>
                    </a:cubicBezTo>
                    <a:lnTo>
                      <a:pt x="78719" y="214610"/>
                    </a:lnTo>
                    <a:cubicBezTo>
                      <a:pt x="77614" y="214981"/>
                      <a:pt x="76452" y="215181"/>
                      <a:pt x="75290" y="215181"/>
                    </a:cubicBezTo>
                    <a:close/>
                    <a:moveTo>
                      <a:pt x="24522" y="38397"/>
                    </a:moveTo>
                    <a:lnTo>
                      <a:pt x="81672" y="190797"/>
                    </a:lnTo>
                    <a:lnTo>
                      <a:pt x="94816" y="186416"/>
                    </a:lnTo>
                    <a:lnTo>
                      <a:pt x="56716" y="25253"/>
                    </a:lnTo>
                    <a:close/>
                  </a:path>
                </a:pathLst>
              </a:custGeom>
              <a:solidFill>
                <a:srgbClr val="265998"/>
              </a:solidFill>
              <a:ln w="9525" cap="flat">
                <a:noFill/>
                <a:prstDash val="solid"/>
                <a:miter/>
              </a:ln>
            </p:spPr>
            <p:txBody>
              <a:bodyPr rtlCol="0" anchor="ctr"/>
              <a:lstStyle/>
              <a:p>
                <a:endParaRPr lang="en-AU" sz="3600"/>
              </a:p>
            </p:txBody>
          </p:sp>
          <p:sp>
            <p:nvSpPr>
              <p:cNvPr id="150" name="Freeform: Shape 149">
                <a:extLst>
                  <a:ext uri="{FF2B5EF4-FFF2-40B4-BE49-F238E27FC236}">
                    <a16:creationId xmlns:a16="http://schemas.microsoft.com/office/drawing/2014/main" id="{4AEEA2F7-E2F8-A612-714F-0B2A2B2E1F56}"/>
                  </a:ext>
                </a:extLst>
              </p:cNvPr>
              <p:cNvSpPr/>
              <p:nvPr/>
            </p:nvSpPr>
            <p:spPr>
              <a:xfrm>
                <a:off x="2312197" y="4738774"/>
                <a:ext cx="118399" cy="215146"/>
              </a:xfrm>
              <a:custGeom>
                <a:avLst/>
                <a:gdLst>
                  <a:gd name="connsiteX0" fmla="*/ 43050 w 118399"/>
                  <a:gd name="connsiteY0" fmla="*/ 215146 h 215146"/>
                  <a:gd name="connsiteX1" fmla="*/ 39716 w 118399"/>
                  <a:gd name="connsiteY1" fmla="*/ 214574 h 215146"/>
                  <a:gd name="connsiteX2" fmla="*/ 7426 w 118399"/>
                  <a:gd name="connsiteY2" fmla="*/ 203811 h 215146"/>
                  <a:gd name="connsiteX3" fmla="*/ 282 w 118399"/>
                  <a:gd name="connsiteY3" fmla="*/ 191143 h 215146"/>
                  <a:gd name="connsiteX4" fmla="*/ 43335 w 118399"/>
                  <a:gd name="connsiteY4" fmla="*/ 8263 h 215146"/>
                  <a:gd name="connsiteX5" fmla="*/ 56470 w 118399"/>
                  <a:gd name="connsiteY5" fmla="*/ 319 h 215146"/>
                  <a:gd name="connsiteX6" fmla="*/ 57813 w 118399"/>
                  <a:gd name="connsiteY6" fmla="*/ 738 h 215146"/>
                  <a:gd name="connsiteX7" fmla="*/ 111630 w 118399"/>
                  <a:gd name="connsiteY7" fmla="*/ 22264 h 215146"/>
                  <a:gd name="connsiteX8" fmla="*/ 117726 w 118399"/>
                  <a:gd name="connsiteY8" fmla="*/ 36076 h 215146"/>
                  <a:gd name="connsiteX9" fmla="*/ 53146 w 118399"/>
                  <a:gd name="connsiteY9" fmla="*/ 208193 h 215146"/>
                  <a:gd name="connsiteX10" fmla="*/ 43050 w 118399"/>
                  <a:gd name="connsiteY10" fmla="*/ 215146 h 215146"/>
                  <a:gd name="connsiteX11" fmla="*/ 23523 w 118399"/>
                  <a:gd name="connsiteY11" fmla="*/ 186571 h 215146"/>
                  <a:gd name="connsiteX12" fmla="*/ 36668 w 118399"/>
                  <a:gd name="connsiteY12" fmla="*/ 190952 h 215146"/>
                  <a:gd name="connsiteX13" fmla="*/ 93818 w 118399"/>
                  <a:gd name="connsiteY13" fmla="*/ 38552 h 215146"/>
                  <a:gd name="connsiteX14" fmla="*/ 61433 w 118399"/>
                  <a:gd name="connsiteY14" fmla="*/ 25503 h 215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18399" h="215146">
                    <a:moveTo>
                      <a:pt x="43050" y="215146"/>
                    </a:moveTo>
                    <a:cubicBezTo>
                      <a:pt x="41916" y="215155"/>
                      <a:pt x="40783" y="214965"/>
                      <a:pt x="39716" y="214574"/>
                    </a:cubicBezTo>
                    <a:lnTo>
                      <a:pt x="7426" y="203811"/>
                    </a:lnTo>
                    <a:cubicBezTo>
                      <a:pt x="2121" y="202078"/>
                      <a:pt x="-985" y="196581"/>
                      <a:pt x="282" y="191143"/>
                    </a:cubicBezTo>
                    <a:lnTo>
                      <a:pt x="43335" y="8263"/>
                    </a:lnTo>
                    <a:cubicBezTo>
                      <a:pt x="44774" y="2443"/>
                      <a:pt x="50650" y="-1119"/>
                      <a:pt x="56470" y="319"/>
                    </a:cubicBezTo>
                    <a:cubicBezTo>
                      <a:pt x="56928" y="424"/>
                      <a:pt x="57375" y="567"/>
                      <a:pt x="57813" y="738"/>
                    </a:cubicBezTo>
                    <a:lnTo>
                      <a:pt x="111630" y="22264"/>
                    </a:lnTo>
                    <a:cubicBezTo>
                      <a:pt x="117049" y="24474"/>
                      <a:pt x="119754" y="30580"/>
                      <a:pt x="117726" y="36076"/>
                    </a:cubicBezTo>
                    <a:lnTo>
                      <a:pt x="53146" y="208193"/>
                    </a:lnTo>
                    <a:cubicBezTo>
                      <a:pt x="51555" y="212384"/>
                      <a:pt x="47536" y="215155"/>
                      <a:pt x="43050" y="215146"/>
                    </a:cubicBezTo>
                    <a:close/>
                    <a:moveTo>
                      <a:pt x="23523" y="186571"/>
                    </a:moveTo>
                    <a:lnTo>
                      <a:pt x="36668" y="190952"/>
                    </a:lnTo>
                    <a:lnTo>
                      <a:pt x="93818" y="38552"/>
                    </a:lnTo>
                    <a:lnTo>
                      <a:pt x="61433" y="25503"/>
                    </a:lnTo>
                    <a:close/>
                  </a:path>
                </a:pathLst>
              </a:custGeom>
              <a:solidFill>
                <a:srgbClr val="265998"/>
              </a:solidFill>
              <a:ln w="9525" cap="flat">
                <a:noFill/>
                <a:prstDash val="solid"/>
                <a:miter/>
              </a:ln>
            </p:spPr>
            <p:txBody>
              <a:bodyPr rtlCol="0" anchor="ctr"/>
              <a:lstStyle/>
              <a:p>
                <a:endParaRPr lang="en-AU" sz="3600"/>
              </a:p>
            </p:txBody>
          </p:sp>
        </p:grpSp>
      </p:grpSp>
      <p:sp>
        <p:nvSpPr>
          <p:cNvPr id="110" name="TextBox 109">
            <a:extLst>
              <a:ext uri="{FF2B5EF4-FFF2-40B4-BE49-F238E27FC236}">
                <a16:creationId xmlns:a16="http://schemas.microsoft.com/office/drawing/2014/main" id="{0749B4F2-EF26-98AF-FDA5-41226692B7DF}"/>
              </a:ext>
            </a:extLst>
          </p:cNvPr>
          <p:cNvSpPr txBox="1"/>
          <p:nvPr/>
        </p:nvSpPr>
        <p:spPr>
          <a:xfrm>
            <a:off x="1513377" y="1806869"/>
            <a:ext cx="4053146" cy="523220"/>
          </a:xfrm>
          <a:prstGeom prst="rect">
            <a:avLst/>
          </a:prstGeom>
          <a:noFill/>
        </p:spPr>
        <p:txBody>
          <a:bodyPr wrap="square" rtlCol="0">
            <a:spAutoFit/>
          </a:bodyPr>
          <a:lstStyle/>
          <a:p>
            <a:r>
              <a:rPr lang="en-US" sz="1400" b="1">
                <a:solidFill>
                  <a:schemeClr val="bg1"/>
                </a:solidFill>
              </a:rPr>
              <a:t>Flexible funding for collaborative commissioning</a:t>
            </a:r>
            <a:endParaRPr lang="en-AU" sz="1400" b="1">
              <a:solidFill>
                <a:schemeClr val="bg1"/>
              </a:solidFill>
            </a:endParaRPr>
          </a:p>
        </p:txBody>
      </p:sp>
      <p:sp>
        <p:nvSpPr>
          <p:cNvPr id="66" name="Rectangle 65">
            <a:extLst>
              <a:ext uri="{FF2B5EF4-FFF2-40B4-BE49-F238E27FC236}">
                <a16:creationId xmlns:a16="http://schemas.microsoft.com/office/drawing/2014/main" id="{B96E33D3-294E-D2F2-907A-DDF0A68D9069}"/>
              </a:ext>
            </a:extLst>
          </p:cNvPr>
          <p:cNvSpPr/>
          <p:nvPr/>
        </p:nvSpPr>
        <p:spPr>
          <a:xfrm>
            <a:off x="6179292" y="2384992"/>
            <a:ext cx="5272197" cy="1576589"/>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7" name="TextBox 66">
            <a:extLst>
              <a:ext uri="{FF2B5EF4-FFF2-40B4-BE49-F238E27FC236}">
                <a16:creationId xmlns:a16="http://schemas.microsoft.com/office/drawing/2014/main" id="{5DD9E4EB-482B-2937-F688-801A4FAC2611}"/>
              </a:ext>
            </a:extLst>
          </p:cNvPr>
          <p:cNvSpPr txBox="1"/>
          <p:nvPr/>
        </p:nvSpPr>
        <p:spPr>
          <a:xfrm>
            <a:off x="6345874" y="2556184"/>
            <a:ext cx="4911824" cy="1169550"/>
          </a:xfrm>
          <a:prstGeom prst="rect">
            <a:avLst/>
          </a:prstGeom>
          <a:noFill/>
        </p:spPr>
        <p:txBody>
          <a:bodyPr wrap="square" rtlCol="0">
            <a:spAutoFit/>
          </a:bodyPr>
          <a:lstStyle/>
          <a:p>
            <a:r>
              <a:rPr lang="en-US" sz="1400">
                <a:effectLst/>
                <a:latin typeface="+mn-lt"/>
                <a:ea typeface="Open Sans" panose="020B0606030504020204" pitchFamily="34" charset="0"/>
                <a:cs typeface="Open Sans" panose="020B0606030504020204" pitchFamily="34" charset="0"/>
              </a:rPr>
              <a:t>Continued funding for specific services funded through current bilateral </a:t>
            </a:r>
            <a:r>
              <a:rPr lang="en-US" sz="1400">
                <a:latin typeface="+mn-lt"/>
                <a:ea typeface="Open Sans" panose="020B0606030504020204" pitchFamily="34" charset="0"/>
                <a:cs typeface="Open Sans" panose="020B0606030504020204" pitchFamily="34" charset="0"/>
              </a:rPr>
              <a:t>schedules, </a:t>
            </a:r>
            <a:r>
              <a:rPr lang="en-US" sz="1400">
                <a:effectLst/>
                <a:latin typeface="+mn-lt"/>
                <a:ea typeface="Open Sans" panose="020B0606030504020204" pitchFamily="34" charset="0"/>
                <a:cs typeface="Open Sans" panose="020B0606030504020204" pitchFamily="34" charset="0"/>
              </a:rPr>
              <a:t>which should be evaluated within the agreement’s term </a:t>
            </a:r>
            <a:r>
              <a:rPr lang="en-US" sz="1400">
                <a:latin typeface="+mn-lt"/>
                <a:ea typeface="Open Sans" panose="020B0606030504020204" pitchFamily="34" charset="0"/>
                <a:cs typeface="Open Sans" panose="020B0606030504020204" pitchFamily="34" charset="0"/>
              </a:rPr>
              <a:t>Future</a:t>
            </a:r>
            <a:r>
              <a:rPr lang="en-US" sz="1400">
                <a:effectLst/>
                <a:latin typeface="+mn-lt"/>
                <a:ea typeface="Open Sans" panose="020B0606030504020204" pitchFamily="34" charset="0"/>
                <a:cs typeface="Open Sans" panose="020B0606030504020204" pitchFamily="34" charset="0"/>
              </a:rPr>
              <a:t> agreements should only continue this funding stream for services with a strong evidence base</a:t>
            </a:r>
            <a:endParaRPr lang="en-AU" sz="1400">
              <a:effectLst/>
              <a:latin typeface="+mn-lt"/>
              <a:ea typeface="Open Sans" panose="020B0606030504020204" pitchFamily="34" charset="0"/>
              <a:cs typeface="Open Sans" panose="020B0606030504020204" pitchFamily="34" charset="0"/>
            </a:endParaRPr>
          </a:p>
        </p:txBody>
      </p:sp>
      <p:sp>
        <p:nvSpPr>
          <p:cNvPr id="68" name="Rectangle 67">
            <a:extLst>
              <a:ext uri="{FF2B5EF4-FFF2-40B4-BE49-F238E27FC236}">
                <a16:creationId xmlns:a16="http://schemas.microsoft.com/office/drawing/2014/main" id="{5DF6F846-B8FF-C033-94F6-2E406D127DC7}"/>
              </a:ext>
            </a:extLst>
          </p:cNvPr>
          <p:cNvSpPr/>
          <p:nvPr/>
        </p:nvSpPr>
        <p:spPr>
          <a:xfrm>
            <a:off x="6179290" y="1742715"/>
            <a:ext cx="5272199" cy="666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TextBox 68">
            <a:extLst>
              <a:ext uri="{FF2B5EF4-FFF2-40B4-BE49-F238E27FC236}">
                <a16:creationId xmlns:a16="http://schemas.microsoft.com/office/drawing/2014/main" id="{1DFCA9D3-C2C8-E042-A7E2-5C2CFAD39827}"/>
              </a:ext>
            </a:extLst>
          </p:cNvPr>
          <p:cNvSpPr txBox="1"/>
          <p:nvPr/>
        </p:nvSpPr>
        <p:spPr>
          <a:xfrm>
            <a:off x="6945573" y="1779873"/>
            <a:ext cx="4193316" cy="523220"/>
          </a:xfrm>
          <a:prstGeom prst="rect">
            <a:avLst/>
          </a:prstGeom>
          <a:noFill/>
        </p:spPr>
        <p:txBody>
          <a:bodyPr wrap="square" rtlCol="0">
            <a:spAutoFit/>
          </a:bodyPr>
          <a:lstStyle/>
          <a:p>
            <a:r>
              <a:rPr lang="en-US" sz="1400" b="1">
                <a:solidFill>
                  <a:schemeClr val="bg1"/>
                </a:solidFill>
              </a:rPr>
              <a:t>Continued funding for successful agreement programs</a:t>
            </a:r>
            <a:endParaRPr lang="en-AU" sz="1400" b="1">
              <a:solidFill>
                <a:schemeClr val="bg1"/>
              </a:solidFill>
            </a:endParaRPr>
          </a:p>
        </p:txBody>
      </p:sp>
      <p:grpSp>
        <p:nvGrpSpPr>
          <p:cNvPr id="154" name="Group 153">
            <a:extLst>
              <a:ext uri="{FF2B5EF4-FFF2-40B4-BE49-F238E27FC236}">
                <a16:creationId xmlns:a16="http://schemas.microsoft.com/office/drawing/2014/main" id="{960A1F18-8877-C786-D6D2-7DA46EFE0550}"/>
              </a:ext>
            </a:extLst>
          </p:cNvPr>
          <p:cNvGrpSpPr/>
          <p:nvPr/>
        </p:nvGrpSpPr>
        <p:grpSpPr>
          <a:xfrm>
            <a:off x="6287507" y="1756941"/>
            <a:ext cx="598700" cy="593117"/>
            <a:chOff x="10373081" y="1766418"/>
            <a:chExt cx="1016327" cy="840848"/>
          </a:xfrm>
        </p:grpSpPr>
        <p:sp>
          <p:nvSpPr>
            <p:cNvPr id="70" name="Oval 69">
              <a:extLst>
                <a:ext uri="{FF2B5EF4-FFF2-40B4-BE49-F238E27FC236}">
                  <a16:creationId xmlns:a16="http://schemas.microsoft.com/office/drawing/2014/main" id="{DCD263BA-8CA8-7562-EE93-00894E6722D7}"/>
                </a:ext>
              </a:extLst>
            </p:cNvPr>
            <p:cNvSpPr/>
            <p:nvPr/>
          </p:nvSpPr>
          <p:spPr>
            <a:xfrm>
              <a:off x="10373081" y="1766418"/>
              <a:ext cx="1016327" cy="840848"/>
            </a:xfrm>
            <a:prstGeom prst="ellips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71" name="Group 70">
              <a:extLst>
                <a:ext uri="{FF2B5EF4-FFF2-40B4-BE49-F238E27FC236}">
                  <a16:creationId xmlns:a16="http://schemas.microsoft.com/office/drawing/2014/main" id="{CF1777AF-C5E2-54CF-77E0-A8A30FDB08CD}"/>
                </a:ext>
              </a:extLst>
            </p:cNvPr>
            <p:cNvGrpSpPr/>
            <p:nvPr/>
          </p:nvGrpSpPr>
          <p:grpSpPr>
            <a:xfrm>
              <a:off x="10611449" y="1970296"/>
              <a:ext cx="561810" cy="432788"/>
              <a:chOff x="472171" y="36412"/>
              <a:chExt cx="118528" cy="110363"/>
            </a:xfrm>
          </p:grpSpPr>
          <p:sp>
            <p:nvSpPr>
              <p:cNvPr id="72" name="Freeform 2">
                <a:extLst>
                  <a:ext uri="{FF2B5EF4-FFF2-40B4-BE49-F238E27FC236}">
                    <a16:creationId xmlns:a16="http://schemas.microsoft.com/office/drawing/2014/main" id="{89DB9BD2-0275-E415-C526-0F174932CE64}"/>
                  </a:ext>
                </a:extLst>
              </p:cNvPr>
              <p:cNvSpPr/>
              <p:nvPr/>
            </p:nvSpPr>
            <p:spPr>
              <a:xfrm>
                <a:off x="545001" y="48921"/>
                <a:ext cx="23108" cy="25845"/>
              </a:xfrm>
              <a:custGeom>
                <a:avLst/>
                <a:gdLst>
                  <a:gd name="connsiteX0" fmla="*/ 0 w 23108"/>
                  <a:gd name="connsiteY0" fmla="*/ 1498 h 25845"/>
                  <a:gd name="connsiteX1" fmla="*/ 0 w 23108"/>
                  <a:gd name="connsiteY1" fmla="*/ 22144 h 25845"/>
                  <a:gd name="connsiteX2" fmla="*/ 23091 w 23108"/>
                  <a:gd name="connsiteY2" fmla="*/ 25845 h 25845"/>
                  <a:gd name="connsiteX3" fmla="*/ 21370 w 23108"/>
                  <a:gd name="connsiteY3" fmla="*/ 22725 h 25845"/>
                  <a:gd name="connsiteX4" fmla="*/ 15847 w 23108"/>
                  <a:gd name="connsiteY4" fmla="*/ 12402 h 25845"/>
                  <a:gd name="connsiteX5" fmla="*/ 23109 w 23108"/>
                  <a:gd name="connsiteY5" fmla="*/ 5199 h 25845"/>
                  <a:gd name="connsiteX6" fmla="*/ 0 w 23108"/>
                  <a:gd name="connsiteY6" fmla="*/ 1498 h 25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108" h="25845">
                    <a:moveTo>
                      <a:pt x="0" y="1498"/>
                    </a:moveTo>
                    <a:lnTo>
                      <a:pt x="0" y="22144"/>
                    </a:lnTo>
                    <a:cubicBezTo>
                      <a:pt x="7661" y="19223"/>
                      <a:pt x="15901" y="20602"/>
                      <a:pt x="23091" y="25845"/>
                    </a:cubicBezTo>
                    <a:lnTo>
                      <a:pt x="21370" y="22725"/>
                    </a:lnTo>
                    <a:lnTo>
                      <a:pt x="15847" y="12402"/>
                    </a:lnTo>
                    <a:lnTo>
                      <a:pt x="23109" y="5199"/>
                    </a:lnTo>
                    <a:cubicBezTo>
                      <a:pt x="15919" y="-44"/>
                      <a:pt x="7661" y="-1405"/>
                      <a:pt x="0" y="1498"/>
                    </a:cubicBezTo>
                    <a:close/>
                  </a:path>
                </a:pathLst>
              </a:custGeom>
              <a:solidFill>
                <a:srgbClr val="66BCDB"/>
              </a:solidFill>
              <a:ln w="1793" cap="flat">
                <a:noFill/>
                <a:prstDash val="solid"/>
                <a:miter/>
              </a:ln>
            </p:spPr>
            <p:txBody>
              <a:bodyPr rtlCol="0" anchor="ctr"/>
              <a:lstStyle/>
              <a:p>
                <a:endParaRPr lang="en-AU" sz="3600"/>
              </a:p>
            </p:txBody>
          </p:sp>
          <p:sp>
            <p:nvSpPr>
              <p:cNvPr id="73" name="Freeform 3">
                <a:extLst>
                  <a:ext uri="{FF2B5EF4-FFF2-40B4-BE49-F238E27FC236}">
                    <a16:creationId xmlns:a16="http://schemas.microsoft.com/office/drawing/2014/main" id="{DF1C4D9D-4CEA-41D4-6E4A-8F65433C6B63}"/>
                  </a:ext>
                </a:extLst>
              </p:cNvPr>
              <p:cNvSpPr/>
              <p:nvPr/>
            </p:nvSpPr>
            <p:spPr>
              <a:xfrm>
                <a:off x="520118" y="41210"/>
                <a:ext cx="24883" cy="23976"/>
              </a:xfrm>
              <a:custGeom>
                <a:avLst/>
                <a:gdLst>
                  <a:gd name="connsiteX0" fmla="*/ 0 w 24883"/>
                  <a:gd name="connsiteY0" fmla="*/ 2804 h 23976"/>
                  <a:gd name="connsiteX1" fmla="*/ 0 w 24883"/>
                  <a:gd name="connsiteY1" fmla="*/ 23451 h 23976"/>
                  <a:gd name="connsiteX2" fmla="*/ 24884 w 24883"/>
                  <a:gd name="connsiteY2" fmla="*/ 23977 h 23976"/>
                  <a:gd name="connsiteX3" fmla="*/ 24884 w 24883"/>
                  <a:gd name="connsiteY3" fmla="*/ 3330 h 23976"/>
                  <a:gd name="connsiteX4" fmla="*/ 0 w 24883"/>
                  <a:gd name="connsiteY4" fmla="*/ 2804 h 239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883" h="23976">
                    <a:moveTo>
                      <a:pt x="0" y="2804"/>
                    </a:moveTo>
                    <a:lnTo>
                      <a:pt x="0" y="23451"/>
                    </a:lnTo>
                    <a:cubicBezTo>
                      <a:pt x="7842" y="19532"/>
                      <a:pt x="17169" y="19713"/>
                      <a:pt x="24884" y="23977"/>
                    </a:cubicBezTo>
                    <a:lnTo>
                      <a:pt x="24884" y="3330"/>
                    </a:lnTo>
                    <a:cubicBezTo>
                      <a:pt x="17187" y="-933"/>
                      <a:pt x="7842" y="-1097"/>
                      <a:pt x="0" y="2804"/>
                    </a:cubicBezTo>
                    <a:close/>
                  </a:path>
                </a:pathLst>
              </a:custGeom>
              <a:solidFill>
                <a:srgbClr val="66BCDB"/>
              </a:solidFill>
              <a:ln w="1793" cap="flat">
                <a:noFill/>
                <a:prstDash val="solid"/>
                <a:miter/>
              </a:ln>
            </p:spPr>
            <p:txBody>
              <a:bodyPr rtlCol="0" anchor="ctr"/>
              <a:lstStyle/>
              <a:p>
                <a:endParaRPr lang="en-AU" sz="3600"/>
              </a:p>
            </p:txBody>
          </p:sp>
          <p:sp>
            <p:nvSpPr>
              <p:cNvPr id="74" name="Freeform 4">
                <a:extLst>
                  <a:ext uri="{FF2B5EF4-FFF2-40B4-BE49-F238E27FC236}">
                    <a16:creationId xmlns:a16="http://schemas.microsoft.com/office/drawing/2014/main" id="{9CB03CC6-5B85-7720-F2EC-8DF3EDC9BA07}"/>
                  </a:ext>
                </a:extLst>
              </p:cNvPr>
              <p:cNvSpPr/>
              <p:nvPr/>
            </p:nvSpPr>
            <p:spPr>
              <a:xfrm>
                <a:off x="518307" y="36412"/>
                <a:ext cx="3622" cy="41982"/>
              </a:xfrm>
              <a:custGeom>
                <a:avLst/>
                <a:gdLst>
                  <a:gd name="connsiteX0" fmla="*/ 1811 w 3622"/>
                  <a:gd name="connsiteY0" fmla="*/ 0 h 41982"/>
                  <a:gd name="connsiteX1" fmla="*/ 3622 w 3622"/>
                  <a:gd name="connsiteY1" fmla="*/ 1814 h 41982"/>
                  <a:gd name="connsiteX2" fmla="*/ 3622 w 3622"/>
                  <a:gd name="connsiteY2" fmla="*/ 40168 h 41982"/>
                  <a:gd name="connsiteX3" fmla="*/ 1811 w 3622"/>
                  <a:gd name="connsiteY3" fmla="*/ 41983 h 41982"/>
                  <a:gd name="connsiteX4" fmla="*/ 1811 w 3622"/>
                  <a:gd name="connsiteY4" fmla="*/ 41983 h 41982"/>
                  <a:gd name="connsiteX5" fmla="*/ 0 w 3622"/>
                  <a:gd name="connsiteY5" fmla="*/ 40168 h 41982"/>
                  <a:gd name="connsiteX6" fmla="*/ 0 w 3622"/>
                  <a:gd name="connsiteY6" fmla="*/ 1814 h 41982"/>
                  <a:gd name="connsiteX7" fmla="*/ 1811 w 3622"/>
                  <a:gd name="connsiteY7" fmla="*/ 0 h 419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22" h="41982">
                    <a:moveTo>
                      <a:pt x="1811" y="0"/>
                    </a:moveTo>
                    <a:cubicBezTo>
                      <a:pt x="2811" y="0"/>
                      <a:pt x="3622" y="812"/>
                      <a:pt x="3622" y="1814"/>
                    </a:cubicBezTo>
                    <a:lnTo>
                      <a:pt x="3622" y="40168"/>
                    </a:lnTo>
                    <a:cubicBezTo>
                      <a:pt x="3622" y="41170"/>
                      <a:pt x="2811" y="41983"/>
                      <a:pt x="1811" y="41983"/>
                    </a:cubicBezTo>
                    <a:lnTo>
                      <a:pt x="1811" y="41983"/>
                    </a:lnTo>
                    <a:cubicBezTo>
                      <a:pt x="811" y="41983"/>
                      <a:pt x="0" y="41170"/>
                      <a:pt x="0" y="40168"/>
                    </a:cubicBezTo>
                    <a:lnTo>
                      <a:pt x="0" y="1814"/>
                    </a:lnTo>
                    <a:cubicBezTo>
                      <a:pt x="0" y="812"/>
                      <a:pt x="811" y="0"/>
                      <a:pt x="1811" y="0"/>
                    </a:cubicBezTo>
                    <a:close/>
                  </a:path>
                </a:pathLst>
              </a:custGeom>
              <a:solidFill>
                <a:srgbClr val="265A9A"/>
              </a:solidFill>
              <a:ln w="1793" cap="flat">
                <a:noFill/>
                <a:prstDash val="solid"/>
                <a:miter/>
              </a:ln>
            </p:spPr>
            <p:txBody>
              <a:bodyPr rtlCol="0" anchor="ctr"/>
              <a:lstStyle/>
              <a:p>
                <a:endParaRPr lang="en-AU" sz="3600"/>
              </a:p>
            </p:txBody>
          </p:sp>
          <p:sp>
            <p:nvSpPr>
              <p:cNvPr id="75" name="Freeform 5">
                <a:extLst>
                  <a:ext uri="{FF2B5EF4-FFF2-40B4-BE49-F238E27FC236}">
                    <a16:creationId xmlns:a16="http://schemas.microsoft.com/office/drawing/2014/main" id="{B815A38A-7A45-8DE1-E590-679F9ED224BC}"/>
                  </a:ext>
                </a:extLst>
              </p:cNvPr>
              <p:cNvSpPr/>
              <p:nvPr/>
            </p:nvSpPr>
            <p:spPr>
              <a:xfrm>
                <a:off x="543190" y="47109"/>
                <a:ext cx="26735" cy="29471"/>
              </a:xfrm>
              <a:custGeom>
                <a:avLst/>
                <a:gdLst>
                  <a:gd name="connsiteX0" fmla="*/ 24902 w 26735"/>
                  <a:gd name="connsiteY0" fmla="*/ 29472 h 29471"/>
                  <a:gd name="connsiteX1" fmla="*/ 23833 w 26735"/>
                  <a:gd name="connsiteY1" fmla="*/ 29127 h 29471"/>
                  <a:gd name="connsiteX2" fmla="*/ 2445 w 26735"/>
                  <a:gd name="connsiteY2" fmla="*/ 25662 h 29471"/>
                  <a:gd name="connsiteX3" fmla="*/ 779 w 26735"/>
                  <a:gd name="connsiteY3" fmla="*/ 25462 h 29471"/>
                  <a:gd name="connsiteX4" fmla="*/ 0 w 26735"/>
                  <a:gd name="connsiteY4" fmla="*/ 23974 h 29471"/>
                  <a:gd name="connsiteX5" fmla="*/ 0 w 26735"/>
                  <a:gd name="connsiteY5" fmla="*/ 3328 h 29471"/>
                  <a:gd name="connsiteX6" fmla="*/ 1177 w 26735"/>
                  <a:gd name="connsiteY6" fmla="*/ 1640 h 29471"/>
                  <a:gd name="connsiteX7" fmla="*/ 25988 w 26735"/>
                  <a:gd name="connsiteY7" fmla="*/ 5559 h 29471"/>
                  <a:gd name="connsiteX8" fmla="*/ 26731 w 26735"/>
                  <a:gd name="connsiteY8" fmla="*/ 6884 h 29471"/>
                  <a:gd name="connsiteX9" fmla="*/ 26206 w 26735"/>
                  <a:gd name="connsiteY9" fmla="*/ 8317 h 29471"/>
                  <a:gd name="connsiteX10" fmla="*/ 19903 w 26735"/>
                  <a:gd name="connsiteY10" fmla="*/ 14558 h 29471"/>
                  <a:gd name="connsiteX11" fmla="*/ 26495 w 26735"/>
                  <a:gd name="connsiteY11" fmla="*/ 26786 h 29471"/>
                  <a:gd name="connsiteX12" fmla="*/ 26115 w 26735"/>
                  <a:gd name="connsiteY12" fmla="*/ 29018 h 29471"/>
                  <a:gd name="connsiteX13" fmla="*/ 24920 w 26735"/>
                  <a:gd name="connsiteY13" fmla="*/ 29472 h 29471"/>
                  <a:gd name="connsiteX14" fmla="*/ 9943 w 26735"/>
                  <a:gd name="connsiteY14" fmla="*/ 20636 h 29471"/>
                  <a:gd name="connsiteX15" fmla="*/ 20229 w 26735"/>
                  <a:gd name="connsiteY15" fmla="*/ 22868 h 29471"/>
                  <a:gd name="connsiteX16" fmla="*/ 16064 w 26735"/>
                  <a:gd name="connsiteY16" fmla="*/ 15066 h 29471"/>
                  <a:gd name="connsiteX17" fmla="*/ 16390 w 26735"/>
                  <a:gd name="connsiteY17" fmla="*/ 12925 h 29471"/>
                  <a:gd name="connsiteX18" fmla="*/ 22076 w 26735"/>
                  <a:gd name="connsiteY18" fmla="*/ 7283 h 29471"/>
                  <a:gd name="connsiteX19" fmla="*/ 3622 w 26735"/>
                  <a:gd name="connsiteY19" fmla="*/ 4616 h 29471"/>
                  <a:gd name="connsiteX20" fmla="*/ 3622 w 26735"/>
                  <a:gd name="connsiteY20" fmla="*/ 21471 h 29471"/>
                  <a:gd name="connsiteX21" fmla="*/ 9943 w 26735"/>
                  <a:gd name="connsiteY21" fmla="*/ 20636 h 29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6735" h="29471">
                    <a:moveTo>
                      <a:pt x="24902" y="29472"/>
                    </a:moveTo>
                    <a:cubicBezTo>
                      <a:pt x="24521" y="29472"/>
                      <a:pt x="24159" y="29363"/>
                      <a:pt x="23833" y="29127"/>
                    </a:cubicBezTo>
                    <a:cubicBezTo>
                      <a:pt x="17096" y="24210"/>
                      <a:pt x="9490" y="22976"/>
                      <a:pt x="2445" y="25662"/>
                    </a:cubicBezTo>
                    <a:cubicBezTo>
                      <a:pt x="1883" y="25879"/>
                      <a:pt x="1268" y="25807"/>
                      <a:pt x="779" y="25462"/>
                    </a:cubicBezTo>
                    <a:cubicBezTo>
                      <a:pt x="290" y="25117"/>
                      <a:pt x="0" y="24573"/>
                      <a:pt x="0" y="23974"/>
                    </a:cubicBezTo>
                    <a:lnTo>
                      <a:pt x="0" y="3328"/>
                    </a:lnTo>
                    <a:cubicBezTo>
                      <a:pt x="0" y="2566"/>
                      <a:pt x="471" y="1894"/>
                      <a:pt x="1177" y="1640"/>
                    </a:cubicBezTo>
                    <a:cubicBezTo>
                      <a:pt x="9417" y="-1498"/>
                      <a:pt x="18219" y="-101"/>
                      <a:pt x="25988" y="5559"/>
                    </a:cubicBezTo>
                    <a:cubicBezTo>
                      <a:pt x="26423" y="5868"/>
                      <a:pt x="26695" y="6358"/>
                      <a:pt x="26731" y="6884"/>
                    </a:cubicBezTo>
                    <a:cubicBezTo>
                      <a:pt x="26767" y="7410"/>
                      <a:pt x="26586" y="7936"/>
                      <a:pt x="26206" y="8317"/>
                    </a:cubicBezTo>
                    <a:lnTo>
                      <a:pt x="19903" y="14558"/>
                    </a:lnTo>
                    <a:lnTo>
                      <a:pt x="26495" y="26786"/>
                    </a:lnTo>
                    <a:cubicBezTo>
                      <a:pt x="26912" y="27530"/>
                      <a:pt x="26749" y="28456"/>
                      <a:pt x="26115" y="29018"/>
                    </a:cubicBezTo>
                    <a:cubicBezTo>
                      <a:pt x="25771" y="29326"/>
                      <a:pt x="25354" y="29472"/>
                      <a:pt x="24920" y="29472"/>
                    </a:cubicBezTo>
                    <a:close/>
                    <a:moveTo>
                      <a:pt x="9943" y="20636"/>
                    </a:moveTo>
                    <a:cubicBezTo>
                      <a:pt x="13402" y="20636"/>
                      <a:pt x="16879" y="21380"/>
                      <a:pt x="20229" y="22868"/>
                    </a:cubicBezTo>
                    <a:lnTo>
                      <a:pt x="16064" y="15066"/>
                    </a:lnTo>
                    <a:cubicBezTo>
                      <a:pt x="15684" y="14359"/>
                      <a:pt x="15810" y="13488"/>
                      <a:pt x="16390" y="12925"/>
                    </a:cubicBezTo>
                    <a:lnTo>
                      <a:pt x="22076" y="7283"/>
                    </a:lnTo>
                    <a:cubicBezTo>
                      <a:pt x="16173" y="3618"/>
                      <a:pt x="9725" y="2675"/>
                      <a:pt x="3622" y="4616"/>
                    </a:cubicBezTo>
                    <a:lnTo>
                      <a:pt x="3622" y="21471"/>
                    </a:lnTo>
                    <a:cubicBezTo>
                      <a:pt x="5705" y="20908"/>
                      <a:pt x="7824" y="20636"/>
                      <a:pt x="9943" y="20636"/>
                    </a:cubicBezTo>
                    <a:close/>
                  </a:path>
                </a:pathLst>
              </a:custGeom>
              <a:solidFill>
                <a:srgbClr val="265A9A"/>
              </a:solidFill>
              <a:ln w="1793" cap="flat">
                <a:noFill/>
                <a:prstDash val="solid"/>
                <a:miter/>
              </a:ln>
            </p:spPr>
            <p:txBody>
              <a:bodyPr rtlCol="0" anchor="ctr"/>
              <a:lstStyle/>
              <a:p>
                <a:endParaRPr lang="en-AU" sz="3600"/>
              </a:p>
            </p:txBody>
          </p:sp>
          <p:sp>
            <p:nvSpPr>
              <p:cNvPr id="76" name="Freeform 6">
                <a:extLst>
                  <a:ext uri="{FF2B5EF4-FFF2-40B4-BE49-F238E27FC236}">
                    <a16:creationId xmlns:a16="http://schemas.microsoft.com/office/drawing/2014/main" id="{66AFB416-6EBC-B455-14DD-2F973234BA69}"/>
                  </a:ext>
                </a:extLst>
              </p:cNvPr>
              <p:cNvSpPr/>
              <p:nvPr/>
            </p:nvSpPr>
            <p:spPr>
              <a:xfrm>
                <a:off x="518325" y="39386"/>
                <a:ext cx="28505" cy="27615"/>
              </a:xfrm>
              <a:custGeom>
                <a:avLst/>
                <a:gdLst>
                  <a:gd name="connsiteX0" fmla="*/ 26676 w 28505"/>
                  <a:gd name="connsiteY0" fmla="*/ 27597 h 27615"/>
                  <a:gd name="connsiteX1" fmla="*/ 25807 w 28505"/>
                  <a:gd name="connsiteY1" fmla="*/ 27379 h 27615"/>
                  <a:gd name="connsiteX2" fmla="*/ 2608 w 28505"/>
                  <a:gd name="connsiteY2" fmla="*/ 26889 h 27615"/>
                  <a:gd name="connsiteX3" fmla="*/ 851 w 28505"/>
                  <a:gd name="connsiteY3" fmla="*/ 26817 h 27615"/>
                  <a:gd name="connsiteX4" fmla="*/ 0 w 28505"/>
                  <a:gd name="connsiteY4" fmla="*/ 25275 h 27615"/>
                  <a:gd name="connsiteX5" fmla="*/ 0 w 28505"/>
                  <a:gd name="connsiteY5" fmla="*/ 4628 h 27615"/>
                  <a:gd name="connsiteX6" fmla="*/ 996 w 28505"/>
                  <a:gd name="connsiteY6" fmla="*/ 3013 h 27615"/>
                  <a:gd name="connsiteX7" fmla="*/ 27564 w 28505"/>
                  <a:gd name="connsiteY7" fmla="*/ 3558 h 27615"/>
                  <a:gd name="connsiteX8" fmla="*/ 28506 w 28505"/>
                  <a:gd name="connsiteY8" fmla="*/ 5154 h 27615"/>
                  <a:gd name="connsiteX9" fmla="*/ 28506 w 28505"/>
                  <a:gd name="connsiteY9" fmla="*/ 25801 h 27615"/>
                  <a:gd name="connsiteX10" fmla="*/ 27618 w 28505"/>
                  <a:gd name="connsiteY10" fmla="*/ 27361 h 27615"/>
                  <a:gd name="connsiteX11" fmla="*/ 26695 w 28505"/>
                  <a:gd name="connsiteY11" fmla="*/ 27615 h 27615"/>
                  <a:gd name="connsiteX12" fmla="*/ 13746 w 28505"/>
                  <a:gd name="connsiteY12" fmla="*/ 20630 h 27615"/>
                  <a:gd name="connsiteX13" fmla="*/ 24865 w 28505"/>
                  <a:gd name="connsiteY13" fmla="*/ 22880 h 27615"/>
                  <a:gd name="connsiteX14" fmla="*/ 24865 w 28505"/>
                  <a:gd name="connsiteY14" fmla="*/ 6225 h 27615"/>
                  <a:gd name="connsiteX15" fmla="*/ 3604 w 28505"/>
                  <a:gd name="connsiteY15" fmla="*/ 5753 h 27615"/>
                  <a:gd name="connsiteX16" fmla="*/ 3604 w 28505"/>
                  <a:gd name="connsiteY16" fmla="*/ 22481 h 27615"/>
                  <a:gd name="connsiteX17" fmla="*/ 13746 w 28505"/>
                  <a:gd name="connsiteY17" fmla="*/ 20612 h 27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8505" h="27615">
                    <a:moveTo>
                      <a:pt x="26676" y="27597"/>
                    </a:moveTo>
                    <a:cubicBezTo>
                      <a:pt x="26369" y="27597"/>
                      <a:pt x="26079" y="27524"/>
                      <a:pt x="25807" y="27379"/>
                    </a:cubicBezTo>
                    <a:cubicBezTo>
                      <a:pt x="18636" y="23406"/>
                      <a:pt x="9961" y="23225"/>
                      <a:pt x="2608" y="26889"/>
                    </a:cubicBezTo>
                    <a:cubicBezTo>
                      <a:pt x="2046" y="27162"/>
                      <a:pt x="1376" y="27143"/>
                      <a:pt x="851" y="26817"/>
                    </a:cubicBezTo>
                    <a:cubicBezTo>
                      <a:pt x="326" y="26490"/>
                      <a:pt x="0" y="25910"/>
                      <a:pt x="0" y="25275"/>
                    </a:cubicBezTo>
                    <a:lnTo>
                      <a:pt x="0" y="4628"/>
                    </a:lnTo>
                    <a:cubicBezTo>
                      <a:pt x="0" y="3939"/>
                      <a:pt x="380" y="3304"/>
                      <a:pt x="996" y="3013"/>
                    </a:cubicBezTo>
                    <a:cubicBezTo>
                      <a:pt x="9399" y="-1196"/>
                      <a:pt x="19342" y="-978"/>
                      <a:pt x="27564" y="3558"/>
                    </a:cubicBezTo>
                    <a:cubicBezTo>
                      <a:pt x="28143" y="3884"/>
                      <a:pt x="28506" y="4483"/>
                      <a:pt x="28506" y="5154"/>
                    </a:cubicBezTo>
                    <a:lnTo>
                      <a:pt x="28506" y="25801"/>
                    </a:lnTo>
                    <a:cubicBezTo>
                      <a:pt x="28506" y="26436"/>
                      <a:pt x="28162" y="27035"/>
                      <a:pt x="27618" y="27361"/>
                    </a:cubicBezTo>
                    <a:cubicBezTo>
                      <a:pt x="27328" y="27524"/>
                      <a:pt x="27021" y="27615"/>
                      <a:pt x="26695" y="27615"/>
                    </a:cubicBezTo>
                    <a:close/>
                    <a:moveTo>
                      <a:pt x="13746" y="20630"/>
                    </a:moveTo>
                    <a:cubicBezTo>
                      <a:pt x="17531" y="20630"/>
                      <a:pt x="21316" y="21392"/>
                      <a:pt x="24865" y="22880"/>
                    </a:cubicBezTo>
                    <a:lnTo>
                      <a:pt x="24865" y="6225"/>
                    </a:lnTo>
                    <a:cubicBezTo>
                      <a:pt x="18201" y="2905"/>
                      <a:pt x="10413" y="2723"/>
                      <a:pt x="3604" y="5753"/>
                    </a:cubicBezTo>
                    <a:lnTo>
                      <a:pt x="3604" y="22481"/>
                    </a:lnTo>
                    <a:cubicBezTo>
                      <a:pt x="6864" y="21247"/>
                      <a:pt x="10305" y="20612"/>
                      <a:pt x="13746" y="20612"/>
                    </a:cubicBezTo>
                    <a:close/>
                  </a:path>
                </a:pathLst>
              </a:custGeom>
              <a:solidFill>
                <a:srgbClr val="265A9A"/>
              </a:solidFill>
              <a:ln w="1793" cap="flat">
                <a:noFill/>
                <a:prstDash val="solid"/>
                <a:miter/>
              </a:ln>
            </p:spPr>
            <p:txBody>
              <a:bodyPr rtlCol="0" anchor="ctr"/>
              <a:lstStyle/>
              <a:p>
                <a:endParaRPr lang="en-AU" sz="3600"/>
              </a:p>
            </p:txBody>
          </p:sp>
          <p:grpSp>
            <p:nvGrpSpPr>
              <p:cNvPr id="81" name="Group 80">
                <a:extLst>
                  <a:ext uri="{FF2B5EF4-FFF2-40B4-BE49-F238E27FC236}">
                    <a16:creationId xmlns:a16="http://schemas.microsoft.com/office/drawing/2014/main" id="{DE77176E-2448-F9D9-4C83-2430F925C838}"/>
                  </a:ext>
                </a:extLst>
              </p:cNvPr>
              <p:cNvGrpSpPr/>
              <p:nvPr/>
            </p:nvGrpSpPr>
            <p:grpSpPr>
              <a:xfrm>
                <a:off x="472171" y="76127"/>
                <a:ext cx="118528" cy="70648"/>
                <a:chOff x="472171" y="76127"/>
                <a:chExt cx="118528" cy="70648"/>
              </a:xfrm>
            </p:grpSpPr>
            <p:sp>
              <p:nvSpPr>
                <p:cNvPr id="83" name="Freeform 8">
                  <a:extLst>
                    <a:ext uri="{FF2B5EF4-FFF2-40B4-BE49-F238E27FC236}">
                      <a16:creationId xmlns:a16="http://schemas.microsoft.com/office/drawing/2014/main" id="{2083E868-4449-5998-7C83-31C348024606}"/>
                    </a:ext>
                  </a:extLst>
                </p:cNvPr>
                <p:cNvSpPr/>
                <p:nvPr/>
              </p:nvSpPr>
              <p:spPr>
                <a:xfrm>
                  <a:off x="472171" y="76127"/>
                  <a:ext cx="95007" cy="70648"/>
                </a:xfrm>
                <a:custGeom>
                  <a:avLst/>
                  <a:gdLst>
                    <a:gd name="connsiteX0" fmla="*/ 2273 w 95007"/>
                    <a:gd name="connsiteY0" fmla="*/ 70648 h 70648"/>
                    <a:gd name="connsiteX1" fmla="*/ 1078 w 95007"/>
                    <a:gd name="connsiteY1" fmla="*/ 70304 h 70648"/>
                    <a:gd name="connsiteX2" fmla="*/ 335 w 95007"/>
                    <a:gd name="connsiteY2" fmla="*/ 67183 h 70648"/>
                    <a:gd name="connsiteX3" fmla="*/ 38928 w 95007"/>
                    <a:gd name="connsiteY3" fmla="*/ 4699 h 70648"/>
                    <a:gd name="connsiteX4" fmla="*/ 47513 w 95007"/>
                    <a:gd name="connsiteY4" fmla="*/ 0 h 70648"/>
                    <a:gd name="connsiteX5" fmla="*/ 47513 w 95007"/>
                    <a:gd name="connsiteY5" fmla="*/ 0 h 70648"/>
                    <a:gd name="connsiteX6" fmla="*/ 56061 w 95007"/>
                    <a:gd name="connsiteY6" fmla="*/ 4663 h 70648"/>
                    <a:gd name="connsiteX7" fmla="*/ 94672 w 95007"/>
                    <a:gd name="connsiteY7" fmla="*/ 67183 h 70648"/>
                    <a:gd name="connsiteX8" fmla="*/ 93929 w 95007"/>
                    <a:gd name="connsiteY8" fmla="*/ 70304 h 70648"/>
                    <a:gd name="connsiteX9" fmla="*/ 90814 w 95007"/>
                    <a:gd name="connsiteY9" fmla="*/ 69560 h 70648"/>
                    <a:gd name="connsiteX10" fmla="*/ 52239 w 95007"/>
                    <a:gd name="connsiteY10" fmla="*/ 7076 h 70648"/>
                    <a:gd name="connsiteX11" fmla="*/ 47513 w 95007"/>
                    <a:gd name="connsiteY11" fmla="*/ 4518 h 70648"/>
                    <a:gd name="connsiteX12" fmla="*/ 42750 w 95007"/>
                    <a:gd name="connsiteY12" fmla="*/ 7112 h 70648"/>
                    <a:gd name="connsiteX13" fmla="*/ 4193 w 95007"/>
                    <a:gd name="connsiteY13" fmla="*/ 69560 h 70648"/>
                    <a:gd name="connsiteX14" fmla="*/ 2273 w 95007"/>
                    <a:gd name="connsiteY14" fmla="*/ 70630 h 706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5007" h="70648">
                      <a:moveTo>
                        <a:pt x="2273" y="70648"/>
                      </a:moveTo>
                      <a:cubicBezTo>
                        <a:pt x="1875" y="70648"/>
                        <a:pt x="1458" y="70539"/>
                        <a:pt x="1078" y="70304"/>
                      </a:cubicBezTo>
                      <a:cubicBezTo>
                        <a:pt x="9" y="69650"/>
                        <a:pt x="-317" y="68253"/>
                        <a:pt x="335" y="67183"/>
                      </a:cubicBezTo>
                      <a:lnTo>
                        <a:pt x="38928" y="4699"/>
                      </a:lnTo>
                      <a:cubicBezTo>
                        <a:pt x="40848" y="1742"/>
                        <a:pt x="44035" y="0"/>
                        <a:pt x="47513" y="0"/>
                      </a:cubicBezTo>
                      <a:lnTo>
                        <a:pt x="47513" y="0"/>
                      </a:lnTo>
                      <a:cubicBezTo>
                        <a:pt x="50990" y="0"/>
                        <a:pt x="54177" y="1742"/>
                        <a:pt x="56061" y="4663"/>
                      </a:cubicBezTo>
                      <a:lnTo>
                        <a:pt x="94672" y="67183"/>
                      </a:lnTo>
                      <a:cubicBezTo>
                        <a:pt x="95324" y="68253"/>
                        <a:pt x="94998" y="69650"/>
                        <a:pt x="93929" y="70304"/>
                      </a:cubicBezTo>
                      <a:cubicBezTo>
                        <a:pt x="92879" y="70957"/>
                        <a:pt x="91466" y="70630"/>
                        <a:pt x="90814" y="69560"/>
                      </a:cubicBezTo>
                      <a:lnTo>
                        <a:pt x="52239" y="7076"/>
                      </a:lnTo>
                      <a:cubicBezTo>
                        <a:pt x="51207" y="5461"/>
                        <a:pt x="49469" y="4518"/>
                        <a:pt x="47513" y="4518"/>
                      </a:cubicBezTo>
                      <a:cubicBezTo>
                        <a:pt x="45557" y="4518"/>
                        <a:pt x="43818" y="5461"/>
                        <a:pt x="42750" y="7112"/>
                      </a:cubicBezTo>
                      <a:lnTo>
                        <a:pt x="4193" y="69560"/>
                      </a:lnTo>
                      <a:cubicBezTo>
                        <a:pt x="3758" y="70249"/>
                        <a:pt x="3016" y="70630"/>
                        <a:pt x="2273" y="70630"/>
                      </a:cubicBezTo>
                      <a:close/>
                    </a:path>
                  </a:pathLst>
                </a:custGeom>
                <a:solidFill>
                  <a:srgbClr val="265A9A"/>
                </a:solidFill>
                <a:ln w="1793" cap="flat">
                  <a:noFill/>
                  <a:prstDash val="solid"/>
                  <a:miter/>
                </a:ln>
              </p:spPr>
              <p:txBody>
                <a:bodyPr rtlCol="0" anchor="ctr"/>
                <a:lstStyle/>
                <a:p>
                  <a:endParaRPr lang="en-AU" sz="3600"/>
                </a:p>
              </p:txBody>
            </p:sp>
            <p:sp>
              <p:nvSpPr>
                <p:cNvPr id="84" name="Freeform 9">
                  <a:extLst>
                    <a:ext uri="{FF2B5EF4-FFF2-40B4-BE49-F238E27FC236}">
                      <a16:creationId xmlns:a16="http://schemas.microsoft.com/office/drawing/2014/main" id="{BA8BE46A-FC43-770B-E72A-409A513E28C7}"/>
                    </a:ext>
                  </a:extLst>
                </p:cNvPr>
                <p:cNvSpPr/>
                <p:nvPr/>
              </p:nvSpPr>
              <p:spPr>
                <a:xfrm>
                  <a:off x="539164" y="88373"/>
                  <a:ext cx="51535" cy="51471"/>
                </a:xfrm>
                <a:custGeom>
                  <a:avLst/>
                  <a:gdLst>
                    <a:gd name="connsiteX0" fmla="*/ 49302 w 51535"/>
                    <a:gd name="connsiteY0" fmla="*/ 51471 h 51471"/>
                    <a:gd name="connsiteX1" fmla="*/ 47400 w 51535"/>
                    <a:gd name="connsiteY1" fmla="*/ 50437 h 51471"/>
                    <a:gd name="connsiteX2" fmla="*/ 18967 w 51535"/>
                    <a:gd name="connsiteY2" fmla="*/ 6459 h 51471"/>
                    <a:gd name="connsiteX3" fmla="*/ 15436 w 51535"/>
                    <a:gd name="connsiteY3" fmla="*/ 4536 h 51471"/>
                    <a:gd name="connsiteX4" fmla="*/ 11904 w 51535"/>
                    <a:gd name="connsiteY4" fmla="*/ 6459 h 51471"/>
                    <a:gd name="connsiteX5" fmla="*/ 4171 w 51535"/>
                    <a:gd name="connsiteY5" fmla="*/ 18415 h 51471"/>
                    <a:gd name="connsiteX6" fmla="*/ 1038 w 51535"/>
                    <a:gd name="connsiteY6" fmla="*/ 19086 h 51471"/>
                    <a:gd name="connsiteX7" fmla="*/ 368 w 51535"/>
                    <a:gd name="connsiteY7" fmla="*/ 15948 h 51471"/>
                    <a:gd name="connsiteX8" fmla="*/ 8101 w 51535"/>
                    <a:gd name="connsiteY8" fmla="*/ 3991 h 51471"/>
                    <a:gd name="connsiteX9" fmla="*/ 15417 w 51535"/>
                    <a:gd name="connsiteY9" fmla="*/ 0 h 51471"/>
                    <a:gd name="connsiteX10" fmla="*/ 22734 w 51535"/>
                    <a:gd name="connsiteY10" fmla="*/ 3991 h 51471"/>
                    <a:gd name="connsiteX11" fmla="*/ 51167 w 51535"/>
                    <a:gd name="connsiteY11" fmla="*/ 47970 h 51471"/>
                    <a:gd name="connsiteX12" fmla="*/ 50497 w 51535"/>
                    <a:gd name="connsiteY12" fmla="*/ 51108 h 51471"/>
                    <a:gd name="connsiteX13" fmla="*/ 49266 w 51535"/>
                    <a:gd name="connsiteY13" fmla="*/ 51471 h 5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535" h="51471">
                      <a:moveTo>
                        <a:pt x="49302" y="51471"/>
                      </a:moveTo>
                      <a:cubicBezTo>
                        <a:pt x="48559" y="51471"/>
                        <a:pt x="47835" y="51108"/>
                        <a:pt x="47400" y="50437"/>
                      </a:cubicBezTo>
                      <a:lnTo>
                        <a:pt x="18967" y="6459"/>
                      </a:lnTo>
                      <a:cubicBezTo>
                        <a:pt x="18170" y="5243"/>
                        <a:pt x="16903" y="4536"/>
                        <a:pt x="15436" y="4536"/>
                      </a:cubicBezTo>
                      <a:cubicBezTo>
                        <a:pt x="13969" y="4536"/>
                        <a:pt x="12701" y="5243"/>
                        <a:pt x="11904" y="6459"/>
                      </a:cubicBezTo>
                      <a:lnTo>
                        <a:pt x="4171" y="18415"/>
                      </a:lnTo>
                      <a:cubicBezTo>
                        <a:pt x="3483" y="19467"/>
                        <a:pt x="2088" y="19776"/>
                        <a:pt x="1038" y="19086"/>
                      </a:cubicBezTo>
                      <a:cubicBezTo>
                        <a:pt x="-13" y="18397"/>
                        <a:pt x="-320" y="17000"/>
                        <a:pt x="368" y="15948"/>
                      </a:cubicBezTo>
                      <a:lnTo>
                        <a:pt x="8101" y="3991"/>
                      </a:lnTo>
                      <a:cubicBezTo>
                        <a:pt x="9713" y="1488"/>
                        <a:pt x="12447" y="0"/>
                        <a:pt x="15417" y="0"/>
                      </a:cubicBezTo>
                      <a:cubicBezTo>
                        <a:pt x="18388" y="0"/>
                        <a:pt x="21122" y="1488"/>
                        <a:pt x="22734" y="3991"/>
                      </a:cubicBezTo>
                      <a:lnTo>
                        <a:pt x="51167" y="47970"/>
                      </a:lnTo>
                      <a:cubicBezTo>
                        <a:pt x="51855" y="49022"/>
                        <a:pt x="51548" y="50419"/>
                        <a:pt x="50497" y="51108"/>
                      </a:cubicBezTo>
                      <a:cubicBezTo>
                        <a:pt x="50117" y="51362"/>
                        <a:pt x="49682" y="51471"/>
                        <a:pt x="49266" y="51471"/>
                      </a:cubicBezTo>
                      <a:close/>
                    </a:path>
                  </a:pathLst>
                </a:custGeom>
                <a:solidFill>
                  <a:srgbClr val="265A9A"/>
                </a:solidFill>
                <a:ln w="1793" cap="flat">
                  <a:noFill/>
                  <a:prstDash val="solid"/>
                  <a:miter/>
                </a:ln>
              </p:spPr>
              <p:txBody>
                <a:bodyPr rtlCol="0" anchor="ctr"/>
                <a:lstStyle/>
                <a:p>
                  <a:endParaRPr lang="en-AU" sz="3600"/>
                </a:p>
              </p:txBody>
            </p:sp>
            <p:sp>
              <p:nvSpPr>
                <p:cNvPr id="86" name="Freeform 10">
                  <a:extLst>
                    <a:ext uri="{FF2B5EF4-FFF2-40B4-BE49-F238E27FC236}">
                      <a16:creationId xmlns:a16="http://schemas.microsoft.com/office/drawing/2014/main" id="{E07A6C28-7685-91AB-62FB-FCC8F39F9578}"/>
                    </a:ext>
                  </a:extLst>
                </p:cNvPr>
                <p:cNvSpPr/>
                <p:nvPr/>
              </p:nvSpPr>
              <p:spPr>
                <a:xfrm>
                  <a:off x="498250" y="99462"/>
                  <a:ext cx="42822" cy="12515"/>
                </a:xfrm>
                <a:custGeom>
                  <a:avLst/>
                  <a:gdLst>
                    <a:gd name="connsiteX0" fmla="*/ 11418 w 42822"/>
                    <a:gd name="connsiteY0" fmla="*/ 12497 h 12515"/>
                    <a:gd name="connsiteX1" fmla="*/ 8557 w 42822"/>
                    <a:gd name="connsiteY1" fmla="*/ 11409 h 12515"/>
                    <a:gd name="connsiteX2" fmla="*/ 770 w 42822"/>
                    <a:gd name="connsiteY2" fmla="*/ 4514 h 12515"/>
                    <a:gd name="connsiteX3" fmla="*/ 570 w 42822"/>
                    <a:gd name="connsiteY3" fmla="*/ 1321 h 12515"/>
                    <a:gd name="connsiteX4" fmla="*/ 3758 w 42822"/>
                    <a:gd name="connsiteY4" fmla="*/ 1122 h 12515"/>
                    <a:gd name="connsiteX5" fmla="*/ 11400 w 42822"/>
                    <a:gd name="connsiteY5" fmla="*/ 7889 h 12515"/>
                    <a:gd name="connsiteX6" fmla="*/ 18952 w 42822"/>
                    <a:gd name="connsiteY6" fmla="*/ 1085 h 12515"/>
                    <a:gd name="connsiteX7" fmla="*/ 24766 w 42822"/>
                    <a:gd name="connsiteY7" fmla="*/ 1231 h 12515"/>
                    <a:gd name="connsiteX8" fmla="*/ 31394 w 42822"/>
                    <a:gd name="connsiteY8" fmla="*/ 7835 h 12515"/>
                    <a:gd name="connsiteX9" fmla="*/ 39073 w 42822"/>
                    <a:gd name="connsiteY9" fmla="*/ 1085 h 12515"/>
                    <a:gd name="connsiteX10" fmla="*/ 42260 w 42822"/>
                    <a:gd name="connsiteY10" fmla="*/ 1303 h 12515"/>
                    <a:gd name="connsiteX11" fmla="*/ 42043 w 42822"/>
                    <a:gd name="connsiteY11" fmla="*/ 4496 h 12515"/>
                    <a:gd name="connsiteX12" fmla="*/ 34201 w 42822"/>
                    <a:gd name="connsiteY12" fmla="*/ 11391 h 12515"/>
                    <a:gd name="connsiteX13" fmla="*/ 28333 w 42822"/>
                    <a:gd name="connsiteY13" fmla="*/ 11209 h 12515"/>
                    <a:gd name="connsiteX14" fmla="*/ 21759 w 42822"/>
                    <a:gd name="connsiteY14" fmla="*/ 4660 h 12515"/>
                    <a:gd name="connsiteX15" fmla="*/ 14280 w 42822"/>
                    <a:gd name="connsiteY15" fmla="*/ 11409 h 12515"/>
                    <a:gd name="connsiteX16" fmla="*/ 11400 w 42822"/>
                    <a:gd name="connsiteY16" fmla="*/ 12515 h 12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822" h="12515">
                      <a:moveTo>
                        <a:pt x="11418" y="12497"/>
                      </a:moveTo>
                      <a:cubicBezTo>
                        <a:pt x="10404" y="12497"/>
                        <a:pt x="9390" y="12134"/>
                        <a:pt x="8557" y="11409"/>
                      </a:cubicBezTo>
                      <a:lnTo>
                        <a:pt x="770" y="4514"/>
                      </a:lnTo>
                      <a:cubicBezTo>
                        <a:pt x="-172" y="3680"/>
                        <a:pt x="-263" y="2247"/>
                        <a:pt x="570" y="1321"/>
                      </a:cubicBezTo>
                      <a:cubicBezTo>
                        <a:pt x="1403" y="378"/>
                        <a:pt x="2834" y="287"/>
                        <a:pt x="3758" y="1122"/>
                      </a:cubicBezTo>
                      <a:lnTo>
                        <a:pt x="11400" y="7889"/>
                      </a:lnTo>
                      <a:lnTo>
                        <a:pt x="18952" y="1085"/>
                      </a:lnTo>
                      <a:cubicBezTo>
                        <a:pt x="20618" y="-420"/>
                        <a:pt x="23172" y="-348"/>
                        <a:pt x="24766" y="1231"/>
                      </a:cubicBezTo>
                      <a:lnTo>
                        <a:pt x="31394" y="7835"/>
                      </a:lnTo>
                      <a:lnTo>
                        <a:pt x="39073" y="1085"/>
                      </a:lnTo>
                      <a:cubicBezTo>
                        <a:pt x="40015" y="251"/>
                        <a:pt x="41445" y="360"/>
                        <a:pt x="42260" y="1303"/>
                      </a:cubicBezTo>
                      <a:cubicBezTo>
                        <a:pt x="43093" y="2247"/>
                        <a:pt x="42985" y="3680"/>
                        <a:pt x="42043" y="4496"/>
                      </a:cubicBezTo>
                      <a:lnTo>
                        <a:pt x="34201" y="11391"/>
                      </a:lnTo>
                      <a:cubicBezTo>
                        <a:pt x="32517" y="12878"/>
                        <a:pt x="29927" y="12806"/>
                        <a:pt x="28333" y="11209"/>
                      </a:cubicBezTo>
                      <a:lnTo>
                        <a:pt x="21759" y="4660"/>
                      </a:lnTo>
                      <a:lnTo>
                        <a:pt x="14280" y="11409"/>
                      </a:lnTo>
                      <a:cubicBezTo>
                        <a:pt x="13465" y="12153"/>
                        <a:pt x="12433" y="12515"/>
                        <a:pt x="11400" y="12515"/>
                      </a:cubicBezTo>
                      <a:close/>
                    </a:path>
                  </a:pathLst>
                </a:custGeom>
                <a:solidFill>
                  <a:srgbClr val="265A9A"/>
                </a:solidFill>
                <a:ln w="1793" cap="flat">
                  <a:noFill/>
                  <a:prstDash val="solid"/>
                  <a:miter/>
                </a:ln>
              </p:spPr>
              <p:txBody>
                <a:bodyPr rtlCol="0" anchor="ctr"/>
                <a:lstStyle/>
                <a:p>
                  <a:endParaRPr lang="en-AU" sz="3600"/>
                </a:p>
              </p:txBody>
            </p:sp>
          </p:grpSp>
        </p:grpSp>
      </p:grpSp>
      <p:grpSp>
        <p:nvGrpSpPr>
          <p:cNvPr id="156" name="Group 155">
            <a:extLst>
              <a:ext uri="{FF2B5EF4-FFF2-40B4-BE49-F238E27FC236}">
                <a16:creationId xmlns:a16="http://schemas.microsoft.com/office/drawing/2014/main" id="{127A4CD6-4793-9E23-DA21-3A01328AC0A5}"/>
              </a:ext>
            </a:extLst>
          </p:cNvPr>
          <p:cNvGrpSpPr/>
          <p:nvPr/>
        </p:nvGrpSpPr>
        <p:grpSpPr>
          <a:xfrm>
            <a:off x="653341" y="4175502"/>
            <a:ext cx="10799522" cy="2244012"/>
            <a:chOff x="653337" y="4106353"/>
            <a:chExt cx="10799522" cy="2244012"/>
          </a:xfrm>
        </p:grpSpPr>
        <p:sp>
          <p:nvSpPr>
            <p:cNvPr id="55" name="Rectangle 54">
              <a:extLst>
                <a:ext uri="{FF2B5EF4-FFF2-40B4-BE49-F238E27FC236}">
                  <a16:creationId xmlns:a16="http://schemas.microsoft.com/office/drawing/2014/main" id="{FD89649D-3758-B73F-4BCA-D43D1796E7B6}"/>
                </a:ext>
              </a:extLst>
            </p:cNvPr>
            <p:cNvSpPr/>
            <p:nvPr/>
          </p:nvSpPr>
          <p:spPr>
            <a:xfrm>
              <a:off x="653342" y="4773776"/>
              <a:ext cx="5272198" cy="1576589"/>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6" name="TextBox 55">
              <a:extLst>
                <a:ext uri="{FF2B5EF4-FFF2-40B4-BE49-F238E27FC236}">
                  <a16:creationId xmlns:a16="http://schemas.microsoft.com/office/drawing/2014/main" id="{552DAB39-F8F1-3348-DAFB-AF6A0BD56988}"/>
                </a:ext>
              </a:extLst>
            </p:cNvPr>
            <p:cNvSpPr txBox="1"/>
            <p:nvPr/>
          </p:nvSpPr>
          <p:spPr>
            <a:xfrm>
              <a:off x="774124" y="4885853"/>
              <a:ext cx="5272198" cy="1169551"/>
            </a:xfrm>
            <a:prstGeom prst="rect">
              <a:avLst/>
            </a:prstGeom>
            <a:noFill/>
          </p:spPr>
          <p:txBody>
            <a:bodyPr wrap="square" rtlCol="0">
              <a:spAutoFit/>
            </a:bodyPr>
            <a:lstStyle/>
            <a:p>
              <a:r>
                <a:rPr lang="en-US" sz="1400">
                  <a:latin typeface="+mn-lt"/>
                  <a:ea typeface="Open Sans" panose="020B0606030504020204" pitchFamily="34" charset="0"/>
                  <a:cs typeface="Open Sans" panose="020B0606030504020204" pitchFamily="34" charset="0"/>
                </a:rPr>
                <a:t>Funding commitments to support p</a:t>
              </a:r>
              <a:r>
                <a:rPr lang="en-US" sz="1400">
                  <a:effectLst/>
                  <a:latin typeface="+mn-lt"/>
                  <a:ea typeface="Open Sans" panose="020B0606030504020204" pitchFamily="34" charset="0"/>
                  <a:cs typeface="Open Sans" panose="020B0606030504020204" pitchFamily="34" charset="0"/>
                </a:rPr>
                <a:t>riorities established through the next agreement</a:t>
              </a:r>
              <a:r>
                <a:rPr lang="en-US" sz="1400">
                  <a:latin typeface="+mn-lt"/>
                  <a:ea typeface="Open Sans" panose="020B0606030504020204" pitchFamily="34" charset="0"/>
                  <a:cs typeface="Open Sans" panose="020B0606030504020204" pitchFamily="34" charset="0"/>
                </a:rPr>
                <a:t>, including funding to support delineation of responsibilities for psychosocial and family and carer supports and dedicated funding for services for Aboriginal and Torres Strait Islander people </a:t>
              </a:r>
            </a:p>
          </p:txBody>
        </p:sp>
        <p:sp>
          <p:nvSpPr>
            <p:cNvPr id="57" name="Rectangle 56">
              <a:extLst>
                <a:ext uri="{FF2B5EF4-FFF2-40B4-BE49-F238E27FC236}">
                  <a16:creationId xmlns:a16="http://schemas.microsoft.com/office/drawing/2014/main" id="{3DD80D81-0022-8EC3-3A78-48D6728CACD9}"/>
                </a:ext>
              </a:extLst>
            </p:cNvPr>
            <p:cNvSpPr/>
            <p:nvPr/>
          </p:nvSpPr>
          <p:spPr>
            <a:xfrm>
              <a:off x="653337" y="4106353"/>
              <a:ext cx="5272199" cy="66742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8" name="TextBox 57">
              <a:extLst>
                <a:ext uri="{FF2B5EF4-FFF2-40B4-BE49-F238E27FC236}">
                  <a16:creationId xmlns:a16="http://schemas.microsoft.com/office/drawing/2014/main" id="{1F77156A-3DA3-DDE3-F7BC-0C6E5D96B309}"/>
                </a:ext>
              </a:extLst>
            </p:cNvPr>
            <p:cNvSpPr txBox="1"/>
            <p:nvPr/>
          </p:nvSpPr>
          <p:spPr>
            <a:xfrm>
              <a:off x="1513377" y="4177853"/>
              <a:ext cx="4312127" cy="523220"/>
            </a:xfrm>
            <a:prstGeom prst="rect">
              <a:avLst/>
            </a:prstGeom>
            <a:noFill/>
          </p:spPr>
          <p:txBody>
            <a:bodyPr wrap="square" rtlCol="0">
              <a:spAutoFit/>
            </a:bodyPr>
            <a:lstStyle/>
            <a:p>
              <a:r>
                <a:rPr lang="en-US" sz="1400" b="1">
                  <a:solidFill>
                    <a:schemeClr val="bg1"/>
                  </a:solidFill>
                </a:rPr>
                <a:t>Funding commitments for priorities, including psychosocial supports</a:t>
              </a:r>
              <a:endParaRPr lang="en-AU" sz="14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52" name="Group 151">
              <a:extLst>
                <a:ext uri="{FF2B5EF4-FFF2-40B4-BE49-F238E27FC236}">
                  <a16:creationId xmlns:a16="http://schemas.microsoft.com/office/drawing/2014/main" id="{A202A240-139A-4E51-AF2A-9F0B9A796BFA}"/>
                </a:ext>
              </a:extLst>
            </p:cNvPr>
            <p:cNvGrpSpPr/>
            <p:nvPr/>
          </p:nvGrpSpPr>
          <p:grpSpPr>
            <a:xfrm>
              <a:off x="837401" y="4139976"/>
              <a:ext cx="598700" cy="589331"/>
              <a:chOff x="5029122" y="4280414"/>
              <a:chExt cx="677378" cy="667423"/>
            </a:xfrm>
          </p:grpSpPr>
          <p:sp>
            <p:nvSpPr>
              <p:cNvPr id="59" name="Oval 58">
                <a:extLst>
                  <a:ext uri="{FF2B5EF4-FFF2-40B4-BE49-F238E27FC236}">
                    <a16:creationId xmlns:a16="http://schemas.microsoft.com/office/drawing/2014/main" id="{1B7E3ADF-3F33-9801-FA79-3578FCE37D06}"/>
                  </a:ext>
                </a:extLst>
              </p:cNvPr>
              <p:cNvSpPr/>
              <p:nvPr/>
            </p:nvSpPr>
            <p:spPr>
              <a:xfrm>
                <a:off x="5029122" y="4280414"/>
                <a:ext cx="677378" cy="667423"/>
              </a:xfrm>
              <a:prstGeom prst="ellipse">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51" name="Group 150">
                <a:extLst>
                  <a:ext uri="{FF2B5EF4-FFF2-40B4-BE49-F238E27FC236}">
                    <a16:creationId xmlns:a16="http://schemas.microsoft.com/office/drawing/2014/main" id="{B0851403-8183-A4C2-3F97-0E5468A5DCDD}"/>
                  </a:ext>
                </a:extLst>
              </p:cNvPr>
              <p:cNvGrpSpPr/>
              <p:nvPr/>
            </p:nvGrpSpPr>
            <p:grpSpPr>
              <a:xfrm>
                <a:off x="5140564" y="4393820"/>
                <a:ext cx="413847" cy="388774"/>
                <a:chOff x="5140564" y="4393820"/>
                <a:chExt cx="413847" cy="388774"/>
              </a:xfrm>
            </p:grpSpPr>
            <p:sp>
              <p:nvSpPr>
                <p:cNvPr id="61" name="Graphic 2">
                  <a:extLst>
                    <a:ext uri="{FF2B5EF4-FFF2-40B4-BE49-F238E27FC236}">
                      <a16:creationId xmlns:a16="http://schemas.microsoft.com/office/drawing/2014/main" id="{66E30749-E7C1-5659-40BA-99D6E7C0465D}"/>
                    </a:ext>
                  </a:extLst>
                </p:cNvPr>
                <p:cNvSpPr/>
                <p:nvPr/>
              </p:nvSpPr>
              <p:spPr>
                <a:xfrm rot="18900000">
                  <a:off x="5309259" y="4400419"/>
                  <a:ext cx="235866" cy="221778"/>
                </a:xfrm>
                <a:custGeom>
                  <a:avLst/>
                  <a:gdLst>
                    <a:gd name="connsiteX0" fmla="*/ 239077 w 239077"/>
                    <a:gd name="connsiteY0" fmla="*/ 119539 h 239077"/>
                    <a:gd name="connsiteX1" fmla="*/ 119539 w 239077"/>
                    <a:gd name="connsiteY1" fmla="*/ 239078 h 239077"/>
                    <a:gd name="connsiteX2" fmla="*/ 0 w 239077"/>
                    <a:gd name="connsiteY2" fmla="*/ 119539 h 239077"/>
                    <a:gd name="connsiteX3" fmla="*/ 119539 w 239077"/>
                    <a:gd name="connsiteY3" fmla="*/ 0 h 239077"/>
                    <a:gd name="connsiteX4" fmla="*/ 239077 w 239077"/>
                    <a:gd name="connsiteY4" fmla="*/ 119539 h 23907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9077" h="239077">
                      <a:moveTo>
                        <a:pt x="239077" y="119539"/>
                      </a:moveTo>
                      <a:cubicBezTo>
                        <a:pt x="239077" y="185558"/>
                        <a:pt x="185558" y="239078"/>
                        <a:pt x="119539" y="239078"/>
                      </a:cubicBezTo>
                      <a:cubicBezTo>
                        <a:pt x="53519" y="239078"/>
                        <a:pt x="0" y="185558"/>
                        <a:pt x="0" y="119539"/>
                      </a:cubicBezTo>
                      <a:cubicBezTo>
                        <a:pt x="0" y="53519"/>
                        <a:pt x="53519" y="0"/>
                        <a:pt x="119539" y="0"/>
                      </a:cubicBezTo>
                      <a:cubicBezTo>
                        <a:pt x="185558" y="0"/>
                        <a:pt x="239077" y="53519"/>
                        <a:pt x="239077" y="119539"/>
                      </a:cubicBezTo>
                      <a:close/>
                    </a:path>
                  </a:pathLst>
                </a:custGeom>
                <a:solidFill>
                  <a:srgbClr val="C7E4F1"/>
                </a:solidFill>
                <a:ln w="9525" cap="flat">
                  <a:noFill/>
                  <a:prstDash val="solid"/>
                  <a:miter/>
                </a:ln>
              </p:spPr>
              <p:txBody>
                <a:bodyPr rtlCol="0" anchor="ctr"/>
                <a:lstStyle/>
                <a:p>
                  <a:endParaRPr lang="en-AU" sz="700"/>
                </a:p>
              </p:txBody>
            </p:sp>
            <p:sp>
              <p:nvSpPr>
                <p:cNvPr id="62" name="Graphic 2">
                  <a:extLst>
                    <a:ext uri="{FF2B5EF4-FFF2-40B4-BE49-F238E27FC236}">
                      <a16:creationId xmlns:a16="http://schemas.microsoft.com/office/drawing/2014/main" id="{28E19024-9D78-BC22-A822-D90D12E3D757}"/>
                    </a:ext>
                  </a:extLst>
                </p:cNvPr>
                <p:cNvSpPr/>
                <p:nvPr/>
              </p:nvSpPr>
              <p:spPr>
                <a:xfrm>
                  <a:off x="5148082" y="4598104"/>
                  <a:ext cx="58731" cy="171679"/>
                </a:xfrm>
                <a:custGeom>
                  <a:avLst/>
                  <a:gdLst>
                    <a:gd name="connsiteX0" fmla="*/ 0 w 59531"/>
                    <a:gd name="connsiteY0" fmla="*/ 0 h 185070"/>
                    <a:gd name="connsiteX1" fmla="*/ 59531 w 59531"/>
                    <a:gd name="connsiteY1" fmla="*/ 0 h 185070"/>
                    <a:gd name="connsiteX2" fmla="*/ 59531 w 59531"/>
                    <a:gd name="connsiteY2" fmla="*/ 185071 h 185070"/>
                    <a:gd name="connsiteX3" fmla="*/ 0 w 59531"/>
                    <a:gd name="connsiteY3" fmla="*/ 185071 h 185070"/>
                  </a:gdLst>
                  <a:ahLst/>
                  <a:cxnLst>
                    <a:cxn ang="0">
                      <a:pos x="connsiteX0" y="connsiteY0"/>
                    </a:cxn>
                    <a:cxn ang="0">
                      <a:pos x="connsiteX1" y="connsiteY1"/>
                    </a:cxn>
                    <a:cxn ang="0">
                      <a:pos x="connsiteX2" y="connsiteY2"/>
                    </a:cxn>
                    <a:cxn ang="0">
                      <a:pos x="connsiteX3" y="connsiteY3"/>
                    </a:cxn>
                  </a:cxnLst>
                  <a:rect l="l" t="t" r="r" b="b"/>
                  <a:pathLst>
                    <a:path w="59531" h="185070">
                      <a:moveTo>
                        <a:pt x="0" y="0"/>
                      </a:moveTo>
                      <a:lnTo>
                        <a:pt x="59531" y="0"/>
                      </a:lnTo>
                      <a:lnTo>
                        <a:pt x="59531" y="185071"/>
                      </a:lnTo>
                      <a:lnTo>
                        <a:pt x="0" y="185071"/>
                      </a:lnTo>
                      <a:close/>
                    </a:path>
                  </a:pathLst>
                </a:custGeom>
                <a:solidFill>
                  <a:srgbClr val="66B9DA"/>
                </a:solidFill>
                <a:ln w="9525" cap="flat">
                  <a:noFill/>
                  <a:prstDash val="solid"/>
                  <a:miter/>
                </a:ln>
              </p:spPr>
              <p:txBody>
                <a:bodyPr rtlCol="0" anchor="ctr"/>
                <a:lstStyle/>
                <a:p>
                  <a:endParaRPr lang="en-AU" sz="700"/>
                </a:p>
              </p:txBody>
            </p:sp>
            <p:sp>
              <p:nvSpPr>
                <p:cNvPr id="63" name="Graphic 2">
                  <a:extLst>
                    <a:ext uri="{FF2B5EF4-FFF2-40B4-BE49-F238E27FC236}">
                      <a16:creationId xmlns:a16="http://schemas.microsoft.com/office/drawing/2014/main" id="{792CDFA7-D725-D250-23A1-855B081FCF23}"/>
                    </a:ext>
                  </a:extLst>
                </p:cNvPr>
                <p:cNvSpPr/>
                <p:nvPr/>
              </p:nvSpPr>
              <p:spPr>
                <a:xfrm>
                  <a:off x="5140564" y="4592095"/>
                  <a:ext cx="400556" cy="190499"/>
                </a:xfrm>
                <a:custGeom>
                  <a:avLst/>
                  <a:gdLst>
                    <a:gd name="connsiteX0" fmla="*/ 227457 w 406009"/>
                    <a:gd name="connsiteY0" fmla="*/ 205169 h 205358"/>
                    <a:gd name="connsiteX1" fmla="*/ 79343 w 406009"/>
                    <a:gd name="connsiteY1" fmla="*/ 169545 h 205358"/>
                    <a:gd name="connsiteX2" fmla="*/ 78010 w 406009"/>
                    <a:gd name="connsiteY2" fmla="*/ 169545 h 205358"/>
                    <a:gd name="connsiteX3" fmla="*/ 75438 w 406009"/>
                    <a:gd name="connsiteY3" fmla="*/ 170402 h 205358"/>
                    <a:gd name="connsiteX4" fmla="*/ 73628 w 406009"/>
                    <a:gd name="connsiteY4" fmla="*/ 173927 h 205358"/>
                    <a:gd name="connsiteX5" fmla="*/ 73628 w 406009"/>
                    <a:gd name="connsiteY5" fmla="*/ 196310 h 205358"/>
                    <a:gd name="connsiteX6" fmla="*/ 64675 w 406009"/>
                    <a:gd name="connsiteY6" fmla="*/ 205359 h 205358"/>
                    <a:gd name="connsiteX7" fmla="*/ 8954 w 406009"/>
                    <a:gd name="connsiteY7" fmla="*/ 205359 h 205358"/>
                    <a:gd name="connsiteX8" fmla="*/ 0 w 406009"/>
                    <a:gd name="connsiteY8" fmla="*/ 196310 h 205358"/>
                    <a:gd name="connsiteX9" fmla="*/ 0 w 406009"/>
                    <a:gd name="connsiteY9" fmla="*/ 8954 h 205358"/>
                    <a:gd name="connsiteX10" fmla="*/ 8954 w 406009"/>
                    <a:gd name="connsiteY10" fmla="*/ 0 h 205358"/>
                    <a:gd name="connsiteX11" fmla="*/ 64294 w 406009"/>
                    <a:gd name="connsiteY11" fmla="*/ 0 h 205358"/>
                    <a:gd name="connsiteX12" fmla="*/ 73247 w 406009"/>
                    <a:gd name="connsiteY12" fmla="*/ 8954 h 205358"/>
                    <a:gd name="connsiteX13" fmla="*/ 73247 w 406009"/>
                    <a:gd name="connsiteY13" fmla="*/ 58483 h 205358"/>
                    <a:gd name="connsiteX14" fmla="*/ 75248 w 406009"/>
                    <a:gd name="connsiteY14" fmla="*/ 62198 h 205358"/>
                    <a:gd name="connsiteX15" fmla="*/ 77629 w 406009"/>
                    <a:gd name="connsiteY15" fmla="*/ 62865 h 205358"/>
                    <a:gd name="connsiteX16" fmla="*/ 79343 w 406009"/>
                    <a:gd name="connsiteY16" fmla="*/ 62865 h 205358"/>
                    <a:gd name="connsiteX17" fmla="*/ 127921 w 406009"/>
                    <a:gd name="connsiteY17" fmla="*/ 52292 h 205358"/>
                    <a:gd name="connsiteX18" fmla="*/ 144494 w 406009"/>
                    <a:gd name="connsiteY18" fmla="*/ 53912 h 205358"/>
                    <a:gd name="connsiteX19" fmla="*/ 163544 w 406009"/>
                    <a:gd name="connsiteY19" fmla="*/ 65342 h 205358"/>
                    <a:gd name="connsiteX20" fmla="*/ 204121 w 406009"/>
                    <a:gd name="connsiteY20" fmla="*/ 82010 h 205358"/>
                    <a:gd name="connsiteX21" fmla="*/ 214979 w 406009"/>
                    <a:gd name="connsiteY21" fmla="*/ 81344 h 205358"/>
                    <a:gd name="connsiteX22" fmla="*/ 229457 w 406009"/>
                    <a:gd name="connsiteY22" fmla="*/ 80486 h 205358"/>
                    <a:gd name="connsiteX23" fmla="*/ 287655 w 406009"/>
                    <a:gd name="connsiteY23" fmla="*/ 113919 h 205358"/>
                    <a:gd name="connsiteX24" fmla="*/ 291846 w 406009"/>
                    <a:gd name="connsiteY24" fmla="*/ 116967 h 205358"/>
                    <a:gd name="connsiteX25" fmla="*/ 292894 w 406009"/>
                    <a:gd name="connsiteY25" fmla="*/ 116967 h 205358"/>
                    <a:gd name="connsiteX26" fmla="*/ 327088 w 406009"/>
                    <a:gd name="connsiteY26" fmla="*/ 108014 h 205358"/>
                    <a:gd name="connsiteX27" fmla="*/ 355092 w 406009"/>
                    <a:gd name="connsiteY27" fmla="*/ 100679 h 205358"/>
                    <a:gd name="connsiteX28" fmla="*/ 371285 w 406009"/>
                    <a:gd name="connsiteY28" fmla="*/ 98489 h 205358"/>
                    <a:gd name="connsiteX29" fmla="*/ 401288 w 406009"/>
                    <a:gd name="connsiteY29" fmla="*/ 117539 h 205358"/>
                    <a:gd name="connsiteX30" fmla="*/ 398812 w 406009"/>
                    <a:gd name="connsiteY30" fmla="*/ 149257 h 205358"/>
                    <a:gd name="connsiteX31" fmla="*/ 227457 w 406009"/>
                    <a:gd name="connsiteY31" fmla="*/ 205169 h 205358"/>
                    <a:gd name="connsiteX32" fmla="*/ 128492 w 406009"/>
                    <a:gd name="connsiteY32" fmla="*/ 70009 h 205358"/>
                    <a:gd name="connsiteX33" fmla="*/ 76105 w 406009"/>
                    <a:gd name="connsiteY33" fmla="*/ 83915 h 205358"/>
                    <a:gd name="connsiteX34" fmla="*/ 73628 w 406009"/>
                    <a:gd name="connsiteY34" fmla="*/ 87821 h 205358"/>
                    <a:gd name="connsiteX35" fmla="*/ 73628 w 406009"/>
                    <a:gd name="connsiteY35" fmla="*/ 145828 h 205358"/>
                    <a:gd name="connsiteX36" fmla="*/ 76771 w 406009"/>
                    <a:gd name="connsiteY36" fmla="*/ 150019 h 205358"/>
                    <a:gd name="connsiteX37" fmla="*/ 227457 w 406009"/>
                    <a:gd name="connsiteY37" fmla="*/ 187166 h 205358"/>
                    <a:gd name="connsiteX38" fmla="*/ 385286 w 406009"/>
                    <a:gd name="connsiteY38" fmla="*/ 135541 h 205358"/>
                    <a:gd name="connsiteX39" fmla="*/ 387382 w 406009"/>
                    <a:gd name="connsiteY39" fmla="*/ 130397 h 205358"/>
                    <a:gd name="connsiteX40" fmla="*/ 384905 w 406009"/>
                    <a:gd name="connsiteY40" fmla="*/ 124111 h 205358"/>
                    <a:gd name="connsiteX41" fmla="*/ 371380 w 406009"/>
                    <a:gd name="connsiteY41" fmla="*/ 116015 h 205358"/>
                    <a:gd name="connsiteX42" fmla="*/ 359378 w 406009"/>
                    <a:gd name="connsiteY42" fmla="*/ 117729 h 205358"/>
                    <a:gd name="connsiteX43" fmla="*/ 331851 w 406009"/>
                    <a:gd name="connsiteY43" fmla="*/ 124968 h 205358"/>
                    <a:gd name="connsiteX44" fmla="*/ 279368 w 406009"/>
                    <a:gd name="connsiteY44" fmla="*/ 137922 h 205358"/>
                    <a:gd name="connsiteX45" fmla="*/ 278892 w 406009"/>
                    <a:gd name="connsiteY45" fmla="*/ 137922 h 205358"/>
                    <a:gd name="connsiteX46" fmla="*/ 274130 w 406009"/>
                    <a:gd name="connsiteY46" fmla="*/ 139446 h 205358"/>
                    <a:gd name="connsiteX47" fmla="*/ 225838 w 406009"/>
                    <a:gd name="connsiteY47" fmla="*/ 150209 h 205358"/>
                    <a:gd name="connsiteX48" fmla="*/ 218504 w 406009"/>
                    <a:gd name="connsiteY48" fmla="*/ 149733 h 205358"/>
                    <a:gd name="connsiteX49" fmla="*/ 155162 w 406009"/>
                    <a:gd name="connsiteY49" fmla="*/ 138303 h 205358"/>
                    <a:gd name="connsiteX50" fmla="*/ 147828 w 406009"/>
                    <a:gd name="connsiteY50" fmla="*/ 128016 h 205358"/>
                    <a:gd name="connsiteX51" fmla="*/ 156686 w 406009"/>
                    <a:gd name="connsiteY51" fmla="*/ 120491 h 205358"/>
                    <a:gd name="connsiteX52" fmla="*/ 158210 w 406009"/>
                    <a:gd name="connsiteY52" fmla="*/ 120491 h 205358"/>
                    <a:gd name="connsiteX53" fmla="*/ 222504 w 406009"/>
                    <a:gd name="connsiteY53" fmla="*/ 132112 h 205358"/>
                    <a:gd name="connsiteX54" fmla="*/ 226314 w 406009"/>
                    <a:gd name="connsiteY54" fmla="*/ 132112 h 205358"/>
                    <a:gd name="connsiteX55" fmla="*/ 267271 w 406009"/>
                    <a:gd name="connsiteY55" fmla="*/ 122587 h 205358"/>
                    <a:gd name="connsiteX56" fmla="*/ 270034 w 406009"/>
                    <a:gd name="connsiteY56" fmla="*/ 120110 h 205358"/>
                    <a:gd name="connsiteX57" fmla="*/ 270034 w 406009"/>
                    <a:gd name="connsiteY57" fmla="*/ 116586 h 205358"/>
                    <a:gd name="connsiteX58" fmla="*/ 264509 w 406009"/>
                    <a:gd name="connsiteY58" fmla="*/ 109061 h 205358"/>
                    <a:gd name="connsiteX59" fmla="*/ 229457 w 406009"/>
                    <a:gd name="connsiteY59" fmla="*/ 97822 h 205358"/>
                    <a:gd name="connsiteX60" fmla="*/ 217361 w 406009"/>
                    <a:gd name="connsiteY60" fmla="*/ 98584 h 205358"/>
                    <a:gd name="connsiteX61" fmla="*/ 204407 w 406009"/>
                    <a:gd name="connsiteY61" fmla="*/ 99346 h 205358"/>
                    <a:gd name="connsiteX62" fmla="*/ 151829 w 406009"/>
                    <a:gd name="connsiteY62" fmla="*/ 78486 h 205358"/>
                    <a:gd name="connsiteX63" fmla="*/ 141446 w 406009"/>
                    <a:gd name="connsiteY63" fmla="*/ 71247 h 205358"/>
                    <a:gd name="connsiteX64" fmla="*/ 128492 w 406009"/>
                    <a:gd name="connsiteY64" fmla="*/ 70009 h 205358"/>
                    <a:gd name="connsiteX65" fmla="*/ 22765 w 406009"/>
                    <a:gd name="connsiteY65" fmla="*/ 17907 h 205358"/>
                    <a:gd name="connsiteX66" fmla="*/ 18288 w 406009"/>
                    <a:gd name="connsiteY66" fmla="*/ 22289 h 205358"/>
                    <a:gd name="connsiteX67" fmla="*/ 18288 w 406009"/>
                    <a:gd name="connsiteY67" fmla="*/ 182785 h 205358"/>
                    <a:gd name="connsiteX68" fmla="*/ 22765 w 406009"/>
                    <a:gd name="connsiteY68" fmla="*/ 187166 h 205358"/>
                    <a:gd name="connsiteX69" fmla="*/ 51340 w 406009"/>
                    <a:gd name="connsiteY69" fmla="*/ 187166 h 205358"/>
                    <a:gd name="connsiteX70" fmla="*/ 55721 w 406009"/>
                    <a:gd name="connsiteY70" fmla="*/ 182785 h 205358"/>
                    <a:gd name="connsiteX71" fmla="*/ 55721 w 406009"/>
                    <a:gd name="connsiteY71" fmla="*/ 22289 h 205358"/>
                    <a:gd name="connsiteX72" fmla="*/ 51340 w 406009"/>
                    <a:gd name="connsiteY72" fmla="*/ 17907 h 205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06009" h="205358">
                      <a:moveTo>
                        <a:pt x="227457" y="205169"/>
                      </a:moveTo>
                      <a:cubicBezTo>
                        <a:pt x="198882" y="205169"/>
                        <a:pt x="114300" y="180308"/>
                        <a:pt x="79343" y="169545"/>
                      </a:cubicBezTo>
                      <a:lnTo>
                        <a:pt x="78010" y="169545"/>
                      </a:lnTo>
                      <a:cubicBezTo>
                        <a:pt x="77086" y="169552"/>
                        <a:pt x="76181" y="169852"/>
                        <a:pt x="75438" y="170402"/>
                      </a:cubicBezTo>
                      <a:cubicBezTo>
                        <a:pt x="74324" y="171232"/>
                        <a:pt x="73647" y="172534"/>
                        <a:pt x="73628" y="173927"/>
                      </a:cubicBezTo>
                      <a:lnTo>
                        <a:pt x="73628" y="196310"/>
                      </a:lnTo>
                      <a:cubicBezTo>
                        <a:pt x="73390" y="201168"/>
                        <a:pt x="69533" y="205073"/>
                        <a:pt x="64675" y="205359"/>
                      </a:cubicBezTo>
                      <a:lnTo>
                        <a:pt x="8954" y="205359"/>
                      </a:lnTo>
                      <a:cubicBezTo>
                        <a:pt x="4096" y="205073"/>
                        <a:pt x="238" y="201168"/>
                        <a:pt x="0" y="196310"/>
                      </a:cubicBezTo>
                      <a:lnTo>
                        <a:pt x="0" y="8954"/>
                      </a:lnTo>
                      <a:cubicBezTo>
                        <a:pt x="0" y="4009"/>
                        <a:pt x="4010" y="0"/>
                        <a:pt x="8954" y="0"/>
                      </a:cubicBezTo>
                      <a:lnTo>
                        <a:pt x="64294" y="0"/>
                      </a:lnTo>
                      <a:cubicBezTo>
                        <a:pt x="69237" y="0"/>
                        <a:pt x="73247" y="4009"/>
                        <a:pt x="73247" y="8954"/>
                      </a:cubicBezTo>
                      <a:lnTo>
                        <a:pt x="73247" y="58483"/>
                      </a:lnTo>
                      <a:cubicBezTo>
                        <a:pt x="73257" y="59978"/>
                        <a:pt x="74000" y="61371"/>
                        <a:pt x="75248" y="62198"/>
                      </a:cubicBezTo>
                      <a:cubicBezTo>
                        <a:pt x="75952" y="62660"/>
                        <a:pt x="76781" y="62894"/>
                        <a:pt x="77629" y="62865"/>
                      </a:cubicBezTo>
                      <a:cubicBezTo>
                        <a:pt x="78200" y="62956"/>
                        <a:pt x="78772" y="62956"/>
                        <a:pt x="79343" y="62865"/>
                      </a:cubicBezTo>
                      <a:cubicBezTo>
                        <a:pt x="94717" y="56280"/>
                        <a:pt x="111204" y="52692"/>
                        <a:pt x="127921" y="52292"/>
                      </a:cubicBezTo>
                      <a:cubicBezTo>
                        <a:pt x="133483" y="52284"/>
                        <a:pt x="139036" y="52826"/>
                        <a:pt x="144494" y="53912"/>
                      </a:cubicBezTo>
                      <a:cubicBezTo>
                        <a:pt x="151743" y="55964"/>
                        <a:pt x="158325" y="59909"/>
                        <a:pt x="163544" y="65342"/>
                      </a:cubicBezTo>
                      <a:cubicBezTo>
                        <a:pt x="174127" y="76358"/>
                        <a:pt x="188852" y="82408"/>
                        <a:pt x="204121" y="82010"/>
                      </a:cubicBezTo>
                      <a:cubicBezTo>
                        <a:pt x="207750" y="82014"/>
                        <a:pt x="211379" y="81791"/>
                        <a:pt x="214979" y="81344"/>
                      </a:cubicBezTo>
                      <a:cubicBezTo>
                        <a:pt x="219789" y="80787"/>
                        <a:pt x="224619" y="80501"/>
                        <a:pt x="229457" y="80486"/>
                      </a:cubicBezTo>
                      <a:cubicBezTo>
                        <a:pt x="264509" y="80486"/>
                        <a:pt x="282512" y="97822"/>
                        <a:pt x="287655" y="113919"/>
                      </a:cubicBezTo>
                      <a:cubicBezTo>
                        <a:pt x="288207" y="115760"/>
                        <a:pt x="289922" y="117006"/>
                        <a:pt x="291846" y="116967"/>
                      </a:cubicBezTo>
                      <a:lnTo>
                        <a:pt x="292894" y="116967"/>
                      </a:lnTo>
                      <a:cubicBezTo>
                        <a:pt x="304133" y="114205"/>
                        <a:pt x="316516" y="110871"/>
                        <a:pt x="327088" y="108014"/>
                      </a:cubicBezTo>
                      <a:cubicBezTo>
                        <a:pt x="337661" y="105156"/>
                        <a:pt x="347186" y="102584"/>
                        <a:pt x="355092" y="100679"/>
                      </a:cubicBezTo>
                      <a:cubicBezTo>
                        <a:pt x="360388" y="99318"/>
                        <a:pt x="365817" y="98583"/>
                        <a:pt x="371285" y="98489"/>
                      </a:cubicBezTo>
                      <a:cubicBezTo>
                        <a:pt x="384372" y="97626"/>
                        <a:pt x="396507" y="105331"/>
                        <a:pt x="401288" y="117539"/>
                      </a:cubicBezTo>
                      <a:cubicBezTo>
                        <a:pt x="408337" y="133255"/>
                        <a:pt x="407480" y="144018"/>
                        <a:pt x="398812" y="149257"/>
                      </a:cubicBezTo>
                      <a:cubicBezTo>
                        <a:pt x="367475" y="167450"/>
                        <a:pt x="258032" y="205169"/>
                        <a:pt x="227457" y="205169"/>
                      </a:cubicBezTo>
                      <a:close/>
                      <a:moveTo>
                        <a:pt x="128492" y="70009"/>
                      </a:moveTo>
                      <a:cubicBezTo>
                        <a:pt x="110214" y="70671"/>
                        <a:pt x="92307" y="75423"/>
                        <a:pt x="76105" y="83915"/>
                      </a:cubicBezTo>
                      <a:cubicBezTo>
                        <a:pt x="74600" y="84640"/>
                        <a:pt x="73647" y="86154"/>
                        <a:pt x="73628" y="87821"/>
                      </a:cubicBezTo>
                      <a:lnTo>
                        <a:pt x="73628" y="145828"/>
                      </a:lnTo>
                      <a:cubicBezTo>
                        <a:pt x="73638" y="147766"/>
                        <a:pt x="74914" y="149471"/>
                        <a:pt x="76771" y="150019"/>
                      </a:cubicBezTo>
                      <a:cubicBezTo>
                        <a:pt x="96869" y="156210"/>
                        <a:pt x="198596" y="187166"/>
                        <a:pt x="227457" y="187166"/>
                      </a:cubicBezTo>
                      <a:cubicBezTo>
                        <a:pt x="252603" y="187166"/>
                        <a:pt x="352425" y="153352"/>
                        <a:pt x="385286" y="135541"/>
                      </a:cubicBezTo>
                      <a:cubicBezTo>
                        <a:pt x="387096" y="134519"/>
                        <a:pt x="387963" y="132390"/>
                        <a:pt x="387382" y="130397"/>
                      </a:cubicBezTo>
                      <a:cubicBezTo>
                        <a:pt x="386677" y="128257"/>
                        <a:pt x="385848" y="126158"/>
                        <a:pt x="384905" y="124111"/>
                      </a:cubicBezTo>
                      <a:cubicBezTo>
                        <a:pt x="382857" y="118570"/>
                        <a:pt x="377228" y="115201"/>
                        <a:pt x="371380" y="116015"/>
                      </a:cubicBezTo>
                      <a:cubicBezTo>
                        <a:pt x="367322" y="116119"/>
                        <a:pt x="363303" y="116695"/>
                        <a:pt x="359378" y="117729"/>
                      </a:cubicBezTo>
                      <a:cubicBezTo>
                        <a:pt x="351472" y="119634"/>
                        <a:pt x="341947" y="122206"/>
                        <a:pt x="331851" y="124968"/>
                      </a:cubicBezTo>
                      <a:cubicBezTo>
                        <a:pt x="315182" y="129540"/>
                        <a:pt x="294513" y="135160"/>
                        <a:pt x="279368" y="137922"/>
                      </a:cubicBezTo>
                      <a:lnTo>
                        <a:pt x="278892" y="137922"/>
                      </a:lnTo>
                      <a:lnTo>
                        <a:pt x="274130" y="139446"/>
                      </a:lnTo>
                      <a:cubicBezTo>
                        <a:pt x="258585" y="145182"/>
                        <a:pt x="242345" y="148802"/>
                        <a:pt x="225838" y="150209"/>
                      </a:cubicBezTo>
                      <a:cubicBezTo>
                        <a:pt x="223380" y="150334"/>
                        <a:pt x="220923" y="150175"/>
                        <a:pt x="218504" y="149733"/>
                      </a:cubicBezTo>
                      <a:cubicBezTo>
                        <a:pt x="204407" y="146590"/>
                        <a:pt x="155543" y="138398"/>
                        <a:pt x="155162" y="138303"/>
                      </a:cubicBezTo>
                      <a:cubicBezTo>
                        <a:pt x="150304" y="137477"/>
                        <a:pt x="147028" y="132879"/>
                        <a:pt x="147828" y="128016"/>
                      </a:cubicBezTo>
                      <a:cubicBezTo>
                        <a:pt x="148495" y="123651"/>
                        <a:pt x="152267" y="120441"/>
                        <a:pt x="156686" y="120491"/>
                      </a:cubicBezTo>
                      <a:lnTo>
                        <a:pt x="158210" y="120491"/>
                      </a:lnTo>
                      <a:cubicBezTo>
                        <a:pt x="163354" y="121348"/>
                        <a:pt x="208502" y="128969"/>
                        <a:pt x="222504" y="132112"/>
                      </a:cubicBezTo>
                      <a:cubicBezTo>
                        <a:pt x="223771" y="132272"/>
                        <a:pt x="225047" y="132272"/>
                        <a:pt x="226314" y="132112"/>
                      </a:cubicBezTo>
                      <a:cubicBezTo>
                        <a:pt x="240287" y="130522"/>
                        <a:pt x="254032" y="127326"/>
                        <a:pt x="267271" y="122587"/>
                      </a:cubicBezTo>
                      <a:cubicBezTo>
                        <a:pt x="268491" y="122169"/>
                        <a:pt x="269481" y="121275"/>
                        <a:pt x="270034" y="120110"/>
                      </a:cubicBezTo>
                      <a:cubicBezTo>
                        <a:pt x="270501" y="118982"/>
                        <a:pt x="270501" y="117714"/>
                        <a:pt x="270034" y="116586"/>
                      </a:cubicBezTo>
                      <a:cubicBezTo>
                        <a:pt x="268691" y="113746"/>
                        <a:pt x="266814" y="111190"/>
                        <a:pt x="264509" y="109061"/>
                      </a:cubicBezTo>
                      <a:cubicBezTo>
                        <a:pt x="254765" y="100834"/>
                        <a:pt x="242164" y="96794"/>
                        <a:pt x="229457" y="97822"/>
                      </a:cubicBezTo>
                      <a:cubicBezTo>
                        <a:pt x="225409" y="97850"/>
                        <a:pt x="221371" y="98105"/>
                        <a:pt x="217361" y="98584"/>
                      </a:cubicBezTo>
                      <a:cubicBezTo>
                        <a:pt x="213055" y="99064"/>
                        <a:pt x="208731" y="99318"/>
                        <a:pt x="204407" y="99346"/>
                      </a:cubicBezTo>
                      <a:cubicBezTo>
                        <a:pt x="184747" y="99969"/>
                        <a:pt x="165716" y="92416"/>
                        <a:pt x="151829" y="78486"/>
                      </a:cubicBezTo>
                      <a:cubicBezTo>
                        <a:pt x="148952" y="75328"/>
                        <a:pt x="145409" y="72854"/>
                        <a:pt x="141446" y="71247"/>
                      </a:cubicBezTo>
                      <a:cubicBezTo>
                        <a:pt x="137189" y="70370"/>
                        <a:pt x="132845" y="69954"/>
                        <a:pt x="128492" y="70009"/>
                      </a:cubicBezTo>
                      <a:close/>
                      <a:moveTo>
                        <a:pt x="22765" y="17907"/>
                      </a:moveTo>
                      <a:cubicBezTo>
                        <a:pt x="20326" y="17906"/>
                        <a:pt x="18336" y="19853"/>
                        <a:pt x="18288" y="22289"/>
                      </a:cubicBezTo>
                      <a:lnTo>
                        <a:pt x="18288" y="182785"/>
                      </a:lnTo>
                      <a:cubicBezTo>
                        <a:pt x="18336" y="185220"/>
                        <a:pt x="20326" y="187167"/>
                        <a:pt x="22765" y="187166"/>
                      </a:cubicBezTo>
                      <a:lnTo>
                        <a:pt x="51340" y="187166"/>
                      </a:lnTo>
                      <a:cubicBezTo>
                        <a:pt x="53740" y="187116"/>
                        <a:pt x="55674" y="185183"/>
                        <a:pt x="55721" y="182785"/>
                      </a:cubicBezTo>
                      <a:lnTo>
                        <a:pt x="55721" y="22289"/>
                      </a:lnTo>
                      <a:cubicBezTo>
                        <a:pt x="55674" y="19890"/>
                        <a:pt x="53740" y="17957"/>
                        <a:pt x="51340" y="17907"/>
                      </a:cubicBezTo>
                      <a:close/>
                    </a:path>
                  </a:pathLst>
                </a:custGeom>
                <a:solidFill>
                  <a:srgbClr val="265998"/>
                </a:solidFill>
                <a:ln w="9525" cap="flat">
                  <a:noFill/>
                  <a:prstDash val="solid"/>
                  <a:miter/>
                </a:ln>
              </p:spPr>
              <p:txBody>
                <a:bodyPr rtlCol="0" anchor="ctr"/>
                <a:lstStyle/>
                <a:p>
                  <a:endParaRPr lang="en-AU" sz="700"/>
                </a:p>
              </p:txBody>
            </p:sp>
            <p:sp>
              <p:nvSpPr>
                <p:cNvPr id="64" name="Graphic 2">
                  <a:extLst>
                    <a:ext uri="{FF2B5EF4-FFF2-40B4-BE49-F238E27FC236}">
                      <a16:creationId xmlns:a16="http://schemas.microsoft.com/office/drawing/2014/main" id="{2A30C9DC-B9A9-4FF1-9C74-B84E1D4D76B2}"/>
                    </a:ext>
                  </a:extLst>
                </p:cNvPr>
                <p:cNvSpPr/>
                <p:nvPr/>
              </p:nvSpPr>
              <p:spPr>
                <a:xfrm>
                  <a:off x="5391372" y="4443212"/>
                  <a:ext cx="71073" cy="140674"/>
                </a:xfrm>
                <a:custGeom>
                  <a:avLst/>
                  <a:gdLst>
                    <a:gd name="connsiteX0" fmla="*/ 35909 w 72041"/>
                    <a:gd name="connsiteY0" fmla="*/ 151638 h 151646"/>
                    <a:gd name="connsiteX1" fmla="*/ 26956 w 72041"/>
                    <a:gd name="connsiteY1" fmla="*/ 142685 h 151646"/>
                    <a:gd name="connsiteX2" fmla="*/ 26956 w 72041"/>
                    <a:gd name="connsiteY2" fmla="*/ 140779 h 151646"/>
                    <a:gd name="connsiteX3" fmla="*/ 23813 w 72041"/>
                    <a:gd name="connsiteY3" fmla="*/ 136588 h 151646"/>
                    <a:gd name="connsiteX4" fmla="*/ 762 w 72041"/>
                    <a:gd name="connsiteY4" fmla="*/ 115348 h 151646"/>
                    <a:gd name="connsiteX5" fmla="*/ 762 w 72041"/>
                    <a:gd name="connsiteY5" fmla="*/ 108490 h 151646"/>
                    <a:gd name="connsiteX6" fmla="*/ 5810 w 72041"/>
                    <a:gd name="connsiteY6" fmla="*/ 103823 h 151646"/>
                    <a:gd name="connsiteX7" fmla="*/ 8954 w 72041"/>
                    <a:gd name="connsiteY7" fmla="*/ 103156 h 151646"/>
                    <a:gd name="connsiteX8" fmla="*/ 17431 w 72041"/>
                    <a:gd name="connsiteY8" fmla="*/ 108966 h 151646"/>
                    <a:gd name="connsiteX9" fmla="*/ 44434 w 72041"/>
                    <a:gd name="connsiteY9" fmla="*/ 117830 h 151646"/>
                    <a:gd name="connsiteX10" fmla="*/ 48101 w 72041"/>
                    <a:gd name="connsiteY10" fmla="*/ 115443 h 151646"/>
                    <a:gd name="connsiteX11" fmla="*/ 53530 w 72041"/>
                    <a:gd name="connsiteY11" fmla="*/ 103632 h 151646"/>
                    <a:gd name="connsiteX12" fmla="*/ 32480 w 72041"/>
                    <a:gd name="connsiteY12" fmla="*/ 84582 h 151646"/>
                    <a:gd name="connsiteX13" fmla="*/ 0 w 72041"/>
                    <a:gd name="connsiteY13" fmla="*/ 48387 h 151646"/>
                    <a:gd name="connsiteX14" fmla="*/ 11906 w 72041"/>
                    <a:gd name="connsiteY14" fmla="*/ 22955 h 151646"/>
                    <a:gd name="connsiteX15" fmla="*/ 24384 w 72041"/>
                    <a:gd name="connsiteY15" fmla="*/ 15621 h 151646"/>
                    <a:gd name="connsiteX16" fmla="*/ 27337 w 72041"/>
                    <a:gd name="connsiteY16" fmla="*/ 11525 h 151646"/>
                    <a:gd name="connsiteX17" fmla="*/ 27337 w 72041"/>
                    <a:gd name="connsiteY17" fmla="*/ 8953 h 151646"/>
                    <a:gd name="connsiteX18" fmla="*/ 36290 w 72041"/>
                    <a:gd name="connsiteY18" fmla="*/ 0 h 151646"/>
                    <a:gd name="connsiteX19" fmla="*/ 45244 w 72041"/>
                    <a:gd name="connsiteY19" fmla="*/ 8953 h 151646"/>
                    <a:gd name="connsiteX20" fmla="*/ 45244 w 72041"/>
                    <a:gd name="connsiteY20" fmla="*/ 10858 h 151646"/>
                    <a:gd name="connsiteX21" fmla="*/ 48387 w 72041"/>
                    <a:gd name="connsiteY21" fmla="*/ 15145 h 151646"/>
                    <a:gd name="connsiteX22" fmla="*/ 71438 w 72041"/>
                    <a:gd name="connsiteY22" fmla="*/ 36290 h 151646"/>
                    <a:gd name="connsiteX23" fmla="*/ 66313 w 72041"/>
                    <a:gd name="connsiteY23" fmla="*/ 47868 h 151646"/>
                    <a:gd name="connsiteX24" fmla="*/ 66199 w 72041"/>
                    <a:gd name="connsiteY24" fmla="*/ 47911 h 151646"/>
                    <a:gd name="connsiteX25" fmla="*/ 63055 w 72041"/>
                    <a:gd name="connsiteY25" fmla="*/ 48482 h 151646"/>
                    <a:gd name="connsiteX26" fmla="*/ 54673 w 72041"/>
                    <a:gd name="connsiteY26" fmla="*/ 42672 h 151646"/>
                    <a:gd name="connsiteX27" fmla="*/ 27480 w 72041"/>
                    <a:gd name="connsiteY27" fmla="*/ 33943 h 151646"/>
                    <a:gd name="connsiteX28" fmla="*/ 23908 w 72041"/>
                    <a:gd name="connsiteY28" fmla="*/ 36290 h 151646"/>
                    <a:gd name="connsiteX29" fmla="*/ 18574 w 72041"/>
                    <a:gd name="connsiteY29" fmla="*/ 48006 h 151646"/>
                    <a:gd name="connsiteX30" fmla="*/ 39624 w 72041"/>
                    <a:gd name="connsiteY30" fmla="*/ 67056 h 151646"/>
                    <a:gd name="connsiteX31" fmla="*/ 72009 w 72041"/>
                    <a:gd name="connsiteY31" fmla="*/ 103251 h 151646"/>
                    <a:gd name="connsiteX32" fmla="*/ 60770 w 72041"/>
                    <a:gd name="connsiteY32" fmla="*/ 128302 h 151646"/>
                    <a:gd name="connsiteX33" fmla="*/ 48196 w 72041"/>
                    <a:gd name="connsiteY33" fmla="*/ 135636 h 151646"/>
                    <a:gd name="connsiteX34" fmla="*/ 45244 w 72041"/>
                    <a:gd name="connsiteY34" fmla="*/ 139827 h 151646"/>
                    <a:gd name="connsiteX35" fmla="*/ 45244 w 72041"/>
                    <a:gd name="connsiteY35" fmla="*/ 142304 h 151646"/>
                    <a:gd name="connsiteX36" fmla="*/ 36690 w 72041"/>
                    <a:gd name="connsiteY36" fmla="*/ 151638 h 151646"/>
                    <a:gd name="connsiteX37" fmla="*/ 35909 w 72041"/>
                    <a:gd name="connsiteY37" fmla="*/ 151638 h 1516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72041" h="151646">
                      <a:moveTo>
                        <a:pt x="35909" y="151638"/>
                      </a:moveTo>
                      <a:cubicBezTo>
                        <a:pt x="30966" y="151638"/>
                        <a:pt x="26956" y="147629"/>
                        <a:pt x="26956" y="142685"/>
                      </a:cubicBezTo>
                      <a:lnTo>
                        <a:pt x="26956" y="140779"/>
                      </a:lnTo>
                      <a:cubicBezTo>
                        <a:pt x="26946" y="138841"/>
                        <a:pt x="25670" y="137136"/>
                        <a:pt x="23813" y="136588"/>
                      </a:cubicBezTo>
                      <a:cubicBezTo>
                        <a:pt x="13297" y="133387"/>
                        <a:pt x="4810" y="125568"/>
                        <a:pt x="762" y="115348"/>
                      </a:cubicBezTo>
                      <a:cubicBezTo>
                        <a:pt x="-86" y="113141"/>
                        <a:pt x="-86" y="110697"/>
                        <a:pt x="762" y="108490"/>
                      </a:cubicBezTo>
                      <a:cubicBezTo>
                        <a:pt x="1734" y="106305"/>
                        <a:pt x="3553" y="104616"/>
                        <a:pt x="5810" y="103823"/>
                      </a:cubicBezTo>
                      <a:cubicBezTo>
                        <a:pt x="6801" y="103374"/>
                        <a:pt x="7868" y="103146"/>
                        <a:pt x="8954" y="103156"/>
                      </a:cubicBezTo>
                      <a:cubicBezTo>
                        <a:pt x="12668" y="103271"/>
                        <a:pt x="15983" y="105540"/>
                        <a:pt x="17431" y="108966"/>
                      </a:cubicBezTo>
                      <a:cubicBezTo>
                        <a:pt x="22441" y="118871"/>
                        <a:pt x="34528" y="122840"/>
                        <a:pt x="44434" y="117830"/>
                      </a:cubicBezTo>
                      <a:cubicBezTo>
                        <a:pt x="45739" y="117170"/>
                        <a:pt x="46968" y="116370"/>
                        <a:pt x="48101" y="115443"/>
                      </a:cubicBezTo>
                      <a:cubicBezTo>
                        <a:pt x="51521" y="112466"/>
                        <a:pt x="53502" y="108165"/>
                        <a:pt x="53530" y="103632"/>
                      </a:cubicBezTo>
                      <a:cubicBezTo>
                        <a:pt x="53530" y="94107"/>
                        <a:pt x="40291" y="87249"/>
                        <a:pt x="32480" y="84582"/>
                      </a:cubicBezTo>
                      <a:cubicBezTo>
                        <a:pt x="3905" y="73438"/>
                        <a:pt x="0" y="57150"/>
                        <a:pt x="0" y="48387"/>
                      </a:cubicBezTo>
                      <a:cubicBezTo>
                        <a:pt x="29" y="38571"/>
                        <a:pt x="4391" y="29266"/>
                        <a:pt x="11906" y="22955"/>
                      </a:cubicBezTo>
                      <a:cubicBezTo>
                        <a:pt x="15526" y="19691"/>
                        <a:pt x="19774" y="17196"/>
                        <a:pt x="24384" y="15621"/>
                      </a:cubicBezTo>
                      <a:cubicBezTo>
                        <a:pt x="26156" y="15042"/>
                        <a:pt x="27346" y="13387"/>
                        <a:pt x="27337" y="11525"/>
                      </a:cubicBezTo>
                      <a:lnTo>
                        <a:pt x="27337" y="8953"/>
                      </a:lnTo>
                      <a:cubicBezTo>
                        <a:pt x="27337" y="4009"/>
                        <a:pt x="31347" y="0"/>
                        <a:pt x="36290" y="0"/>
                      </a:cubicBezTo>
                      <a:cubicBezTo>
                        <a:pt x="41234" y="0"/>
                        <a:pt x="45244" y="4009"/>
                        <a:pt x="45244" y="8953"/>
                      </a:cubicBezTo>
                      <a:lnTo>
                        <a:pt x="45244" y="10858"/>
                      </a:lnTo>
                      <a:cubicBezTo>
                        <a:pt x="45234" y="12822"/>
                        <a:pt x="46511" y="14560"/>
                        <a:pt x="48387" y="15145"/>
                      </a:cubicBezTo>
                      <a:cubicBezTo>
                        <a:pt x="58912" y="18276"/>
                        <a:pt x="67408" y="26073"/>
                        <a:pt x="71438" y="36290"/>
                      </a:cubicBezTo>
                      <a:cubicBezTo>
                        <a:pt x="73219" y="40903"/>
                        <a:pt x="70923" y="46087"/>
                        <a:pt x="66313" y="47868"/>
                      </a:cubicBezTo>
                      <a:cubicBezTo>
                        <a:pt x="66275" y="47882"/>
                        <a:pt x="66237" y="47896"/>
                        <a:pt x="66199" y="47911"/>
                      </a:cubicBezTo>
                      <a:cubicBezTo>
                        <a:pt x="65189" y="48276"/>
                        <a:pt x="64132" y="48470"/>
                        <a:pt x="63055" y="48482"/>
                      </a:cubicBezTo>
                      <a:cubicBezTo>
                        <a:pt x="59322" y="48481"/>
                        <a:pt x="55988" y="46167"/>
                        <a:pt x="54673" y="42672"/>
                      </a:cubicBezTo>
                      <a:cubicBezTo>
                        <a:pt x="49577" y="32754"/>
                        <a:pt x="37405" y="28845"/>
                        <a:pt x="27480" y="33943"/>
                      </a:cubicBezTo>
                      <a:cubicBezTo>
                        <a:pt x="26213" y="34597"/>
                        <a:pt x="25013" y="35383"/>
                        <a:pt x="23908" y="36290"/>
                      </a:cubicBezTo>
                      <a:cubicBezTo>
                        <a:pt x="20517" y="39240"/>
                        <a:pt x="18574" y="43513"/>
                        <a:pt x="18574" y="48006"/>
                      </a:cubicBezTo>
                      <a:cubicBezTo>
                        <a:pt x="18574" y="57531"/>
                        <a:pt x="31718" y="64389"/>
                        <a:pt x="39624" y="67056"/>
                      </a:cubicBezTo>
                      <a:cubicBezTo>
                        <a:pt x="68199" y="78200"/>
                        <a:pt x="72009" y="94488"/>
                        <a:pt x="72009" y="103251"/>
                      </a:cubicBezTo>
                      <a:cubicBezTo>
                        <a:pt x="72019" y="112826"/>
                        <a:pt x="67932" y="121946"/>
                        <a:pt x="60770" y="128302"/>
                      </a:cubicBezTo>
                      <a:cubicBezTo>
                        <a:pt x="57102" y="131546"/>
                        <a:pt x="52826" y="134038"/>
                        <a:pt x="48196" y="135636"/>
                      </a:cubicBezTo>
                      <a:cubicBezTo>
                        <a:pt x="46444" y="136298"/>
                        <a:pt x="45282" y="137957"/>
                        <a:pt x="45244" y="139827"/>
                      </a:cubicBezTo>
                      <a:lnTo>
                        <a:pt x="45244" y="142304"/>
                      </a:lnTo>
                      <a:cubicBezTo>
                        <a:pt x="45463" y="147244"/>
                        <a:pt x="41624" y="151423"/>
                        <a:pt x="36690" y="151638"/>
                      </a:cubicBezTo>
                      <a:cubicBezTo>
                        <a:pt x="36433" y="151649"/>
                        <a:pt x="36166" y="151649"/>
                        <a:pt x="35909" y="151638"/>
                      </a:cubicBezTo>
                      <a:close/>
                    </a:path>
                  </a:pathLst>
                </a:custGeom>
                <a:solidFill>
                  <a:srgbClr val="265998"/>
                </a:solidFill>
                <a:ln w="9525" cap="flat">
                  <a:noFill/>
                  <a:prstDash val="solid"/>
                  <a:miter/>
                </a:ln>
              </p:spPr>
              <p:txBody>
                <a:bodyPr rtlCol="0" anchor="ctr"/>
                <a:lstStyle/>
                <a:p>
                  <a:endParaRPr lang="en-AU" sz="700"/>
                </a:p>
              </p:txBody>
            </p:sp>
            <p:sp>
              <p:nvSpPr>
                <p:cNvPr id="65" name="Graphic 2">
                  <a:extLst>
                    <a:ext uri="{FF2B5EF4-FFF2-40B4-BE49-F238E27FC236}">
                      <a16:creationId xmlns:a16="http://schemas.microsoft.com/office/drawing/2014/main" id="{BF444BC4-53AA-67DA-C962-FC7E9C8D91ED}"/>
                    </a:ext>
                  </a:extLst>
                </p:cNvPr>
                <p:cNvSpPr/>
                <p:nvPr/>
              </p:nvSpPr>
              <p:spPr>
                <a:xfrm>
                  <a:off x="5299187" y="4393820"/>
                  <a:ext cx="255224" cy="239980"/>
                </a:xfrm>
                <a:custGeom>
                  <a:avLst/>
                  <a:gdLst>
                    <a:gd name="connsiteX0" fmla="*/ 129349 w 258699"/>
                    <a:gd name="connsiteY0" fmla="*/ 258699 h 258698"/>
                    <a:gd name="connsiteX1" fmla="*/ 0 w 258699"/>
                    <a:gd name="connsiteY1" fmla="*/ 129349 h 258698"/>
                    <a:gd name="connsiteX2" fmla="*/ 129349 w 258699"/>
                    <a:gd name="connsiteY2" fmla="*/ 0 h 258698"/>
                    <a:gd name="connsiteX3" fmla="*/ 258699 w 258699"/>
                    <a:gd name="connsiteY3" fmla="*/ 129064 h 258698"/>
                    <a:gd name="connsiteX4" fmla="*/ 129445 w 258699"/>
                    <a:gd name="connsiteY4" fmla="*/ 258699 h 258698"/>
                    <a:gd name="connsiteX5" fmla="*/ 129349 w 258699"/>
                    <a:gd name="connsiteY5" fmla="*/ 258699 h 258698"/>
                    <a:gd name="connsiteX6" fmla="*/ 129349 w 258699"/>
                    <a:gd name="connsiteY6" fmla="*/ 18002 h 258698"/>
                    <a:gd name="connsiteX7" fmla="*/ 18002 w 258699"/>
                    <a:gd name="connsiteY7" fmla="*/ 129349 h 258698"/>
                    <a:gd name="connsiteX8" fmla="*/ 129349 w 258699"/>
                    <a:gd name="connsiteY8" fmla="*/ 240697 h 258698"/>
                    <a:gd name="connsiteX9" fmla="*/ 240697 w 258699"/>
                    <a:gd name="connsiteY9" fmla="*/ 129349 h 258698"/>
                    <a:gd name="connsiteX10" fmla="*/ 129445 w 258699"/>
                    <a:gd name="connsiteY10" fmla="*/ 17717 h 258698"/>
                    <a:gd name="connsiteX11" fmla="*/ 129349 w 258699"/>
                    <a:gd name="connsiteY11" fmla="*/ 17717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8699" h="258698">
                      <a:moveTo>
                        <a:pt x="129349" y="258699"/>
                      </a:moveTo>
                      <a:cubicBezTo>
                        <a:pt x="57912" y="258699"/>
                        <a:pt x="0" y="200787"/>
                        <a:pt x="0" y="129349"/>
                      </a:cubicBezTo>
                      <a:cubicBezTo>
                        <a:pt x="0" y="57911"/>
                        <a:pt x="57912" y="0"/>
                        <a:pt x="129349" y="0"/>
                      </a:cubicBezTo>
                      <a:cubicBezTo>
                        <a:pt x="200673" y="0"/>
                        <a:pt x="258537" y="57738"/>
                        <a:pt x="258699" y="129064"/>
                      </a:cubicBezTo>
                      <a:cubicBezTo>
                        <a:pt x="258804" y="200554"/>
                        <a:pt x="200939" y="258593"/>
                        <a:pt x="129445" y="258699"/>
                      </a:cubicBezTo>
                      <a:cubicBezTo>
                        <a:pt x="129416" y="258699"/>
                        <a:pt x="129378" y="258699"/>
                        <a:pt x="129349" y="258699"/>
                      </a:cubicBezTo>
                      <a:close/>
                      <a:moveTo>
                        <a:pt x="129349" y="18002"/>
                      </a:moveTo>
                      <a:cubicBezTo>
                        <a:pt x="67856" y="18002"/>
                        <a:pt x="18002" y="67854"/>
                        <a:pt x="18002" y="129349"/>
                      </a:cubicBezTo>
                      <a:cubicBezTo>
                        <a:pt x="18002" y="190845"/>
                        <a:pt x="67856" y="240697"/>
                        <a:pt x="129349" y="240697"/>
                      </a:cubicBezTo>
                      <a:cubicBezTo>
                        <a:pt x="190843" y="240697"/>
                        <a:pt x="240697" y="190845"/>
                        <a:pt x="240697" y="129349"/>
                      </a:cubicBezTo>
                      <a:cubicBezTo>
                        <a:pt x="240802" y="67802"/>
                        <a:pt x="190995" y="17822"/>
                        <a:pt x="129445" y="17717"/>
                      </a:cubicBezTo>
                      <a:cubicBezTo>
                        <a:pt x="129416" y="17717"/>
                        <a:pt x="129378" y="17717"/>
                        <a:pt x="129349" y="17717"/>
                      </a:cubicBezTo>
                      <a:close/>
                    </a:path>
                  </a:pathLst>
                </a:custGeom>
                <a:solidFill>
                  <a:srgbClr val="265998"/>
                </a:solidFill>
                <a:ln w="9525" cap="flat">
                  <a:noFill/>
                  <a:prstDash val="solid"/>
                  <a:miter/>
                </a:ln>
              </p:spPr>
              <p:txBody>
                <a:bodyPr rtlCol="0" anchor="ctr"/>
                <a:lstStyle/>
                <a:p>
                  <a:endParaRPr lang="en-AU" sz="700"/>
                </a:p>
              </p:txBody>
            </p:sp>
          </p:grpSp>
        </p:grpSp>
        <p:sp>
          <p:nvSpPr>
            <p:cNvPr id="37" name="Rectangle 36">
              <a:extLst>
                <a:ext uri="{FF2B5EF4-FFF2-40B4-BE49-F238E27FC236}">
                  <a16:creationId xmlns:a16="http://schemas.microsoft.com/office/drawing/2014/main" id="{1FEFB9C0-439A-511A-C158-7B7EFA05BB31}"/>
                </a:ext>
              </a:extLst>
            </p:cNvPr>
            <p:cNvSpPr/>
            <p:nvPr/>
          </p:nvSpPr>
          <p:spPr>
            <a:xfrm>
              <a:off x="6180662" y="4773776"/>
              <a:ext cx="5272197" cy="1576589"/>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8" name="Rectangle 37">
              <a:extLst>
                <a:ext uri="{FF2B5EF4-FFF2-40B4-BE49-F238E27FC236}">
                  <a16:creationId xmlns:a16="http://schemas.microsoft.com/office/drawing/2014/main" id="{C7AED6AD-CC49-E8D5-C9B9-E5385A892CC3}"/>
                </a:ext>
              </a:extLst>
            </p:cNvPr>
            <p:cNvSpPr/>
            <p:nvPr/>
          </p:nvSpPr>
          <p:spPr>
            <a:xfrm>
              <a:off x="6179289" y="4106353"/>
              <a:ext cx="5272199" cy="6674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9" name="TextBox 38">
              <a:extLst>
                <a:ext uri="{FF2B5EF4-FFF2-40B4-BE49-F238E27FC236}">
                  <a16:creationId xmlns:a16="http://schemas.microsoft.com/office/drawing/2014/main" id="{B590972B-ABAA-73F9-3D83-A0B7D6C98F04}"/>
                </a:ext>
              </a:extLst>
            </p:cNvPr>
            <p:cNvSpPr txBox="1"/>
            <p:nvPr/>
          </p:nvSpPr>
          <p:spPr>
            <a:xfrm>
              <a:off x="6945571" y="4200913"/>
              <a:ext cx="4312126" cy="523220"/>
            </a:xfrm>
            <a:prstGeom prst="rect">
              <a:avLst/>
            </a:prstGeom>
            <a:noFill/>
          </p:spPr>
          <p:txBody>
            <a:bodyPr wrap="square" rtlCol="0">
              <a:spAutoFit/>
            </a:bodyPr>
            <a:lstStyle/>
            <a:p>
              <a:r>
                <a:rPr lang="en-US" sz="1400" b="1">
                  <a:solidFill>
                    <a:schemeClr val="bg1"/>
                  </a:solidFill>
                </a:rPr>
                <a:t>Funding for evaluation and dissemination of evidence</a:t>
              </a:r>
              <a:endParaRPr lang="en-AU" sz="14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55" name="Group 154">
              <a:extLst>
                <a:ext uri="{FF2B5EF4-FFF2-40B4-BE49-F238E27FC236}">
                  <a16:creationId xmlns:a16="http://schemas.microsoft.com/office/drawing/2014/main" id="{FF0EB019-8B2D-AB97-9AC6-291E5FDA8DB8}"/>
                </a:ext>
              </a:extLst>
            </p:cNvPr>
            <p:cNvGrpSpPr/>
            <p:nvPr/>
          </p:nvGrpSpPr>
          <p:grpSpPr>
            <a:xfrm>
              <a:off x="6310367" y="4147159"/>
              <a:ext cx="656693" cy="603757"/>
              <a:chOff x="10406518" y="4137394"/>
              <a:chExt cx="1016327" cy="840848"/>
            </a:xfrm>
          </p:grpSpPr>
          <p:sp>
            <p:nvSpPr>
              <p:cNvPr id="40" name="Oval 39">
                <a:extLst>
                  <a:ext uri="{FF2B5EF4-FFF2-40B4-BE49-F238E27FC236}">
                    <a16:creationId xmlns:a16="http://schemas.microsoft.com/office/drawing/2014/main" id="{B3330DEB-4E09-E6F4-43F8-48387289A86C}"/>
                  </a:ext>
                </a:extLst>
              </p:cNvPr>
              <p:cNvSpPr/>
              <p:nvPr/>
            </p:nvSpPr>
            <p:spPr>
              <a:xfrm>
                <a:off x="10406518" y="4137394"/>
                <a:ext cx="1016327" cy="840848"/>
              </a:xfrm>
              <a:prstGeom prst="ellipse">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a:extLst>
                  <a:ext uri="{FF2B5EF4-FFF2-40B4-BE49-F238E27FC236}">
                    <a16:creationId xmlns:a16="http://schemas.microsoft.com/office/drawing/2014/main" id="{8657FA46-D4C0-CC8D-A3B1-A6D64DECA9F9}"/>
                  </a:ext>
                </a:extLst>
              </p:cNvPr>
              <p:cNvGrpSpPr/>
              <p:nvPr/>
            </p:nvGrpSpPr>
            <p:grpSpPr>
              <a:xfrm>
                <a:off x="10652036" y="4320747"/>
                <a:ext cx="553904" cy="458890"/>
                <a:chOff x="3187541" y="2879537"/>
                <a:chExt cx="418718" cy="419287"/>
              </a:xfrm>
            </p:grpSpPr>
            <p:sp>
              <p:nvSpPr>
                <p:cNvPr id="43" name="Graphic 2">
                  <a:extLst>
                    <a:ext uri="{FF2B5EF4-FFF2-40B4-BE49-F238E27FC236}">
                      <a16:creationId xmlns:a16="http://schemas.microsoft.com/office/drawing/2014/main" id="{2582C209-B958-F5EB-953C-CA15F7E6328C}"/>
                    </a:ext>
                  </a:extLst>
                </p:cNvPr>
                <p:cNvSpPr/>
                <p:nvPr/>
              </p:nvSpPr>
              <p:spPr>
                <a:xfrm>
                  <a:off x="3205543" y="2950970"/>
                  <a:ext cx="275464" cy="329661"/>
                </a:xfrm>
                <a:custGeom>
                  <a:avLst/>
                  <a:gdLst>
                    <a:gd name="connsiteX0" fmla="*/ 4381 w 275464"/>
                    <a:gd name="connsiteY0" fmla="*/ 1 h 329661"/>
                    <a:gd name="connsiteX1" fmla="*/ 0 w 275464"/>
                    <a:gd name="connsiteY1" fmla="*/ 4192 h 329661"/>
                    <a:gd name="connsiteX2" fmla="*/ 0 w 275464"/>
                    <a:gd name="connsiteY2" fmla="*/ 4383 h 329661"/>
                    <a:gd name="connsiteX3" fmla="*/ 0 w 275464"/>
                    <a:gd name="connsiteY3" fmla="*/ 325280 h 329661"/>
                    <a:gd name="connsiteX4" fmla="*/ 4381 w 275464"/>
                    <a:gd name="connsiteY4" fmla="*/ 329662 h 329661"/>
                    <a:gd name="connsiteX5" fmla="*/ 271081 w 275464"/>
                    <a:gd name="connsiteY5" fmla="*/ 329662 h 329661"/>
                    <a:gd name="connsiteX6" fmla="*/ 275463 w 275464"/>
                    <a:gd name="connsiteY6" fmla="*/ 325280 h 329661"/>
                    <a:gd name="connsiteX7" fmla="*/ 275463 w 275464"/>
                    <a:gd name="connsiteY7" fmla="*/ 4383 h 329661"/>
                    <a:gd name="connsiteX8" fmla="*/ 271272 w 275464"/>
                    <a:gd name="connsiteY8" fmla="*/ 1 h 329661"/>
                    <a:gd name="connsiteX9" fmla="*/ 271081 w 275464"/>
                    <a:gd name="connsiteY9" fmla="*/ 1 h 329661"/>
                    <a:gd name="connsiteX10" fmla="*/ 244412 w 275464"/>
                    <a:gd name="connsiteY10" fmla="*/ 1 h 329661"/>
                    <a:gd name="connsiteX11" fmla="*/ 240030 w 275464"/>
                    <a:gd name="connsiteY11" fmla="*/ 4192 h 329661"/>
                    <a:gd name="connsiteX12" fmla="*/ 240030 w 275464"/>
                    <a:gd name="connsiteY12" fmla="*/ 4383 h 329661"/>
                    <a:gd name="connsiteX13" fmla="*/ 240030 w 275464"/>
                    <a:gd name="connsiteY13" fmla="*/ 17718 h 329661"/>
                    <a:gd name="connsiteX14" fmla="*/ 230981 w 275464"/>
                    <a:gd name="connsiteY14" fmla="*/ 26671 h 329661"/>
                    <a:gd name="connsiteX15" fmla="*/ 44101 w 275464"/>
                    <a:gd name="connsiteY15" fmla="*/ 26671 h 329661"/>
                    <a:gd name="connsiteX16" fmla="*/ 35147 w 275464"/>
                    <a:gd name="connsiteY16" fmla="*/ 17718 h 329661"/>
                    <a:gd name="connsiteX17" fmla="*/ 35147 w 275464"/>
                    <a:gd name="connsiteY17" fmla="*/ 4383 h 329661"/>
                    <a:gd name="connsiteX18" fmla="*/ 30766 w 275464"/>
                    <a:gd name="connsiteY18" fmla="*/ 1 h 3296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75464" h="329661">
                      <a:moveTo>
                        <a:pt x="4381" y="1"/>
                      </a:moveTo>
                      <a:cubicBezTo>
                        <a:pt x="2019" y="-56"/>
                        <a:pt x="57" y="1821"/>
                        <a:pt x="0" y="4192"/>
                      </a:cubicBezTo>
                      <a:cubicBezTo>
                        <a:pt x="0" y="4259"/>
                        <a:pt x="0" y="4316"/>
                        <a:pt x="0" y="4383"/>
                      </a:cubicBezTo>
                      <a:lnTo>
                        <a:pt x="0" y="325280"/>
                      </a:lnTo>
                      <a:cubicBezTo>
                        <a:pt x="0" y="327699"/>
                        <a:pt x="1962" y="329662"/>
                        <a:pt x="4381" y="329662"/>
                      </a:cubicBezTo>
                      <a:lnTo>
                        <a:pt x="271081" y="329662"/>
                      </a:lnTo>
                      <a:cubicBezTo>
                        <a:pt x="273501" y="329662"/>
                        <a:pt x="275463" y="327699"/>
                        <a:pt x="275463" y="325280"/>
                      </a:cubicBezTo>
                      <a:lnTo>
                        <a:pt x="275463" y="4383"/>
                      </a:lnTo>
                      <a:cubicBezTo>
                        <a:pt x="275520" y="2021"/>
                        <a:pt x="273644" y="58"/>
                        <a:pt x="271272" y="1"/>
                      </a:cubicBezTo>
                      <a:cubicBezTo>
                        <a:pt x="271205" y="1"/>
                        <a:pt x="271148" y="1"/>
                        <a:pt x="271081" y="1"/>
                      </a:cubicBezTo>
                      <a:lnTo>
                        <a:pt x="244412" y="1"/>
                      </a:lnTo>
                      <a:cubicBezTo>
                        <a:pt x="242049" y="-56"/>
                        <a:pt x="240087" y="1821"/>
                        <a:pt x="240030" y="4192"/>
                      </a:cubicBezTo>
                      <a:cubicBezTo>
                        <a:pt x="240030" y="4259"/>
                        <a:pt x="240030" y="4316"/>
                        <a:pt x="240030" y="4383"/>
                      </a:cubicBezTo>
                      <a:lnTo>
                        <a:pt x="240030" y="17718"/>
                      </a:lnTo>
                      <a:cubicBezTo>
                        <a:pt x="239744" y="22576"/>
                        <a:pt x="235839" y="26433"/>
                        <a:pt x="230981" y="26671"/>
                      </a:cubicBezTo>
                      <a:lnTo>
                        <a:pt x="44101" y="26671"/>
                      </a:lnTo>
                      <a:cubicBezTo>
                        <a:pt x="39157" y="26671"/>
                        <a:pt x="35147" y="22661"/>
                        <a:pt x="35147" y="17718"/>
                      </a:cubicBezTo>
                      <a:lnTo>
                        <a:pt x="35147" y="4383"/>
                      </a:lnTo>
                      <a:cubicBezTo>
                        <a:pt x="35147" y="1964"/>
                        <a:pt x="33185" y="1"/>
                        <a:pt x="30766" y="1"/>
                      </a:cubicBezTo>
                      <a:close/>
                    </a:path>
                  </a:pathLst>
                </a:custGeom>
                <a:solidFill>
                  <a:srgbClr val="C7E4F1"/>
                </a:solidFill>
                <a:ln w="9525" cap="flat">
                  <a:noFill/>
                  <a:prstDash val="solid"/>
                  <a:miter/>
                </a:ln>
              </p:spPr>
              <p:txBody>
                <a:bodyPr rtlCol="0" anchor="ctr"/>
                <a:lstStyle/>
                <a:p>
                  <a:endParaRPr lang="en-AU" sz="700"/>
                </a:p>
              </p:txBody>
            </p:sp>
            <p:sp>
              <p:nvSpPr>
                <p:cNvPr id="44" name="Graphic 2">
                  <a:extLst>
                    <a:ext uri="{FF2B5EF4-FFF2-40B4-BE49-F238E27FC236}">
                      <a16:creationId xmlns:a16="http://schemas.microsoft.com/office/drawing/2014/main" id="{64DBC75B-D62A-9AC6-BF1F-A7FE848E367A}"/>
                    </a:ext>
                  </a:extLst>
                </p:cNvPr>
                <p:cNvSpPr/>
                <p:nvPr/>
              </p:nvSpPr>
              <p:spPr>
                <a:xfrm>
                  <a:off x="3543776" y="2946304"/>
                  <a:ext cx="53530" cy="53530"/>
                </a:xfrm>
                <a:custGeom>
                  <a:avLst/>
                  <a:gdLst>
                    <a:gd name="connsiteX0" fmla="*/ 0 w 53530"/>
                    <a:gd name="connsiteY0" fmla="*/ 0 h 53530"/>
                    <a:gd name="connsiteX1" fmla="*/ 53530 w 53530"/>
                    <a:gd name="connsiteY1" fmla="*/ 0 h 53530"/>
                    <a:gd name="connsiteX2" fmla="*/ 53530 w 53530"/>
                    <a:gd name="connsiteY2" fmla="*/ 53531 h 53530"/>
                    <a:gd name="connsiteX3" fmla="*/ 0 w 53530"/>
                    <a:gd name="connsiteY3" fmla="*/ 53531 h 53530"/>
                  </a:gdLst>
                  <a:ahLst/>
                  <a:cxnLst>
                    <a:cxn ang="0">
                      <a:pos x="connsiteX0" y="connsiteY0"/>
                    </a:cxn>
                    <a:cxn ang="0">
                      <a:pos x="connsiteX1" y="connsiteY1"/>
                    </a:cxn>
                    <a:cxn ang="0">
                      <a:pos x="connsiteX2" y="connsiteY2"/>
                    </a:cxn>
                    <a:cxn ang="0">
                      <a:pos x="connsiteX3" y="connsiteY3"/>
                    </a:cxn>
                  </a:cxnLst>
                  <a:rect l="l" t="t" r="r" b="b"/>
                  <a:pathLst>
                    <a:path w="53530" h="53530">
                      <a:moveTo>
                        <a:pt x="0" y="0"/>
                      </a:moveTo>
                      <a:lnTo>
                        <a:pt x="53530" y="0"/>
                      </a:lnTo>
                      <a:lnTo>
                        <a:pt x="53530" y="53531"/>
                      </a:lnTo>
                      <a:lnTo>
                        <a:pt x="0" y="53531"/>
                      </a:lnTo>
                      <a:close/>
                    </a:path>
                  </a:pathLst>
                </a:custGeom>
                <a:solidFill>
                  <a:srgbClr val="C7E4F1"/>
                </a:solidFill>
                <a:ln w="9525" cap="flat">
                  <a:noFill/>
                  <a:prstDash val="solid"/>
                  <a:miter/>
                </a:ln>
              </p:spPr>
              <p:txBody>
                <a:bodyPr rtlCol="0" anchor="ctr"/>
                <a:lstStyle/>
                <a:p>
                  <a:endParaRPr lang="en-AU" sz="700"/>
                </a:p>
              </p:txBody>
            </p:sp>
            <p:sp>
              <p:nvSpPr>
                <p:cNvPr id="45" name="Graphic 2">
                  <a:extLst>
                    <a:ext uri="{FF2B5EF4-FFF2-40B4-BE49-F238E27FC236}">
                      <a16:creationId xmlns:a16="http://schemas.microsoft.com/office/drawing/2014/main" id="{819B30B3-DFB3-F8F2-A44C-B50DB53310CD}"/>
                    </a:ext>
                  </a:extLst>
                </p:cNvPr>
                <p:cNvSpPr/>
                <p:nvPr/>
              </p:nvSpPr>
              <p:spPr>
                <a:xfrm>
                  <a:off x="3258597" y="2897338"/>
                  <a:ext cx="169259" cy="62396"/>
                </a:xfrm>
                <a:custGeom>
                  <a:avLst/>
                  <a:gdLst>
                    <a:gd name="connsiteX0" fmla="*/ 4382 w 169259"/>
                    <a:gd name="connsiteY0" fmla="*/ 26868 h 62396"/>
                    <a:gd name="connsiteX1" fmla="*/ 0 w 169259"/>
                    <a:gd name="connsiteY1" fmla="*/ 31250 h 62396"/>
                    <a:gd name="connsiteX2" fmla="*/ 0 w 169259"/>
                    <a:gd name="connsiteY2" fmla="*/ 58015 h 62396"/>
                    <a:gd name="connsiteX3" fmla="*/ 4382 w 169259"/>
                    <a:gd name="connsiteY3" fmla="*/ 62396 h 62396"/>
                    <a:gd name="connsiteX4" fmla="*/ 164878 w 169259"/>
                    <a:gd name="connsiteY4" fmla="*/ 62396 h 62396"/>
                    <a:gd name="connsiteX5" fmla="*/ 169259 w 169259"/>
                    <a:gd name="connsiteY5" fmla="*/ 58015 h 62396"/>
                    <a:gd name="connsiteX6" fmla="*/ 169259 w 169259"/>
                    <a:gd name="connsiteY6" fmla="*/ 31250 h 62396"/>
                    <a:gd name="connsiteX7" fmla="*/ 164878 w 169259"/>
                    <a:gd name="connsiteY7" fmla="*/ 26868 h 62396"/>
                    <a:gd name="connsiteX8" fmla="*/ 122777 w 169259"/>
                    <a:gd name="connsiteY8" fmla="*/ 26868 h 62396"/>
                    <a:gd name="connsiteX9" fmla="*/ 114300 w 169259"/>
                    <a:gd name="connsiteY9" fmla="*/ 20867 h 62396"/>
                    <a:gd name="connsiteX10" fmla="*/ 75105 w 169259"/>
                    <a:gd name="connsiteY10" fmla="*/ 1675 h 62396"/>
                    <a:gd name="connsiteX11" fmla="*/ 55912 w 169259"/>
                    <a:gd name="connsiteY11" fmla="*/ 20867 h 62396"/>
                    <a:gd name="connsiteX12" fmla="*/ 47435 w 169259"/>
                    <a:gd name="connsiteY12" fmla="*/ 26868 h 623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69259" h="62396">
                      <a:moveTo>
                        <a:pt x="4382" y="26868"/>
                      </a:moveTo>
                      <a:cubicBezTo>
                        <a:pt x="1981" y="26916"/>
                        <a:pt x="48" y="28849"/>
                        <a:pt x="0" y="31250"/>
                      </a:cubicBezTo>
                      <a:lnTo>
                        <a:pt x="0" y="58015"/>
                      </a:lnTo>
                      <a:cubicBezTo>
                        <a:pt x="48" y="60415"/>
                        <a:pt x="1981" y="62349"/>
                        <a:pt x="4382" y="62396"/>
                      </a:cubicBezTo>
                      <a:lnTo>
                        <a:pt x="164878" y="62396"/>
                      </a:lnTo>
                      <a:cubicBezTo>
                        <a:pt x="167278" y="62349"/>
                        <a:pt x="169212" y="60415"/>
                        <a:pt x="169259" y="58015"/>
                      </a:cubicBezTo>
                      <a:lnTo>
                        <a:pt x="169259" y="31250"/>
                      </a:lnTo>
                      <a:cubicBezTo>
                        <a:pt x="169212" y="28849"/>
                        <a:pt x="167278" y="26916"/>
                        <a:pt x="164878" y="26868"/>
                      </a:cubicBezTo>
                      <a:lnTo>
                        <a:pt x="122777" y="26868"/>
                      </a:lnTo>
                      <a:cubicBezTo>
                        <a:pt x="119015" y="26716"/>
                        <a:pt x="115691" y="24373"/>
                        <a:pt x="114300" y="20867"/>
                      </a:cubicBezTo>
                      <a:cubicBezTo>
                        <a:pt x="108776" y="4742"/>
                        <a:pt x="91221" y="-3850"/>
                        <a:pt x="75105" y="1675"/>
                      </a:cubicBezTo>
                      <a:cubicBezTo>
                        <a:pt x="66085" y="4770"/>
                        <a:pt x="58998" y="11847"/>
                        <a:pt x="55912" y="20867"/>
                      </a:cubicBezTo>
                      <a:cubicBezTo>
                        <a:pt x="54655" y="24468"/>
                        <a:pt x="51254" y="26878"/>
                        <a:pt x="47435" y="26868"/>
                      </a:cubicBezTo>
                      <a:close/>
                    </a:path>
                  </a:pathLst>
                </a:custGeom>
                <a:solidFill>
                  <a:srgbClr val="66B9DA"/>
                </a:solidFill>
                <a:ln w="9525" cap="flat">
                  <a:noFill/>
                  <a:prstDash val="solid"/>
                  <a:miter/>
                </a:ln>
              </p:spPr>
              <p:txBody>
                <a:bodyPr rtlCol="0" anchor="ctr"/>
                <a:lstStyle/>
                <a:p>
                  <a:endParaRPr lang="en-AU" sz="700"/>
                </a:p>
              </p:txBody>
            </p:sp>
            <p:sp>
              <p:nvSpPr>
                <p:cNvPr id="46" name="Graphic 2">
                  <a:extLst>
                    <a:ext uri="{FF2B5EF4-FFF2-40B4-BE49-F238E27FC236}">
                      <a16:creationId xmlns:a16="http://schemas.microsoft.com/office/drawing/2014/main" id="{8E412BDC-7CCA-9799-6BFA-D67BB9A84858}"/>
                    </a:ext>
                  </a:extLst>
                </p:cNvPr>
                <p:cNvSpPr/>
                <p:nvPr/>
              </p:nvSpPr>
              <p:spPr>
                <a:xfrm>
                  <a:off x="3187541" y="2879537"/>
                  <a:ext cx="311468" cy="419287"/>
                </a:xfrm>
                <a:custGeom>
                  <a:avLst/>
                  <a:gdLst>
                    <a:gd name="connsiteX0" fmla="*/ 22384 w 311468"/>
                    <a:gd name="connsiteY0" fmla="*/ 419288 h 419287"/>
                    <a:gd name="connsiteX1" fmla="*/ 0 w 311468"/>
                    <a:gd name="connsiteY1" fmla="*/ 396904 h 419287"/>
                    <a:gd name="connsiteX2" fmla="*/ 0 w 311468"/>
                    <a:gd name="connsiteY2" fmla="*/ 75816 h 419287"/>
                    <a:gd name="connsiteX3" fmla="*/ 22384 w 311468"/>
                    <a:gd name="connsiteY3" fmla="*/ 53432 h 419287"/>
                    <a:gd name="connsiteX4" fmla="*/ 49149 w 311468"/>
                    <a:gd name="connsiteY4" fmla="*/ 53432 h 419287"/>
                    <a:gd name="connsiteX5" fmla="*/ 53530 w 311468"/>
                    <a:gd name="connsiteY5" fmla="*/ 49051 h 419287"/>
                    <a:gd name="connsiteX6" fmla="*/ 53530 w 311468"/>
                    <a:gd name="connsiteY6" fmla="*/ 35716 h 419287"/>
                    <a:gd name="connsiteX7" fmla="*/ 62484 w 311468"/>
                    <a:gd name="connsiteY7" fmla="*/ 26667 h 419287"/>
                    <a:gd name="connsiteX8" fmla="*/ 110109 w 311468"/>
                    <a:gd name="connsiteY8" fmla="*/ 26667 h 419287"/>
                    <a:gd name="connsiteX9" fmla="*/ 113919 w 311468"/>
                    <a:gd name="connsiteY9" fmla="*/ 24476 h 419287"/>
                    <a:gd name="connsiteX10" fmla="*/ 180651 w 311468"/>
                    <a:gd name="connsiteY10" fmla="*/ 6531 h 419287"/>
                    <a:gd name="connsiteX11" fmla="*/ 198596 w 311468"/>
                    <a:gd name="connsiteY11" fmla="*/ 24476 h 419287"/>
                    <a:gd name="connsiteX12" fmla="*/ 202406 w 311468"/>
                    <a:gd name="connsiteY12" fmla="*/ 26667 h 419287"/>
                    <a:gd name="connsiteX13" fmla="*/ 250031 w 311468"/>
                    <a:gd name="connsiteY13" fmla="*/ 26667 h 419287"/>
                    <a:gd name="connsiteX14" fmla="*/ 259080 w 311468"/>
                    <a:gd name="connsiteY14" fmla="*/ 35716 h 419287"/>
                    <a:gd name="connsiteX15" fmla="*/ 259080 w 311468"/>
                    <a:gd name="connsiteY15" fmla="*/ 49051 h 419287"/>
                    <a:gd name="connsiteX16" fmla="*/ 263462 w 311468"/>
                    <a:gd name="connsiteY16" fmla="*/ 53432 h 419287"/>
                    <a:gd name="connsiteX17" fmla="*/ 289084 w 311468"/>
                    <a:gd name="connsiteY17" fmla="*/ 53432 h 419287"/>
                    <a:gd name="connsiteX18" fmla="*/ 311468 w 311468"/>
                    <a:gd name="connsiteY18" fmla="*/ 75816 h 419287"/>
                    <a:gd name="connsiteX19" fmla="*/ 311468 w 311468"/>
                    <a:gd name="connsiteY19" fmla="*/ 396713 h 419287"/>
                    <a:gd name="connsiteX20" fmla="*/ 289274 w 311468"/>
                    <a:gd name="connsiteY20" fmla="*/ 419288 h 419287"/>
                    <a:gd name="connsiteX21" fmla="*/ 289084 w 311468"/>
                    <a:gd name="connsiteY21" fmla="*/ 419288 h 419287"/>
                    <a:gd name="connsiteX22" fmla="*/ 22384 w 311468"/>
                    <a:gd name="connsiteY22" fmla="*/ 71625 h 419287"/>
                    <a:gd name="connsiteX23" fmla="*/ 18002 w 311468"/>
                    <a:gd name="connsiteY23" fmla="*/ 75816 h 419287"/>
                    <a:gd name="connsiteX24" fmla="*/ 18002 w 311468"/>
                    <a:gd name="connsiteY24" fmla="*/ 76007 h 419287"/>
                    <a:gd name="connsiteX25" fmla="*/ 18002 w 311468"/>
                    <a:gd name="connsiteY25" fmla="*/ 396904 h 419287"/>
                    <a:gd name="connsiteX26" fmla="*/ 22384 w 311468"/>
                    <a:gd name="connsiteY26" fmla="*/ 401285 h 419287"/>
                    <a:gd name="connsiteX27" fmla="*/ 289084 w 311468"/>
                    <a:gd name="connsiteY27" fmla="*/ 401285 h 419287"/>
                    <a:gd name="connsiteX28" fmla="*/ 293465 w 311468"/>
                    <a:gd name="connsiteY28" fmla="*/ 396904 h 419287"/>
                    <a:gd name="connsiteX29" fmla="*/ 293465 w 311468"/>
                    <a:gd name="connsiteY29" fmla="*/ 75816 h 419287"/>
                    <a:gd name="connsiteX30" fmla="*/ 289274 w 311468"/>
                    <a:gd name="connsiteY30" fmla="*/ 71434 h 419287"/>
                    <a:gd name="connsiteX31" fmla="*/ 289084 w 311468"/>
                    <a:gd name="connsiteY31" fmla="*/ 71434 h 419287"/>
                    <a:gd name="connsiteX32" fmla="*/ 262414 w 311468"/>
                    <a:gd name="connsiteY32" fmla="*/ 71434 h 419287"/>
                    <a:gd name="connsiteX33" fmla="*/ 258032 w 311468"/>
                    <a:gd name="connsiteY33" fmla="*/ 75626 h 419287"/>
                    <a:gd name="connsiteX34" fmla="*/ 258032 w 311468"/>
                    <a:gd name="connsiteY34" fmla="*/ 75816 h 419287"/>
                    <a:gd name="connsiteX35" fmla="*/ 258032 w 311468"/>
                    <a:gd name="connsiteY35" fmla="*/ 89151 h 419287"/>
                    <a:gd name="connsiteX36" fmla="*/ 248984 w 311468"/>
                    <a:gd name="connsiteY36" fmla="*/ 98105 h 419287"/>
                    <a:gd name="connsiteX37" fmla="*/ 62103 w 311468"/>
                    <a:gd name="connsiteY37" fmla="*/ 98105 h 419287"/>
                    <a:gd name="connsiteX38" fmla="*/ 53150 w 311468"/>
                    <a:gd name="connsiteY38" fmla="*/ 89151 h 419287"/>
                    <a:gd name="connsiteX39" fmla="*/ 53150 w 311468"/>
                    <a:gd name="connsiteY39" fmla="*/ 75816 h 419287"/>
                    <a:gd name="connsiteX40" fmla="*/ 48768 w 311468"/>
                    <a:gd name="connsiteY40" fmla="*/ 71434 h 419287"/>
                    <a:gd name="connsiteX41" fmla="*/ 75819 w 311468"/>
                    <a:gd name="connsiteY41" fmla="*/ 44860 h 419287"/>
                    <a:gd name="connsiteX42" fmla="*/ 71438 w 311468"/>
                    <a:gd name="connsiteY42" fmla="*/ 49241 h 419287"/>
                    <a:gd name="connsiteX43" fmla="*/ 71438 w 311468"/>
                    <a:gd name="connsiteY43" fmla="*/ 76007 h 419287"/>
                    <a:gd name="connsiteX44" fmla="*/ 75819 w 311468"/>
                    <a:gd name="connsiteY44" fmla="*/ 80388 h 419287"/>
                    <a:gd name="connsiteX45" fmla="*/ 236315 w 311468"/>
                    <a:gd name="connsiteY45" fmla="*/ 80388 h 419287"/>
                    <a:gd name="connsiteX46" fmla="*/ 240697 w 311468"/>
                    <a:gd name="connsiteY46" fmla="*/ 76007 h 419287"/>
                    <a:gd name="connsiteX47" fmla="*/ 240697 w 311468"/>
                    <a:gd name="connsiteY47" fmla="*/ 49241 h 419287"/>
                    <a:gd name="connsiteX48" fmla="*/ 236315 w 311468"/>
                    <a:gd name="connsiteY48" fmla="*/ 44860 h 419287"/>
                    <a:gd name="connsiteX49" fmla="*/ 193834 w 311468"/>
                    <a:gd name="connsiteY49" fmla="*/ 44860 h 419287"/>
                    <a:gd name="connsiteX50" fmla="*/ 185356 w 311468"/>
                    <a:gd name="connsiteY50" fmla="*/ 38859 h 419287"/>
                    <a:gd name="connsiteX51" fmla="*/ 146161 w 311468"/>
                    <a:gd name="connsiteY51" fmla="*/ 19666 h 419287"/>
                    <a:gd name="connsiteX52" fmla="*/ 126968 w 311468"/>
                    <a:gd name="connsiteY52" fmla="*/ 38859 h 419287"/>
                    <a:gd name="connsiteX53" fmla="*/ 118491 w 311468"/>
                    <a:gd name="connsiteY53" fmla="*/ 44860 h 41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Lst>
                  <a:rect l="l" t="t" r="r" b="b"/>
                  <a:pathLst>
                    <a:path w="311468" h="419287">
                      <a:moveTo>
                        <a:pt x="22384" y="419288"/>
                      </a:moveTo>
                      <a:cubicBezTo>
                        <a:pt x="10020" y="419288"/>
                        <a:pt x="0" y="409267"/>
                        <a:pt x="0" y="396904"/>
                      </a:cubicBezTo>
                      <a:lnTo>
                        <a:pt x="0" y="75816"/>
                      </a:lnTo>
                      <a:cubicBezTo>
                        <a:pt x="0" y="63453"/>
                        <a:pt x="10020" y="53432"/>
                        <a:pt x="22384" y="53432"/>
                      </a:cubicBezTo>
                      <a:lnTo>
                        <a:pt x="49149" y="53432"/>
                      </a:lnTo>
                      <a:cubicBezTo>
                        <a:pt x="51549" y="53385"/>
                        <a:pt x="53483" y="51451"/>
                        <a:pt x="53530" y="49051"/>
                      </a:cubicBezTo>
                      <a:lnTo>
                        <a:pt x="53530" y="35716"/>
                      </a:lnTo>
                      <a:cubicBezTo>
                        <a:pt x="53769" y="30858"/>
                        <a:pt x="57626" y="26953"/>
                        <a:pt x="62484" y="26667"/>
                      </a:cubicBezTo>
                      <a:lnTo>
                        <a:pt x="110109" y="26667"/>
                      </a:lnTo>
                      <a:cubicBezTo>
                        <a:pt x="111690" y="26715"/>
                        <a:pt x="113167" y="25867"/>
                        <a:pt x="113919" y="24476"/>
                      </a:cubicBezTo>
                      <a:cubicBezTo>
                        <a:pt x="127387" y="1092"/>
                        <a:pt x="157267" y="-6937"/>
                        <a:pt x="180651" y="6531"/>
                      </a:cubicBezTo>
                      <a:cubicBezTo>
                        <a:pt x="188109" y="10827"/>
                        <a:pt x="194301" y="17018"/>
                        <a:pt x="198596" y="24476"/>
                      </a:cubicBezTo>
                      <a:cubicBezTo>
                        <a:pt x="199368" y="25848"/>
                        <a:pt x="200835" y="26696"/>
                        <a:pt x="202406" y="26667"/>
                      </a:cubicBezTo>
                      <a:lnTo>
                        <a:pt x="250031" y="26667"/>
                      </a:lnTo>
                      <a:cubicBezTo>
                        <a:pt x="254927" y="26905"/>
                        <a:pt x="258842" y="30820"/>
                        <a:pt x="259080" y="35716"/>
                      </a:cubicBezTo>
                      <a:lnTo>
                        <a:pt x="259080" y="49051"/>
                      </a:lnTo>
                      <a:cubicBezTo>
                        <a:pt x="259080" y="51470"/>
                        <a:pt x="261042" y="53432"/>
                        <a:pt x="263462" y="53432"/>
                      </a:cubicBezTo>
                      <a:lnTo>
                        <a:pt x="289084" y="53432"/>
                      </a:lnTo>
                      <a:cubicBezTo>
                        <a:pt x="301447" y="53432"/>
                        <a:pt x="311468" y="63453"/>
                        <a:pt x="311468" y="75816"/>
                      </a:cubicBezTo>
                      <a:lnTo>
                        <a:pt x="311468" y="396713"/>
                      </a:lnTo>
                      <a:cubicBezTo>
                        <a:pt x="311572" y="409077"/>
                        <a:pt x="301638" y="419183"/>
                        <a:pt x="289274" y="419288"/>
                      </a:cubicBezTo>
                      <a:cubicBezTo>
                        <a:pt x="289208" y="419288"/>
                        <a:pt x="289150" y="419288"/>
                        <a:pt x="289084" y="419288"/>
                      </a:cubicBezTo>
                      <a:close/>
                      <a:moveTo>
                        <a:pt x="22384" y="71625"/>
                      </a:moveTo>
                      <a:cubicBezTo>
                        <a:pt x="20022" y="71568"/>
                        <a:pt x="18059" y="73444"/>
                        <a:pt x="18002" y="75816"/>
                      </a:cubicBezTo>
                      <a:cubicBezTo>
                        <a:pt x="18002" y="75883"/>
                        <a:pt x="18002" y="75940"/>
                        <a:pt x="18002" y="76007"/>
                      </a:cubicBezTo>
                      <a:lnTo>
                        <a:pt x="18002" y="396904"/>
                      </a:lnTo>
                      <a:cubicBezTo>
                        <a:pt x="18002" y="399323"/>
                        <a:pt x="19964" y="401285"/>
                        <a:pt x="22384" y="401285"/>
                      </a:cubicBezTo>
                      <a:lnTo>
                        <a:pt x="289084" y="401285"/>
                      </a:lnTo>
                      <a:cubicBezTo>
                        <a:pt x="291503" y="401285"/>
                        <a:pt x="293465" y="399323"/>
                        <a:pt x="293465" y="396904"/>
                      </a:cubicBezTo>
                      <a:lnTo>
                        <a:pt x="293465" y="75816"/>
                      </a:lnTo>
                      <a:cubicBezTo>
                        <a:pt x="293523" y="73454"/>
                        <a:pt x="291646" y="71492"/>
                        <a:pt x="289274" y="71434"/>
                      </a:cubicBezTo>
                      <a:cubicBezTo>
                        <a:pt x="289208" y="71434"/>
                        <a:pt x="289150" y="71434"/>
                        <a:pt x="289084" y="71434"/>
                      </a:cubicBezTo>
                      <a:lnTo>
                        <a:pt x="262414" y="71434"/>
                      </a:lnTo>
                      <a:cubicBezTo>
                        <a:pt x="260052" y="71377"/>
                        <a:pt x="258089" y="73254"/>
                        <a:pt x="258032" y="75626"/>
                      </a:cubicBezTo>
                      <a:cubicBezTo>
                        <a:pt x="258032" y="75692"/>
                        <a:pt x="258032" y="75749"/>
                        <a:pt x="258032" y="75816"/>
                      </a:cubicBezTo>
                      <a:lnTo>
                        <a:pt x="258032" y="89151"/>
                      </a:lnTo>
                      <a:cubicBezTo>
                        <a:pt x="257746" y="94009"/>
                        <a:pt x="253841" y="97866"/>
                        <a:pt x="248984" y="98105"/>
                      </a:cubicBezTo>
                      <a:lnTo>
                        <a:pt x="62103" y="98105"/>
                      </a:lnTo>
                      <a:cubicBezTo>
                        <a:pt x="57160" y="98105"/>
                        <a:pt x="53150" y="94094"/>
                        <a:pt x="53150" y="89151"/>
                      </a:cubicBezTo>
                      <a:lnTo>
                        <a:pt x="53150" y="75816"/>
                      </a:lnTo>
                      <a:cubicBezTo>
                        <a:pt x="53150" y="73397"/>
                        <a:pt x="51187" y="71434"/>
                        <a:pt x="48768" y="71434"/>
                      </a:cubicBezTo>
                      <a:close/>
                      <a:moveTo>
                        <a:pt x="75819" y="44860"/>
                      </a:moveTo>
                      <a:cubicBezTo>
                        <a:pt x="73419" y="44907"/>
                        <a:pt x="71485" y="46841"/>
                        <a:pt x="71438" y="49241"/>
                      </a:cubicBezTo>
                      <a:lnTo>
                        <a:pt x="71438" y="76007"/>
                      </a:lnTo>
                      <a:cubicBezTo>
                        <a:pt x="71485" y="78407"/>
                        <a:pt x="73419" y="80340"/>
                        <a:pt x="75819" y="80388"/>
                      </a:cubicBezTo>
                      <a:lnTo>
                        <a:pt x="236315" y="80388"/>
                      </a:lnTo>
                      <a:cubicBezTo>
                        <a:pt x="238716" y="80340"/>
                        <a:pt x="240649" y="78407"/>
                        <a:pt x="240697" y="76007"/>
                      </a:cubicBezTo>
                      <a:lnTo>
                        <a:pt x="240697" y="49241"/>
                      </a:lnTo>
                      <a:cubicBezTo>
                        <a:pt x="240649" y="46841"/>
                        <a:pt x="238716" y="44907"/>
                        <a:pt x="236315" y="44860"/>
                      </a:cubicBezTo>
                      <a:lnTo>
                        <a:pt x="193834" y="44860"/>
                      </a:lnTo>
                      <a:cubicBezTo>
                        <a:pt x="190072" y="44707"/>
                        <a:pt x="186747" y="42364"/>
                        <a:pt x="185356" y="38859"/>
                      </a:cubicBezTo>
                      <a:cubicBezTo>
                        <a:pt x="179832" y="22733"/>
                        <a:pt x="162278" y="14142"/>
                        <a:pt x="146161" y="19666"/>
                      </a:cubicBezTo>
                      <a:cubicBezTo>
                        <a:pt x="137141" y="22762"/>
                        <a:pt x="130054" y="29839"/>
                        <a:pt x="126968" y="38859"/>
                      </a:cubicBezTo>
                      <a:cubicBezTo>
                        <a:pt x="125711" y="42460"/>
                        <a:pt x="122311" y="44869"/>
                        <a:pt x="118491" y="44860"/>
                      </a:cubicBezTo>
                      <a:close/>
                    </a:path>
                  </a:pathLst>
                </a:custGeom>
                <a:solidFill>
                  <a:srgbClr val="265998"/>
                </a:solidFill>
                <a:ln w="9525" cap="flat">
                  <a:noFill/>
                  <a:prstDash val="solid"/>
                  <a:miter/>
                </a:ln>
              </p:spPr>
              <p:txBody>
                <a:bodyPr rtlCol="0" anchor="ctr"/>
                <a:lstStyle/>
                <a:p>
                  <a:endParaRPr lang="en-AU" sz="700"/>
                </a:p>
              </p:txBody>
            </p:sp>
            <p:sp>
              <p:nvSpPr>
                <p:cNvPr id="47" name="Graphic 2">
                  <a:extLst>
                    <a:ext uri="{FF2B5EF4-FFF2-40B4-BE49-F238E27FC236}">
                      <a16:creationId xmlns:a16="http://schemas.microsoft.com/office/drawing/2014/main" id="{CA73484D-B848-227C-C3D3-AFCDA6A5649A}"/>
                    </a:ext>
                  </a:extLst>
                </p:cNvPr>
                <p:cNvSpPr/>
                <p:nvPr/>
              </p:nvSpPr>
              <p:spPr>
                <a:xfrm>
                  <a:off x="3361820" y="3039886"/>
                  <a:ext cx="84773" cy="18100"/>
                </a:xfrm>
                <a:custGeom>
                  <a:avLst/>
                  <a:gdLst>
                    <a:gd name="connsiteX0" fmla="*/ 8124 w 84773"/>
                    <a:gd name="connsiteY0" fmla="*/ 18051 h 18100"/>
                    <a:gd name="connsiteX1" fmla="*/ 47 w 84773"/>
                    <a:gd name="connsiteY1" fmla="*/ 8126 h 18100"/>
                    <a:gd name="connsiteX2" fmla="*/ 8124 w 84773"/>
                    <a:gd name="connsiteY2" fmla="*/ 49 h 18100"/>
                    <a:gd name="connsiteX3" fmla="*/ 74799 w 84773"/>
                    <a:gd name="connsiteY3" fmla="*/ 49 h 18100"/>
                    <a:gd name="connsiteX4" fmla="*/ 84725 w 84773"/>
                    <a:gd name="connsiteY4" fmla="*/ 8126 h 18100"/>
                    <a:gd name="connsiteX5" fmla="*/ 76657 w 84773"/>
                    <a:gd name="connsiteY5" fmla="*/ 18051 h 18100"/>
                    <a:gd name="connsiteX6" fmla="*/ 74799 w 84773"/>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8124" y="18051"/>
                      </a:moveTo>
                      <a:cubicBezTo>
                        <a:pt x="3152" y="17537"/>
                        <a:pt x="-458" y="13098"/>
                        <a:pt x="47" y="8126"/>
                      </a:cubicBezTo>
                      <a:cubicBezTo>
                        <a:pt x="485" y="3859"/>
                        <a:pt x="3857" y="487"/>
                        <a:pt x="8124" y="49"/>
                      </a:cubicBezTo>
                      <a:lnTo>
                        <a:pt x="74799" y="49"/>
                      </a:lnTo>
                      <a:cubicBezTo>
                        <a:pt x="79771" y="-466"/>
                        <a:pt x="84220" y="3154"/>
                        <a:pt x="84725" y="8126"/>
                      </a:cubicBezTo>
                      <a:cubicBezTo>
                        <a:pt x="85239" y="13098"/>
                        <a:pt x="81629" y="17537"/>
                        <a:pt x="76657" y="18051"/>
                      </a:cubicBezTo>
                      <a:cubicBezTo>
                        <a:pt x="76038" y="18118"/>
                        <a:pt x="75418" y="18118"/>
                        <a:pt x="74799" y="18051"/>
                      </a:cubicBezTo>
                      <a:close/>
                    </a:path>
                  </a:pathLst>
                </a:custGeom>
                <a:solidFill>
                  <a:srgbClr val="265998"/>
                </a:solidFill>
                <a:ln w="9525" cap="flat">
                  <a:noFill/>
                  <a:prstDash val="solid"/>
                  <a:miter/>
                </a:ln>
              </p:spPr>
              <p:txBody>
                <a:bodyPr rtlCol="0" anchor="ctr"/>
                <a:lstStyle/>
                <a:p>
                  <a:endParaRPr lang="en-AU" sz="700"/>
                </a:p>
              </p:txBody>
            </p:sp>
            <p:sp>
              <p:nvSpPr>
                <p:cNvPr id="48" name="Graphic 2">
                  <a:extLst>
                    <a:ext uri="{FF2B5EF4-FFF2-40B4-BE49-F238E27FC236}">
                      <a16:creationId xmlns:a16="http://schemas.microsoft.com/office/drawing/2014/main" id="{27060908-339E-408F-0FB4-C59ED4AAA975}"/>
                    </a:ext>
                  </a:extLst>
                </p:cNvPr>
                <p:cNvSpPr/>
                <p:nvPr/>
              </p:nvSpPr>
              <p:spPr>
                <a:xfrm>
                  <a:off x="3361820" y="3120087"/>
                  <a:ext cx="84773" cy="18100"/>
                </a:xfrm>
                <a:custGeom>
                  <a:avLst/>
                  <a:gdLst>
                    <a:gd name="connsiteX0" fmla="*/ 8124 w 84773"/>
                    <a:gd name="connsiteY0" fmla="*/ 18051 h 18100"/>
                    <a:gd name="connsiteX1" fmla="*/ 47 w 84773"/>
                    <a:gd name="connsiteY1" fmla="*/ 8126 h 18100"/>
                    <a:gd name="connsiteX2" fmla="*/ 8124 w 84773"/>
                    <a:gd name="connsiteY2" fmla="*/ 49 h 18100"/>
                    <a:gd name="connsiteX3" fmla="*/ 74799 w 84773"/>
                    <a:gd name="connsiteY3" fmla="*/ 49 h 18100"/>
                    <a:gd name="connsiteX4" fmla="*/ 84725 w 84773"/>
                    <a:gd name="connsiteY4" fmla="*/ 8126 h 18100"/>
                    <a:gd name="connsiteX5" fmla="*/ 76657 w 84773"/>
                    <a:gd name="connsiteY5" fmla="*/ 18051 h 18100"/>
                    <a:gd name="connsiteX6" fmla="*/ 74799 w 84773"/>
                    <a:gd name="connsiteY6" fmla="*/ 18051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8124" y="18051"/>
                      </a:moveTo>
                      <a:cubicBezTo>
                        <a:pt x="3152" y="17537"/>
                        <a:pt x="-458" y="13098"/>
                        <a:pt x="47" y="8126"/>
                      </a:cubicBezTo>
                      <a:cubicBezTo>
                        <a:pt x="485" y="3859"/>
                        <a:pt x="3857" y="487"/>
                        <a:pt x="8124" y="49"/>
                      </a:cubicBezTo>
                      <a:lnTo>
                        <a:pt x="74799" y="49"/>
                      </a:lnTo>
                      <a:cubicBezTo>
                        <a:pt x="79771" y="-466"/>
                        <a:pt x="84220" y="3154"/>
                        <a:pt x="84725" y="8126"/>
                      </a:cubicBezTo>
                      <a:cubicBezTo>
                        <a:pt x="85239" y="13098"/>
                        <a:pt x="81629" y="17537"/>
                        <a:pt x="76657" y="18051"/>
                      </a:cubicBezTo>
                      <a:cubicBezTo>
                        <a:pt x="76038" y="18118"/>
                        <a:pt x="75418" y="18118"/>
                        <a:pt x="74799" y="18051"/>
                      </a:cubicBezTo>
                      <a:close/>
                    </a:path>
                  </a:pathLst>
                </a:custGeom>
                <a:solidFill>
                  <a:srgbClr val="265998"/>
                </a:solidFill>
                <a:ln w="9525" cap="flat">
                  <a:noFill/>
                  <a:prstDash val="solid"/>
                  <a:miter/>
                </a:ln>
              </p:spPr>
              <p:txBody>
                <a:bodyPr rtlCol="0" anchor="ctr"/>
                <a:lstStyle/>
                <a:p>
                  <a:endParaRPr lang="en-AU" sz="700"/>
                </a:p>
              </p:txBody>
            </p:sp>
            <p:sp>
              <p:nvSpPr>
                <p:cNvPr id="49" name="Graphic 2">
                  <a:extLst>
                    <a:ext uri="{FF2B5EF4-FFF2-40B4-BE49-F238E27FC236}">
                      <a16:creationId xmlns:a16="http://schemas.microsoft.com/office/drawing/2014/main" id="{FC91CDC2-8975-A75F-4572-0BC62797F5A9}"/>
                    </a:ext>
                  </a:extLst>
                </p:cNvPr>
                <p:cNvSpPr/>
                <p:nvPr/>
              </p:nvSpPr>
              <p:spPr>
                <a:xfrm>
                  <a:off x="3360991" y="3200431"/>
                  <a:ext cx="84582" cy="17907"/>
                </a:xfrm>
                <a:custGeom>
                  <a:avLst/>
                  <a:gdLst>
                    <a:gd name="connsiteX0" fmla="*/ 8954 w 84582"/>
                    <a:gd name="connsiteY0" fmla="*/ 17907 h 17907"/>
                    <a:gd name="connsiteX1" fmla="*/ 0 w 84582"/>
                    <a:gd name="connsiteY1" fmla="*/ 8954 h 17907"/>
                    <a:gd name="connsiteX2" fmla="*/ 8954 w 84582"/>
                    <a:gd name="connsiteY2" fmla="*/ 0 h 17907"/>
                    <a:gd name="connsiteX3" fmla="*/ 75629 w 84582"/>
                    <a:gd name="connsiteY3" fmla="*/ 0 h 17907"/>
                    <a:gd name="connsiteX4" fmla="*/ 84582 w 84582"/>
                    <a:gd name="connsiteY4" fmla="*/ 8954 h 17907"/>
                    <a:gd name="connsiteX5" fmla="*/ 75629 w 8458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2" h="17907">
                      <a:moveTo>
                        <a:pt x="8954" y="17907"/>
                      </a:moveTo>
                      <a:cubicBezTo>
                        <a:pt x="4010" y="17907"/>
                        <a:pt x="0" y="13897"/>
                        <a:pt x="0" y="8954"/>
                      </a:cubicBezTo>
                      <a:cubicBezTo>
                        <a:pt x="0" y="4010"/>
                        <a:pt x="4010" y="0"/>
                        <a:pt x="8954" y="0"/>
                      </a:cubicBezTo>
                      <a:lnTo>
                        <a:pt x="75629" y="0"/>
                      </a:lnTo>
                      <a:cubicBezTo>
                        <a:pt x="80572" y="0"/>
                        <a:pt x="84582" y="4010"/>
                        <a:pt x="84582" y="8954"/>
                      </a:cubicBezTo>
                      <a:cubicBezTo>
                        <a:pt x="84582" y="13897"/>
                        <a:pt x="80572" y="17907"/>
                        <a:pt x="75629" y="17907"/>
                      </a:cubicBezTo>
                      <a:close/>
                    </a:path>
                  </a:pathLst>
                </a:custGeom>
                <a:solidFill>
                  <a:srgbClr val="265998"/>
                </a:solidFill>
                <a:ln w="9525" cap="flat">
                  <a:noFill/>
                  <a:prstDash val="solid"/>
                  <a:miter/>
                </a:ln>
              </p:spPr>
              <p:txBody>
                <a:bodyPr rtlCol="0" anchor="ctr"/>
                <a:lstStyle/>
                <a:p>
                  <a:endParaRPr lang="en-AU" sz="700"/>
                </a:p>
              </p:txBody>
            </p:sp>
            <p:sp>
              <p:nvSpPr>
                <p:cNvPr id="50" name="Graphic 2">
                  <a:extLst>
                    <a:ext uri="{FF2B5EF4-FFF2-40B4-BE49-F238E27FC236}">
                      <a16:creationId xmlns:a16="http://schemas.microsoft.com/office/drawing/2014/main" id="{A139B1DF-44A0-8414-C8A2-3F253C389220}"/>
                    </a:ext>
                  </a:extLst>
                </p:cNvPr>
                <p:cNvSpPr/>
                <p:nvPr/>
              </p:nvSpPr>
              <p:spPr>
                <a:xfrm>
                  <a:off x="3241320" y="3013748"/>
                  <a:ext cx="84529" cy="70954"/>
                </a:xfrm>
                <a:custGeom>
                  <a:avLst/>
                  <a:gdLst>
                    <a:gd name="connsiteX0" fmla="*/ 35279 w 84529"/>
                    <a:gd name="connsiteY0" fmla="*/ 70955 h 70954"/>
                    <a:gd name="connsiteX1" fmla="*/ 32136 w 84529"/>
                    <a:gd name="connsiteY1" fmla="*/ 70288 h 70954"/>
                    <a:gd name="connsiteX2" fmla="*/ 32136 w 84529"/>
                    <a:gd name="connsiteY2" fmla="*/ 70288 h 70954"/>
                    <a:gd name="connsiteX3" fmla="*/ 31374 w 84529"/>
                    <a:gd name="connsiteY3" fmla="*/ 69812 h 70954"/>
                    <a:gd name="connsiteX4" fmla="*/ 30612 w 84529"/>
                    <a:gd name="connsiteY4" fmla="*/ 69812 h 70954"/>
                    <a:gd name="connsiteX5" fmla="*/ 30612 w 84529"/>
                    <a:gd name="connsiteY5" fmla="*/ 69812 h 70954"/>
                    <a:gd name="connsiteX6" fmla="*/ 29946 w 84529"/>
                    <a:gd name="connsiteY6" fmla="*/ 69145 h 70954"/>
                    <a:gd name="connsiteX7" fmla="*/ 29088 w 84529"/>
                    <a:gd name="connsiteY7" fmla="*/ 68574 h 70954"/>
                    <a:gd name="connsiteX8" fmla="*/ 2609 w 84529"/>
                    <a:gd name="connsiteY8" fmla="*/ 42094 h 70954"/>
                    <a:gd name="connsiteX9" fmla="*/ 2656 w 84529"/>
                    <a:gd name="connsiteY9" fmla="*/ 29378 h 70954"/>
                    <a:gd name="connsiteX10" fmla="*/ 15372 w 84529"/>
                    <a:gd name="connsiteY10" fmla="*/ 29426 h 70954"/>
                    <a:gd name="connsiteX11" fmla="*/ 31184 w 84529"/>
                    <a:gd name="connsiteY11" fmla="*/ 45237 h 70954"/>
                    <a:gd name="connsiteX12" fmla="*/ 34327 w 84529"/>
                    <a:gd name="connsiteY12" fmla="*/ 46571 h 70954"/>
                    <a:gd name="connsiteX13" fmla="*/ 34327 w 84529"/>
                    <a:gd name="connsiteY13" fmla="*/ 46571 h 70954"/>
                    <a:gd name="connsiteX14" fmla="*/ 37470 w 84529"/>
                    <a:gd name="connsiteY14" fmla="*/ 44761 h 70954"/>
                    <a:gd name="connsiteX15" fmla="*/ 68331 w 84529"/>
                    <a:gd name="connsiteY15" fmla="*/ 3613 h 70954"/>
                    <a:gd name="connsiteX16" fmla="*/ 80857 w 84529"/>
                    <a:gd name="connsiteY16" fmla="*/ 1765 h 70954"/>
                    <a:gd name="connsiteX17" fmla="*/ 80904 w 84529"/>
                    <a:gd name="connsiteY17" fmla="*/ 1803 h 70954"/>
                    <a:gd name="connsiteX18" fmla="*/ 84429 w 84529"/>
                    <a:gd name="connsiteY18" fmla="*/ 7709 h 70954"/>
                    <a:gd name="connsiteX19" fmla="*/ 82714 w 84529"/>
                    <a:gd name="connsiteY19" fmla="*/ 14376 h 70954"/>
                    <a:gd name="connsiteX20" fmla="*/ 42995 w 84529"/>
                    <a:gd name="connsiteY20" fmla="*/ 67430 h 70954"/>
                    <a:gd name="connsiteX21" fmla="*/ 42233 w 84529"/>
                    <a:gd name="connsiteY21" fmla="*/ 68192 h 70954"/>
                    <a:gd name="connsiteX22" fmla="*/ 41566 w 84529"/>
                    <a:gd name="connsiteY22" fmla="*/ 68954 h 70954"/>
                    <a:gd name="connsiteX23" fmla="*/ 40995 w 84529"/>
                    <a:gd name="connsiteY23" fmla="*/ 68954 h 70954"/>
                    <a:gd name="connsiteX24" fmla="*/ 40137 w 84529"/>
                    <a:gd name="connsiteY24" fmla="*/ 69526 h 70954"/>
                    <a:gd name="connsiteX25" fmla="*/ 39280 w 84529"/>
                    <a:gd name="connsiteY25" fmla="*/ 70097 h 70954"/>
                    <a:gd name="connsiteX26" fmla="*/ 39280 w 84529"/>
                    <a:gd name="connsiteY26" fmla="*/ 70097 h 70954"/>
                    <a:gd name="connsiteX27" fmla="*/ 35756 w 84529"/>
                    <a:gd name="connsiteY27" fmla="*/ 70955 h 709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84529" h="70954">
                      <a:moveTo>
                        <a:pt x="35279" y="70955"/>
                      </a:moveTo>
                      <a:cubicBezTo>
                        <a:pt x="34203" y="70898"/>
                        <a:pt x="33146" y="70669"/>
                        <a:pt x="32136" y="70288"/>
                      </a:cubicBezTo>
                      <a:lnTo>
                        <a:pt x="32136" y="70288"/>
                      </a:lnTo>
                      <a:lnTo>
                        <a:pt x="31374" y="69812"/>
                      </a:lnTo>
                      <a:lnTo>
                        <a:pt x="30612" y="69812"/>
                      </a:lnTo>
                      <a:lnTo>
                        <a:pt x="30612" y="69812"/>
                      </a:lnTo>
                      <a:lnTo>
                        <a:pt x="29946" y="69145"/>
                      </a:lnTo>
                      <a:lnTo>
                        <a:pt x="29088" y="68574"/>
                      </a:lnTo>
                      <a:lnTo>
                        <a:pt x="2609" y="42094"/>
                      </a:lnTo>
                      <a:cubicBezTo>
                        <a:pt x="-887" y="38570"/>
                        <a:pt x="-868" y="32874"/>
                        <a:pt x="2656" y="29378"/>
                      </a:cubicBezTo>
                      <a:cubicBezTo>
                        <a:pt x="6181" y="25882"/>
                        <a:pt x="11877" y="25901"/>
                        <a:pt x="15372" y="29426"/>
                      </a:cubicBezTo>
                      <a:lnTo>
                        <a:pt x="31184" y="45237"/>
                      </a:lnTo>
                      <a:cubicBezTo>
                        <a:pt x="32003" y="46095"/>
                        <a:pt x="33136" y="46580"/>
                        <a:pt x="34327" y="46571"/>
                      </a:cubicBezTo>
                      <a:lnTo>
                        <a:pt x="34327" y="46571"/>
                      </a:lnTo>
                      <a:cubicBezTo>
                        <a:pt x="35594" y="46466"/>
                        <a:pt x="36746" y="45799"/>
                        <a:pt x="37470" y="44761"/>
                      </a:cubicBezTo>
                      <a:lnTo>
                        <a:pt x="68331" y="3613"/>
                      </a:lnTo>
                      <a:cubicBezTo>
                        <a:pt x="71284" y="-359"/>
                        <a:pt x="76894" y="-1178"/>
                        <a:pt x="80857" y="1765"/>
                      </a:cubicBezTo>
                      <a:cubicBezTo>
                        <a:pt x="80876" y="1784"/>
                        <a:pt x="80885" y="1794"/>
                        <a:pt x="80904" y="1803"/>
                      </a:cubicBezTo>
                      <a:cubicBezTo>
                        <a:pt x="82866" y="3175"/>
                        <a:pt x="84152" y="5328"/>
                        <a:pt x="84429" y="7709"/>
                      </a:cubicBezTo>
                      <a:cubicBezTo>
                        <a:pt x="84790" y="10071"/>
                        <a:pt x="84171" y="12481"/>
                        <a:pt x="82714" y="14376"/>
                      </a:cubicBezTo>
                      <a:lnTo>
                        <a:pt x="42995" y="67430"/>
                      </a:lnTo>
                      <a:cubicBezTo>
                        <a:pt x="42671" y="67602"/>
                        <a:pt x="42404" y="67869"/>
                        <a:pt x="42233" y="68192"/>
                      </a:cubicBezTo>
                      <a:lnTo>
                        <a:pt x="41566" y="68954"/>
                      </a:lnTo>
                      <a:cubicBezTo>
                        <a:pt x="41566" y="68954"/>
                        <a:pt x="41566" y="68954"/>
                        <a:pt x="40995" y="68954"/>
                      </a:cubicBezTo>
                      <a:lnTo>
                        <a:pt x="40137" y="69526"/>
                      </a:lnTo>
                      <a:lnTo>
                        <a:pt x="39280" y="70097"/>
                      </a:lnTo>
                      <a:lnTo>
                        <a:pt x="39280" y="70097"/>
                      </a:lnTo>
                      <a:cubicBezTo>
                        <a:pt x="38175" y="70602"/>
                        <a:pt x="36975" y="70898"/>
                        <a:pt x="35756" y="70955"/>
                      </a:cubicBezTo>
                      <a:close/>
                    </a:path>
                  </a:pathLst>
                </a:custGeom>
                <a:solidFill>
                  <a:srgbClr val="265998"/>
                </a:solidFill>
                <a:ln w="9525" cap="flat">
                  <a:noFill/>
                  <a:prstDash val="solid"/>
                  <a:miter/>
                </a:ln>
              </p:spPr>
              <p:txBody>
                <a:bodyPr rtlCol="0" anchor="ctr"/>
                <a:lstStyle/>
                <a:p>
                  <a:endParaRPr lang="en-AU" sz="700"/>
                </a:p>
              </p:txBody>
            </p:sp>
            <p:sp>
              <p:nvSpPr>
                <p:cNvPr id="51" name="Graphic 2">
                  <a:extLst>
                    <a:ext uri="{FF2B5EF4-FFF2-40B4-BE49-F238E27FC236}">
                      <a16:creationId xmlns:a16="http://schemas.microsoft.com/office/drawing/2014/main" id="{7FBD0BA3-0F0D-14BA-DC29-A5FC57013E9F}"/>
                    </a:ext>
                  </a:extLst>
                </p:cNvPr>
                <p:cNvSpPr/>
                <p:nvPr/>
              </p:nvSpPr>
              <p:spPr>
                <a:xfrm>
                  <a:off x="3241320" y="3094512"/>
                  <a:ext cx="84528" cy="70962"/>
                </a:xfrm>
                <a:custGeom>
                  <a:avLst/>
                  <a:gdLst>
                    <a:gd name="connsiteX0" fmla="*/ 35279 w 84528"/>
                    <a:gd name="connsiteY0" fmla="*/ 70391 h 70962"/>
                    <a:gd name="connsiteX1" fmla="*/ 32136 w 84528"/>
                    <a:gd name="connsiteY1" fmla="*/ 69724 h 70962"/>
                    <a:gd name="connsiteX2" fmla="*/ 32136 w 84528"/>
                    <a:gd name="connsiteY2" fmla="*/ 69724 h 70962"/>
                    <a:gd name="connsiteX3" fmla="*/ 31374 w 84528"/>
                    <a:gd name="connsiteY3" fmla="*/ 69724 h 70962"/>
                    <a:gd name="connsiteX4" fmla="*/ 30612 w 84528"/>
                    <a:gd name="connsiteY4" fmla="*/ 69724 h 70962"/>
                    <a:gd name="connsiteX5" fmla="*/ 30612 w 84528"/>
                    <a:gd name="connsiteY5" fmla="*/ 69724 h 70962"/>
                    <a:gd name="connsiteX6" fmla="*/ 29946 w 84528"/>
                    <a:gd name="connsiteY6" fmla="*/ 69057 h 70962"/>
                    <a:gd name="connsiteX7" fmla="*/ 29088 w 84528"/>
                    <a:gd name="connsiteY7" fmla="*/ 68486 h 70962"/>
                    <a:gd name="connsiteX8" fmla="*/ 2609 w 84528"/>
                    <a:gd name="connsiteY8" fmla="*/ 42006 h 70962"/>
                    <a:gd name="connsiteX9" fmla="*/ 2656 w 84528"/>
                    <a:gd name="connsiteY9" fmla="*/ 29290 h 70962"/>
                    <a:gd name="connsiteX10" fmla="*/ 15372 w 84528"/>
                    <a:gd name="connsiteY10" fmla="*/ 29338 h 70962"/>
                    <a:gd name="connsiteX11" fmla="*/ 31184 w 84528"/>
                    <a:gd name="connsiteY11" fmla="*/ 45149 h 70962"/>
                    <a:gd name="connsiteX12" fmla="*/ 34327 w 84528"/>
                    <a:gd name="connsiteY12" fmla="*/ 46483 h 70962"/>
                    <a:gd name="connsiteX13" fmla="*/ 34327 w 84528"/>
                    <a:gd name="connsiteY13" fmla="*/ 46483 h 70962"/>
                    <a:gd name="connsiteX14" fmla="*/ 37470 w 84528"/>
                    <a:gd name="connsiteY14" fmla="*/ 44673 h 70962"/>
                    <a:gd name="connsiteX15" fmla="*/ 68331 w 84528"/>
                    <a:gd name="connsiteY15" fmla="*/ 3525 h 70962"/>
                    <a:gd name="connsiteX16" fmla="*/ 75570 w 84528"/>
                    <a:gd name="connsiteY16" fmla="*/ 1 h 70962"/>
                    <a:gd name="connsiteX17" fmla="*/ 84429 w 84528"/>
                    <a:gd name="connsiteY17" fmla="*/ 7716 h 70962"/>
                    <a:gd name="connsiteX18" fmla="*/ 82714 w 84528"/>
                    <a:gd name="connsiteY18" fmla="*/ 14288 h 70962"/>
                    <a:gd name="connsiteX19" fmla="*/ 42995 w 84528"/>
                    <a:gd name="connsiteY19" fmla="*/ 67342 h 70962"/>
                    <a:gd name="connsiteX20" fmla="*/ 42233 w 84528"/>
                    <a:gd name="connsiteY20" fmla="*/ 68105 h 70962"/>
                    <a:gd name="connsiteX21" fmla="*/ 41566 w 84528"/>
                    <a:gd name="connsiteY21" fmla="*/ 68962 h 70962"/>
                    <a:gd name="connsiteX22" fmla="*/ 40995 w 84528"/>
                    <a:gd name="connsiteY22" fmla="*/ 68962 h 70962"/>
                    <a:gd name="connsiteX23" fmla="*/ 40137 w 84528"/>
                    <a:gd name="connsiteY23" fmla="*/ 69533 h 70962"/>
                    <a:gd name="connsiteX24" fmla="*/ 39280 w 84528"/>
                    <a:gd name="connsiteY24" fmla="*/ 70105 h 70962"/>
                    <a:gd name="connsiteX25" fmla="*/ 39280 w 84528"/>
                    <a:gd name="connsiteY25" fmla="*/ 70105 h 70962"/>
                    <a:gd name="connsiteX26" fmla="*/ 35756 w 84528"/>
                    <a:gd name="connsiteY26"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84528" h="70962">
                      <a:moveTo>
                        <a:pt x="35279" y="70391"/>
                      </a:moveTo>
                      <a:cubicBezTo>
                        <a:pt x="34194" y="70381"/>
                        <a:pt x="33127" y="70152"/>
                        <a:pt x="32136" y="69724"/>
                      </a:cubicBezTo>
                      <a:lnTo>
                        <a:pt x="32136" y="69724"/>
                      </a:lnTo>
                      <a:cubicBezTo>
                        <a:pt x="31889" y="69676"/>
                        <a:pt x="31622" y="69676"/>
                        <a:pt x="31374" y="69724"/>
                      </a:cubicBezTo>
                      <a:lnTo>
                        <a:pt x="30612" y="69724"/>
                      </a:lnTo>
                      <a:lnTo>
                        <a:pt x="30612" y="69724"/>
                      </a:lnTo>
                      <a:lnTo>
                        <a:pt x="29946" y="69057"/>
                      </a:lnTo>
                      <a:lnTo>
                        <a:pt x="29088" y="68486"/>
                      </a:lnTo>
                      <a:lnTo>
                        <a:pt x="2609" y="42006"/>
                      </a:lnTo>
                      <a:cubicBezTo>
                        <a:pt x="-887" y="38482"/>
                        <a:pt x="-868" y="32786"/>
                        <a:pt x="2656" y="29290"/>
                      </a:cubicBezTo>
                      <a:cubicBezTo>
                        <a:pt x="6181" y="25794"/>
                        <a:pt x="11877" y="25813"/>
                        <a:pt x="15372" y="29338"/>
                      </a:cubicBezTo>
                      <a:lnTo>
                        <a:pt x="31184" y="45149"/>
                      </a:lnTo>
                      <a:cubicBezTo>
                        <a:pt x="32003" y="46007"/>
                        <a:pt x="33136" y="46492"/>
                        <a:pt x="34327" y="46483"/>
                      </a:cubicBezTo>
                      <a:lnTo>
                        <a:pt x="34327" y="46483"/>
                      </a:lnTo>
                      <a:cubicBezTo>
                        <a:pt x="35594" y="46378"/>
                        <a:pt x="36746" y="45711"/>
                        <a:pt x="37470" y="44673"/>
                      </a:cubicBezTo>
                      <a:lnTo>
                        <a:pt x="68331" y="3525"/>
                      </a:lnTo>
                      <a:cubicBezTo>
                        <a:pt x="70046" y="1268"/>
                        <a:pt x="72732" y="-37"/>
                        <a:pt x="75570" y="1"/>
                      </a:cubicBezTo>
                      <a:cubicBezTo>
                        <a:pt x="79942" y="229"/>
                        <a:pt x="83600" y="3411"/>
                        <a:pt x="84429" y="7716"/>
                      </a:cubicBezTo>
                      <a:cubicBezTo>
                        <a:pt x="84790" y="10050"/>
                        <a:pt x="84162" y="12431"/>
                        <a:pt x="82714" y="14288"/>
                      </a:cubicBezTo>
                      <a:lnTo>
                        <a:pt x="42995" y="67342"/>
                      </a:lnTo>
                      <a:cubicBezTo>
                        <a:pt x="42699" y="67543"/>
                        <a:pt x="42433" y="67809"/>
                        <a:pt x="42233" y="68105"/>
                      </a:cubicBezTo>
                      <a:lnTo>
                        <a:pt x="41566" y="68962"/>
                      </a:lnTo>
                      <a:lnTo>
                        <a:pt x="40995" y="68962"/>
                      </a:lnTo>
                      <a:lnTo>
                        <a:pt x="40137" y="69533"/>
                      </a:lnTo>
                      <a:lnTo>
                        <a:pt x="39280" y="70105"/>
                      </a:lnTo>
                      <a:lnTo>
                        <a:pt x="39280" y="70105"/>
                      </a:lnTo>
                      <a:cubicBezTo>
                        <a:pt x="38185" y="70657"/>
                        <a:pt x="36984" y="70952"/>
                        <a:pt x="35756" y="70962"/>
                      </a:cubicBezTo>
                      <a:close/>
                    </a:path>
                  </a:pathLst>
                </a:custGeom>
                <a:solidFill>
                  <a:srgbClr val="265998"/>
                </a:solidFill>
                <a:ln w="9525" cap="flat">
                  <a:noFill/>
                  <a:prstDash val="solid"/>
                  <a:miter/>
                </a:ln>
              </p:spPr>
              <p:txBody>
                <a:bodyPr rtlCol="0" anchor="ctr"/>
                <a:lstStyle/>
                <a:p>
                  <a:endParaRPr lang="en-AU" sz="700"/>
                </a:p>
              </p:txBody>
            </p:sp>
            <p:sp>
              <p:nvSpPr>
                <p:cNvPr id="52" name="Graphic 2">
                  <a:extLst>
                    <a:ext uri="{FF2B5EF4-FFF2-40B4-BE49-F238E27FC236}">
                      <a16:creationId xmlns:a16="http://schemas.microsoft.com/office/drawing/2014/main" id="{9D49123B-821A-00BF-8416-123D7618C574}"/>
                    </a:ext>
                  </a:extLst>
                </p:cNvPr>
                <p:cNvSpPr/>
                <p:nvPr/>
              </p:nvSpPr>
              <p:spPr>
                <a:xfrm>
                  <a:off x="3241478" y="3174711"/>
                  <a:ext cx="84371" cy="70868"/>
                </a:xfrm>
                <a:custGeom>
                  <a:avLst/>
                  <a:gdLst>
                    <a:gd name="connsiteX0" fmla="*/ 35121 w 84371"/>
                    <a:gd name="connsiteY0" fmla="*/ 70392 h 70868"/>
                    <a:gd name="connsiteX1" fmla="*/ 31978 w 84371"/>
                    <a:gd name="connsiteY1" fmla="*/ 69821 h 70868"/>
                    <a:gd name="connsiteX2" fmla="*/ 31978 w 84371"/>
                    <a:gd name="connsiteY2" fmla="*/ 69821 h 70868"/>
                    <a:gd name="connsiteX3" fmla="*/ 31216 w 84371"/>
                    <a:gd name="connsiteY3" fmla="*/ 69821 h 70868"/>
                    <a:gd name="connsiteX4" fmla="*/ 30454 w 84371"/>
                    <a:gd name="connsiteY4" fmla="*/ 69821 h 70868"/>
                    <a:gd name="connsiteX5" fmla="*/ 30454 w 84371"/>
                    <a:gd name="connsiteY5" fmla="*/ 69821 h 70868"/>
                    <a:gd name="connsiteX6" fmla="*/ 29787 w 84371"/>
                    <a:gd name="connsiteY6" fmla="*/ 69059 h 70868"/>
                    <a:gd name="connsiteX7" fmla="*/ 28930 w 84371"/>
                    <a:gd name="connsiteY7" fmla="*/ 68487 h 70868"/>
                    <a:gd name="connsiteX8" fmla="*/ 2450 w 84371"/>
                    <a:gd name="connsiteY8" fmla="*/ 42103 h 70868"/>
                    <a:gd name="connsiteX9" fmla="*/ 2450 w 84371"/>
                    <a:gd name="connsiteY9" fmla="*/ 29340 h 70868"/>
                    <a:gd name="connsiteX10" fmla="*/ 15214 w 84371"/>
                    <a:gd name="connsiteY10" fmla="*/ 29340 h 70868"/>
                    <a:gd name="connsiteX11" fmla="*/ 31025 w 84371"/>
                    <a:gd name="connsiteY11" fmla="*/ 45246 h 70868"/>
                    <a:gd name="connsiteX12" fmla="*/ 34169 w 84371"/>
                    <a:gd name="connsiteY12" fmla="*/ 46485 h 70868"/>
                    <a:gd name="connsiteX13" fmla="*/ 34169 w 84371"/>
                    <a:gd name="connsiteY13" fmla="*/ 46485 h 70868"/>
                    <a:gd name="connsiteX14" fmla="*/ 37312 w 84371"/>
                    <a:gd name="connsiteY14" fmla="*/ 44770 h 70868"/>
                    <a:gd name="connsiteX15" fmla="*/ 68173 w 84371"/>
                    <a:gd name="connsiteY15" fmla="*/ 3622 h 70868"/>
                    <a:gd name="connsiteX16" fmla="*/ 75412 w 84371"/>
                    <a:gd name="connsiteY16" fmla="*/ 2 h 70868"/>
                    <a:gd name="connsiteX17" fmla="*/ 80746 w 84371"/>
                    <a:gd name="connsiteY17" fmla="*/ 1812 h 70868"/>
                    <a:gd name="connsiteX18" fmla="*/ 84270 w 84371"/>
                    <a:gd name="connsiteY18" fmla="*/ 7718 h 70868"/>
                    <a:gd name="connsiteX19" fmla="*/ 82556 w 84371"/>
                    <a:gd name="connsiteY19" fmla="*/ 14385 h 70868"/>
                    <a:gd name="connsiteX20" fmla="*/ 42836 w 84371"/>
                    <a:gd name="connsiteY20" fmla="*/ 67440 h 70868"/>
                    <a:gd name="connsiteX21" fmla="*/ 42074 w 84371"/>
                    <a:gd name="connsiteY21" fmla="*/ 68106 h 70868"/>
                    <a:gd name="connsiteX22" fmla="*/ 41408 w 84371"/>
                    <a:gd name="connsiteY22" fmla="*/ 68964 h 70868"/>
                    <a:gd name="connsiteX23" fmla="*/ 40836 w 84371"/>
                    <a:gd name="connsiteY23" fmla="*/ 68964 h 70868"/>
                    <a:gd name="connsiteX24" fmla="*/ 39979 w 84371"/>
                    <a:gd name="connsiteY24" fmla="*/ 69535 h 70868"/>
                    <a:gd name="connsiteX25" fmla="*/ 39122 w 84371"/>
                    <a:gd name="connsiteY25" fmla="*/ 70106 h 70868"/>
                    <a:gd name="connsiteX26" fmla="*/ 39122 w 84371"/>
                    <a:gd name="connsiteY26" fmla="*/ 70106 h 70868"/>
                    <a:gd name="connsiteX27" fmla="*/ 35597 w 84371"/>
                    <a:gd name="connsiteY27" fmla="*/ 70869 h 708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84371" h="70868">
                      <a:moveTo>
                        <a:pt x="35121" y="70392"/>
                      </a:moveTo>
                      <a:cubicBezTo>
                        <a:pt x="34045" y="70373"/>
                        <a:pt x="32988" y="70183"/>
                        <a:pt x="31978" y="69821"/>
                      </a:cubicBezTo>
                      <a:lnTo>
                        <a:pt x="31978" y="69821"/>
                      </a:lnTo>
                      <a:lnTo>
                        <a:pt x="31216" y="69821"/>
                      </a:lnTo>
                      <a:lnTo>
                        <a:pt x="30454" y="69821"/>
                      </a:lnTo>
                      <a:lnTo>
                        <a:pt x="30454" y="69821"/>
                      </a:lnTo>
                      <a:lnTo>
                        <a:pt x="29787" y="69059"/>
                      </a:lnTo>
                      <a:lnTo>
                        <a:pt x="28930" y="68487"/>
                      </a:lnTo>
                      <a:lnTo>
                        <a:pt x="2450" y="42103"/>
                      </a:lnTo>
                      <a:cubicBezTo>
                        <a:pt x="-817" y="38474"/>
                        <a:pt x="-817" y="32969"/>
                        <a:pt x="2450" y="29340"/>
                      </a:cubicBezTo>
                      <a:cubicBezTo>
                        <a:pt x="6079" y="26063"/>
                        <a:pt x="11585" y="26063"/>
                        <a:pt x="15214" y="29340"/>
                      </a:cubicBezTo>
                      <a:lnTo>
                        <a:pt x="31025" y="45246"/>
                      </a:lnTo>
                      <a:cubicBezTo>
                        <a:pt x="31883" y="46037"/>
                        <a:pt x="33007" y="46475"/>
                        <a:pt x="34169" y="46485"/>
                      </a:cubicBezTo>
                      <a:lnTo>
                        <a:pt x="34169" y="46485"/>
                      </a:lnTo>
                      <a:cubicBezTo>
                        <a:pt x="35407" y="46361"/>
                        <a:pt x="36540" y="45742"/>
                        <a:pt x="37312" y="44770"/>
                      </a:cubicBezTo>
                      <a:lnTo>
                        <a:pt x="68173" y="3622"/>
                      </a:lnTo>
                      <a:cubicBezTo>
                        <a:pt x="69925" y="1403"/>
                        <a:pt x="72583" y="69"/>
                        <a:pt x="75412" y="2"/>
                      </a:cubicBezTo>
                      <a:cubicBezTo>
                        <a:pt x="77346" y="-45"/>
                        <a:pt x="79241" y="593"/>
                        <a:pt x="80746" y="1812"/>
                      </a:cubicBezTo>
                      <a:cubicBezTo>
                        <a:pt x="82708" y="3184"/>
                        <a:pt x="83994" y="5336"/>
                        <a:pt x="84270" y="7718"/>
                      </a:cubicBezTo>
                      <a:cubicBezTo>
                        <a:pt x="84632" y="10080"/>
                        <a:pt x="84013" y="12490"/>
                        <a:pt x="82556" y="14385"/>
                      </a:cubicBezTo>
                      <a:lnTo>
                        <a:pt x="42836" y="67440"/>
                      </a:lnTo>
                      <a:cubicBezTo>
                        <a:pt x="42522" y="67582"/>
                        <a:pt x="42255" y="67811"/>
                        <a:pt x="42074" y="68106"/>
                      </a:cubicBezTo>
                      <a:lnTo>
                        <a:pt x="41408" y="68964"/>
                      </a:lnTo>
                      <a:lnTo>
                        <a:pt x="40836" y="68964"/>
                      </a:lnTo>
                      <a:lnTo>
                        <a:pt x="39979" y="69535"/>
                      </a:lnTo>
                      <a:lnTo>
                        <a:pt x="39122" y="70106"/>
                      </a:lnTo>
                      <a:lnTo>
                        <a:pt x="39122" y="70106"/>
                      </a:lnTo>
                      <a:cubicBezTo>
                        <a:pt x="38007" y="70583"/>
                        <a:pt x="36807" y="70840"/>
                        <a:pt x="35597" y="70869"/>
                      </a:cubicBezTo>
                      <a:close/>
                    </a:path>
                  </a:pathLst>
                </a:custGeom>
                <a:solidFill>
                  <a:srgbClr val="265998"/>
                </a:solidFill>
                <a:ln w="9525" cap="flat">
                  <a:noFill/>
                  <a:prstDash val="solid"/>
                  <a:miter/>
                </a:ln>
              </p:spPr>
              <p:txBody>
                <a:bodyPr rtlCol="0" anchor="ctr"/>
                <a:lstStyle/>
                <a:p>
                  <a:endParaRPr lang="en-AU" sz="700"/>
                </a:p>
              </p:txBody>
            </p:sp>
            <p:sp>
              <p:nvSpPr>
                <p:cNvPr id="53" name="Graphic 2">
                  <a:extLst>
                    <a:ext uri="{FF2B5EF4-FFF2-40B4-BE49-F238E27FC236}">
                      <a16:creationId xmlns:a16="http://schemas.microsoft.com/office/drawing/2014/main" id="{2755A659-1248-CB36-422F-52C3A90DD84A}"/>
                    </a:ext>
                  </a:extLst>
                </p:cNvPr>
                <p:cNvSpPr/>
                <p:nvPr/>
              </p:nvSpPr>
              <p:spPr>
                <a:xfrm>
                  <a:off x="3534822" y="2932969"/>
                  <a:ext cx="71437" cy="365855"/>
                </a:xfrm>
                <a:custGeom>
                  <a:avLst/>
                  <a:gdLst>
                    <a:gd name="connsiteX0" fmla="*/ 35719 w 71437"/>
                    <a:gd name="connsiteY0" fmla="*/ 365855 h 365855"/>
                    <a:gd name="connsiteX1" fmla="*/ 27718 w 71437"/>
                    <a:gd name="connsiteY1" fmla="*/ 360807 h 365855"/>
                    <a:gd name="connsiteX2" fmla="*/ 953 w 71437"/>
                    <a:gd name="connsiteY2" fmla="*/ 307372 h 365855"/>
                    <a:gd name="connsiteX3" fmla="*/ 0 w 71437"/>
                    <a:gd name="connsiteY3" fmla="*/ 303371 h 365855"/>
                    <a:gd name="connsiteX4" fmla="*/ 0 w 71437"/>
                    <a:gd name="connsiteY4" fmla="*/ 8954 h 365855"/>
                    <a:gd name="connsiteX5" fmla="*/ 8954 w 71437"/>
                    <a:gd name="connsiteY5" fmla="*/ 0 h 365855"/>
                    <a:gd name="connsiteX6" fmla="*/ 62484 w 71437"/>
                    <a:gd name="connsiteY6" fmla="*/ 0 h 365855"/>
                    <a:gd name="connsiteX7" fmla="*/ 71438 w 71437"/>
                    <a:gd name="connsiteY7" fmla="*/ 8954 h 365855"/>
                    <a:gd name="connsiteX8" fmla="*/ 71438 w 71437"/>
                    <a:gd name="connsiteY8" fmla="*/ 303181 h 365855"/>
                    <a:gd name="connsiteX9" fmla="*/ 70485 w 71437"/>
                    <a:gd name="connsiteY9" fmla="*/ 307181 h 365855"/>
                    <a:gd name="connsiteX10" fmla="*/ 43720 w 71437"/>
                    <a:gd name="connsiteY10" fmla="*/ 360617 h 365855"/>
                    <a:gd name="connsiteX11" fmla="*/ 35719 w 71437"/>
                    <a:gd name="connsiteY11" fmla="*/ 365855 h 365855"/>
                    <a:gd name="connsiteX12" fmla="*/ 22384 w 71437"/>
                    <a:gd name="connsiteY12" fmla="*/ 272225 h 365855"/>
                    <a:gd name="connsiteX13" fmla="*/ 18003 w 71437"/>
                    <a:gd name="connsiteY13" fmla="*/ 276606 h 365855"/>
                    <a:gd name="connsiteX14" fmla="*/ 18003 w 71437"/>
                    <a:gd name="connsiteY14" fmla="*/ 300228 h 365855"/>
                    <a:gd name="connsiteX15" fmla="*/ 18003 w 71437"/>
                    <a:gd name="connsiteY15" fmla="*/ 302133 h 365855"/>
                    <a:gd name="connsiteX16" fmla="*/ 31433 w 71437"/>
                    <a:gd name="connsiteY16" fmla="*/ 328898 h 365855"/>
                    <a:gd name="connsiteX17" fmla="*/ 35338 w 71437"/>
                    <a:gd name="connsiteY17" fmla="*/ 331280 h 365855"/>
                    <a:gd name="connsiteX18" fmla="*/ 39243 w 71437"/>
                    <a:gd name="connsiteY18" fmla="*/ 328898 h 365855"/>
                    <a:gd name="connsiteX19" fmla="*/ 52674 w 71437"/>
                    <a:gd name="connsiteY19" fmla="*/ 302133 h 365855"/>
                    <a:gd name="connsiteX20" fmla="*/ 53150 w 71437"/>
                    <a:gd name="connsiteY20" fmla="*/ 300228 h 365855"/>
                    <a:gd name="connsiteX21" fmla="*/ 53150 w 71437"/>
                    <a:gd name="connsiteY21" fmla="*/ 276606 h 365855"/>
                    <a:gd name="connsiteX22" fmla="*/ 48673 w 71437"/>
                    <a:gd name="connsiteY22" fmla="*/ 272225 h 365855"/>
                    <a:gd name="connsiteX23" fmla="*/ 22384 w 71437"/>
                    <a:gd name="connsiteY23" fmla="*/ 71628 h 365855"/>
                    <a:gd name="connsiteX24" fmla="*/ 18003 w 71437"/>
                    <a:gd name="connsiteY24" fmla="*/ 76010 h 365855"/>
                    <a:gd name="connsiteX25" fmla="*/ 18003 w 71437"/>
                    <a:gd name="connsiteY25" fmla="*/ 249650 h 365855"/>
                    <a:gd name="connsiteX26" fmla="*/ 22194 w 71437"/>
                    <a:gd name="connsiteY26" fmla="*/ 254032 h 365855"/>
                    <a:gd name="connsiteX27" fmla="*/ 22384 w 71437"/>
                    <a:gd name="connsiteY27" fmla="*/ 254032 h 365855"/>
                    <a:gd name="connsiteX28" fmla="*/ 49054 w 71437"/>
                    <a:gd name="connsiteY28" fmla="*/ 254032 h 365855"/>
                    <a:gd name="connsiteX29" fmla="*/ 53531 w 71437"/>
                    <a:gd name="connsiteY29" fmla="*/ 249746 h 365855"/>
                    <a:gd name="connsiteX30" fmla="*/ 53531 w 71437"/>
                    <a:gd name="connsiteY30" fmla="*/ 249650 h 365855"/>
                    <a:gd name="connsiteX31" fmla="*/ 53531 w 71437"/>
                    <a:gd name="connsiteY31" fmla="*/ 75819 h 365855"/>
                    <a:gd name="connsiteX32" fmla="*/ 49054 w 71437"/>
                    <a:gd name="connsiteY32" fmla="*/ 71438 h 365855"/>
                    <a:gd name="connsiteX33" fmla="*/ 22384 w 71437"/>
                    <a:gd name="connsiteY33" fmla="*/ 18193 h 365855"/>
                    <a:gd name="connsiteX34" fmla="*/ 18003 w 71437"/>
                    <a:gd name="connsiteY34" fmla="*/ 22384 h 365855"/>
                    <a:gd name="connsiteX35" fmla="*/ 18003 w 71437"/>
                    <a:gd name="connsiteY35" fmla="*/ 22574 h 365855"/>
                    <a:gd name="connsiteX36" fmla="*/ 18003 w 71437"/>
                    <a:gd name="connsiteY36" fmla="*/ 49340 h 365855"/>
                    <a:gd name="connsiteX37" fmla="*/ 22384 w 71437"/>
                    <a:gd name="connsiteY37" fmla="*/ 53721 h 365855"/>
                    <a:gd name="connsiteX38" fmla="*/ 49054 w 71437"/>
                    <a:gd name="connsiteY38" fmla="*/ 53721 h 365855"/>
                    <a:gd name="connsiteX39" fmla="*/ 53531 w 71437"/>
                    <a:gd name="connsiteY39" fmla="*/ 49340 h 365855"/>
                    <a:gd name="connsiteX40" fmla="*/ 53531 w 71437"/>
                    <a:gd name="connsiteY40" fmla="*/ 22574 h 365855"/>
                    <a:gd name="connsiteX41" fmla="*/ 49149 w 71437"/>
                    <a:gd name="connsiteY41" fmla="*/ 18193 h 365855"/>
                    <a:gd name="connsiteX42" fmla="*/ 49054 w 71437"/>
                    <a:gd name="connsiteY42" fmla="*/ 18193 h 3658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71437" h="365855">
                      <a:moveTo>
                        <a:pt x="35719" y="365855"/>
                      </a:moveTo>
                      <a:cubicBezTo>
                        <a:pt x="32290" y="365884"/>
                        <a:pt x="29166" y="363912"/>
                        <a:pt x="27718" y="360807"/>
                      </a:cubicBezTo>
                      <a:lnTo>
                        <a:pt x="953" y="307372"/>
                      </a:lnTo>
                      <a:cubicBezTo>
                        <a:pt x="315" y="306134"/>
                        <a:pt x="-9" y="304762"/>
                        <a:pt x="0" y="303371"/>
                      </a:cubicBezTo>
                      <a:lnTo>
                        <a:pt x="0" y="8954"/>
                      </a:lnTo>
                      <a:cubicBezTo>
                        <a:pt x="0" y="4010"/>
                        <a:pt x="4010" y="0"/>
                        <a:pt x="8954" y="0"/>
                      </a:cubicBezTo>
                      <a:lnTo>
                        <a:pt x="62484" y="0"/>
                      </a:lnTo>
                      <a:cubicBezTo>
                        <a:pt x="67428" y="0"/>
                        <a:pt x="71438" y="4010"/>
                        <a:pt x="71438" y="8954"/>
                      </a:cubicBezTo>
                      <a:lnTo>
                        <a:pt x="71438" y="303181"/>
                      </a:lnTo>
                      <a:cubicBezTo>
                        <a:pt x="71447" y="304571"/>
                        <a:pt x="71123" y="305943"/>
                        <a:pt x="70485" y="307181"/>
                      </a:cubicBezTo>
                      <a:lnTo>
                        <a:pt x="43720" y="360617"/>
                      </a:lnTo>
                      <a:cubicBezTo>
                        <a:pt x="42329" y="363788"/>
                        <a:pt x="39186" y="365846"/>
                        <a:pt x="35719" y="365855"/>
                      </a:cubicBezTo>
                      <a:close/>
                      <a:moveTo>
                        <a:pt x="22384" y="272225"/>
                      </a:moveTo>
                      <a:cubicBezTo>
                        <a:pt x="19965" y="272225"/>
                        <a:pt x="18003" y="274187"/>
                        <a:pt x="18003" y="276606"/>
                      </a:cubicBezTo>
                      <a:lnTo>
                        <a:pt x="18003" y="300228"/>
                      </a:lnTo>
                      <a:cubicBezTo>
                        <a:pt x="17860" y="300857"/>
                        <a:pt x="17860" y="301504"/>
                        <a:pt x="18003" y="302133"/>
                      </a:cubicBezTo>
                      <a:lnTo>
                        <a:pt x="31433" y="328898"/>
                      </a:lnTo>
                      <a:cubicBezTo>
                        <a:pt x="32166" y="330375"/>
                        <a:pt x="33690" y="331308"/>
                        <a:pt x="35338" y="331280"/>
                      </a:cubicBezTo>
                      <a:cubicBezTo>
                        <a:pt x="36995" y="331327"/>
                        <a:pt x="38529" y="330394"/>
                        <a:pt x="39243" y="328898"/>
                      </a:cubicBezTo>
                      <a:lnTo>
                        <a:pt x="52674" y="302133"/>
                      </a:lnTo>
                      <a:cubicBezTo>
                        <a:pt x="52978" y="301543"/>
                        <a:pt x="53140" y="300895"/>
                        <a:pt x="53150" y="300228"/>
                      </a:cubicBezTo>
                      <a:lnTo>
                        <a:pt x="53150" y="276606"/>
                      </a:lnTo>
                      <a:cubicBezTo>
                        <a:pt x="53102" y="274168"/>
                        <a:pt x="51112" y="272225"/>
                        <a:pt x="48673" y="272225"/>
                      </a:cubicBezTo>
                      <a:close/>
                      <a:moveTo>
                        <a:pt x="22384" y="71628"/>
                      </a:moveTo>
                      <a:cubicBezTo>
                        <a:pt x="19965" y="71628"/>
                        <a:pt x="18003" y="73590"/>
                        <a:pt x="18003" y="76010"/>
                      </a:cubicBezTo>
                      <a:lnTo>
                        <a:pt x="18003" y="249650"/>
                      </a:lnTo>
                      <a:cubicBezTo>
                        <a:pt x="17945" y="252013"/>
                        <a:pt x="19822" y="253975"/>
                        <a:pt x="22194" y="254032"/>
                      </a:cubicBezTo>
                      <a:cubicBezTo>
                        <a:pt x="22260" y="254032"/>
                        <a:pt x="22317" y="254032"/>
                        <a:pt x="22384" y="254032"/>
                      </a:cubicBezTo>
                      <a:lnTo>
                        <a:pt x="49054" y="254032"/>
                      </a:lnTo>
                      <a:cubicBezTo>
                        <a:pt x="51474" y="254089"/>
                        <a:pt x="53474" y="252165"/>
                        <a:pt x="53531" y="249746"/>
                      </a:cubicBezTo>
                      <a:cubicBezTo>
                        <a:pt x="53531" y="249717"/>
                        <a:pt x="53531" y="249679"/>
                        <a:pt x="53531" y="249650"/>
                      </a:cubicBezTo>
                      <a:lnTo>
                        <a:pt x="53531" y="75819"/>
                      </a:lnTo>
                      <a:cubicBezTo>
                        <a:pt x="53483" y="73381"/>
                        <a:pt x="51492" y="71438"/>
                        <a:pt x="49054" y="71438"/>
                      </a:cubicBezTo>
                      <a:close/>
                      <a:moveTo>
                        <a:pt x="22384" y="18193"/>
                      </a:moveTo>
                      <a:cubicBezTo>
                        <a:pt x="20022" y="18136"/>
                        <a:pt x="18060" y="20012"/>
                        <a:pt x="18003" y="22384"/>
                      </a:cubicBezTo>
                      <a:cubicBezTo>
                        <a:pt x="18003" y="22451"/>
                        <a:pt x="18003" y="22508"/>
                        <a:pt x="18003" y="22574"/>
                      </a:cubicBezTo>
                      <a:lnTo>
                        <a:pt x="18003" y="49340"/>
                      </a:lnTo>
                      <a:cubicBezTo>
                        <a:pt x="18003" y="51759"/>
                        <a:pt x="19965" y="53721"/>
                        <a:pt x="22384" y="53721"/>
                      </a:cubicBezTo>
                      <a:lnTo>
                        <a:pt x="49054" y="53721"/>
                      </a:lnTo>
                      <a:cubicBezTo>
                        <a:pt x="51492" y="53721"/>
                        <a:pt x="53483" y="51778"/>
                        <a:pt x="53531" y="49340"/>
                      </a:cubicBezTo>
                      <a:lnTo>
                        <a:pt x="53531" y="22574"/>
                      </a:lnTo>
                      <a:cubicBezTo>
                        <a:pt x="53531" y="20155"/>
                        <a:pt x="51569" y="18193"/>
                        <a:pt x="49149" y="18193"/>
                      </a:cubicBezTo>
                      <a:cubicBezTo>
                        <a:pt x="49121" y="18193"/>
                        <a:pt x="49083" y="18193"/>
                        <a:pt x="49054" y="18193"/>
                      </a:cubicBezTo>
                      <a:close/>
                    </a:path>
                  </a:pathLst>
                </a:custGeom>
                <a:solidFill>
                  <a:srgbClr val="265998"/>
                </a:solidFill>
                <a:ln w="9525" cap="flat">
                  <a:noFill/>
                  <a:prstDash val="solid"/>
                  <a:miter/>
                </a:ln>
              </p:spPr>
              <p:txBody>
                <a:bodyPr rtlCol="0" anchor="ctr"/>
                <a:lstStyle/>
                <a:p>
                  <a:endParaRPr lang="en-AU" sz="700"/>
                </a:p>
              </p:txBody>
            </p:sp>
            <p:sp>
              <p:nvSpPr>
                <p:cNvPr id="54" name="Graphic 2">
                  <a:extLst>
                    <a:ext uri="{FF2B5EF4-FFF2-40B4-BE49-F238E27FC236}">
                      <a16:creationId xmlns:a16="http://schemas.microsoft.com/office/drawing/2014/main" id="{81BF60CD-4F8A-86DB-9B60-EAC1B918C76C}"/>
                    </a:ext>
                  </a:extLst>
                </p:cNvPr>
                <p:cNvSpPr/>
                <p:nvPr/>
              </p:nvSpPr>
              <p:spPr>
                <a:xfrm>
                  <a:off x="3333750" y="2914681"/>
                  <a:ext cx="19050" cy="19050"/>
                </a:xfrm>
                <a:custGeom>
                  <a:avLst/>
                  <a:gdLst>
                    <a:gd name="connsiteX0" fmla="*/ 19050 w 19050"/>
                    <a:gd name="connsiteY0" fmla="*/ 9525 h 19050"/>
                    <a:gd name="connsiteX1" fmla="*/ 9525 w 19050"/>
                    <a:gd name="connsiteY1" fmla="*/ 19050 h 19050"/>
                    <a:gd name="connsiteX2" fmla="*/ 0 w 19050"/>
                    <a:gd name="connsiteY2" fmla="*/ 9525 h 19050"/>
                    <a:gd name="connsiteX3" fmla="*/ 9525 w 19050"/>
                    <a:gd name="connsiteY3" fmla="*/ 0 h 19050"/>
                    <a:gd name="connsiteX4" fmla="*/ 19050 w 19050"/>
                    <a:gd name="connsiteY4" fmla="*/ 9525 h 190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050" h="19050">
                      <a:moveTo>
                        <a:pt x="19050" y="9525"/>
                      </a:moveTo>
                      <a:cubicBezTo>
                        <a:pt x="19050" y="14786"/>
                        <a:pt x="14785" y="19050"/>
                        <a:pt x="9525" y="19050"/>
                      </a:cubicBezTo>
                      <a:cubicBezTo>
                        <a:pt x="4265" y="19050"/>
                        <a:pt x="0" y="14786"/>
                        <a:pt x="0" y="9525"/>
                      </a:cubicBezTo>
                      <a:cubicBezTo>
                        <a:pt x="0" y="4264"/>
                        <a:pt x="4265" y="0"/>
                        <a:pt x="9525" y="0"/>
                      </a:cubicBezTo>
                      <a:cubicBezTo>
                        <a:pt x="14785" y="0"/>
                        <a:pt x="19050" y="4264"/>
                        <a:pt x="19050" y="9525"/>
                      </a:cubicBezTo>
                      <a:close/>
                    </a:path>
                  </a:pathLst>
                </a:custGeom>
                <a:solidFill>
                  <a:srgbClr val="265998"/>
                </a:solidFill>
                <a:ln w="9525" cap="flat">
                  <a:noFill/>
                  <a:prstDash val="solid"/>
                  <a:miter/>
                </a:ln>
              </p:spPr>
              <p:txBody>
                <a:bodyPr rtlCol="0" anchor="ctr"/>
                <a:lstStyle/>
                <a:p>
                  <a:endParaRPr lang="en-AU" sz="700"/>
                </a:p>
              </p:txBody>
            </p:sp>
          </p:grpSp>
        </p:grpSp>
        <p:sp>
          <p:nvSpPr>
            <p:cNvPr id="42" name="TextBox 41">
              <a:extLst>
                <a:ext uri="{FF2B5EF4-FFF2-40B4-BE49-F238E27FC236}">
                  <a16:creationId xmlns:a16="http://schemas.microsoft.com/office/drawing/2014/main" id="{4E4888C6-6940-DCD3-1484-19BBC2471246}"/>
                </a:ext>
              </a:extLst>
            </p:cNvPr>
            <p:cNvSpPr txBox="1"/>
            <p:nvPr/>
          </p:nvSpPr>
          <p:spPr>
            <a:xfrm>
              <a:off x="6287508" y="4977295"/>
              <a:ext cx="4851382" cy="1169550"/>
            </a:xfrm>
            <a:prstGeom prst="rect">
              <a:avLst/>
            </a:prstGeom>
            <a:noFill/>
          </p:spPr>
          <p:txBody>
            <a:bodyPr wrap="square" rtlCol="0">
              <a:spAutoFit/>
            </a:bodyPr>
            <a:lstStyle/>
            <a:p>
              <a:r>
                <a:rPr lang="en-US" sz="1400">
                  <a:latin typeface="+mn-lt"/>
                  <a:ea typeface="Open Sans" panose="020B0606030504020204" pitchFamily="34" charset="0"/>
                  <a:cs typeface="Open Sans" panose="020B0606030504020204" pitchFamily="34" charset="0"/>
                </a:rPr>
                <a:t>Funding for all agreement-funded service models to be evaluated in line with the National Mental Health and Suicide Prevention Evaluation Framework, and for a nominated body to act as a central information repository for evaluation and research findings</a:t>
              </a:r>
              <a:endParaRPr lang="en-AU" sz="1400">
                <a:effectLst/>
                <a:latin typeface="+mn-lt"/>
                <a:ea typeface="Open Sans" panose="020B0606030504020204" pitchFamily="34" charset="0"/>
                <a:cs typeface="Open Sans" panose="020B0606030504020204" pitchFamily="34" charset="0"/>
              </a:endParaRPr>
            </a:p>
          </p:txBody>
        </p:sp>
      </p:grpSp>
    </p:spTree>
    <p:extLst>
      <p:ext uri="{BB962C8B-B14F-4D97-AF65-F5344CB8AC3E}">
        <p14:creationId xmlns:p14="http://schemas.microsoft.com/office/powerpoint/2010/main" val="403956651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0D7CD2-CBBB-05F2-FBCC-DCB43180900A}"/>
            </a:ext>
          </a:extLst>
        </p:cNvPr>
        <p:cNvGrpSpPr/>
        <p:nvPr/>
      </p:nvGrpSpPr>
      <p:grpSpPr>
        <a:xfrm>
          <a:off x="0" y="0"/>
          <a:ext cx="0" cy="0"/>
          <a:chOff x="0" y="0"/>
          <a:chExt cx="0" cy="0"/>
        </a:xfrm>
      </p:grpSpPr>
      <p:sp>
        <p:nvSpPr>
          <p:cNvPr id="12" name="Rectangle 11">
            <a:extLst>
              <a:ext uri="{FF2B5EF4-FFF2-40B4-BE49-F238E27FC236}">
                <a16:creationId xmlns:a16="http://schemas.microsoft.com/office/drawing/2014/main" id="{4F8AD62A-1366-6A93-3F29-DC0B4BED447F}"/>
              </a:ext>
            </a:extLst>
          </p:cNvPr>
          <p:cNvSpPr/>
          <p:nvPr/>
        </p:nvSpPr>
        <p:spPr>
          <a:xfrm>
            <a:off x="8783421" y="4698873"/>
            <a:ext cx="2009935" cy="1246165"/>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4" name="Rectangle 3">
            <a:extLst>
              <a:ext uri="{FF2B5EF4-FFF2-40B4-BE49-F238E27FC236}">
                <a16:creationId xmlns:a16="http://schemas.microsoft.com/office/drawing/2014/main" id="{9B4F8C4D-D54B-2540-0D81-082215E0AA6B}"/>
              </a:ext>
            </a:extLst>
          </p:cNvPr>
          <p:cNvSpPr/>
          <p:nvPr/>
        </p:nvSpPr>
        <p:spPr>
          <a:xfrm>
            <a:off x="775791" y="3318406"/>
            <a:ext cx="7881503" cy="1246166"/>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Greater role in governance</a:t>
            </a:r>
          </a:p>
          <a:p>
            <a:pPr marL="285750" indent="-285750">
              <a:spcAft>
                <a:spcPts val="600"/>
              </a:spcAft>
              <a:buFont typeface="Arial" panose="020B0604020202020204" pitchFamily="34" charset="0"/>
              <a:buChar char="•"/>
            </a:pPr>
            <a:r>
              <a:rPr lang="en-US" sz="1600">
                <a:solidFill>
                  <a:schemeClr val="tx1"/>
                </a:solidFill>
              </a:rPr>
              <a:t>Carer involvement in the design and implementation of the agreement</a:t>
            </a:r>
          </a:p>
          <a:p>
            <a:pPr marL="285750" indent="-285750">
              <a:spcAft>
                <a:spcPts val="600"/>
              </a:spcAft>
              <a:buFont typeface="Arial" panose="020B0604020202020204" pitchFamily="34" charset="0"/>
              <a:buChar char="•"/>
            </a:pPr>
            <a:r>
              <a:rPr lang="en-US" sz="1600">
                <a:solidFill>
                  <a:schemeClr val="tx1"/>
                </a:solidFill>
              </a:rPr>
              <a:t>Formal role in governance arrangements</a:t>
            </a:r>
          </a:p>
        </p:txBody>
      </p:sp>
      <p:sp>
        <p:nvSpPr>
          <p:cNvPr id="6" name="Rectangle 5">
            <a:extLst>
              <a:ext uri="{FF2B5EF4-FFF2-40B4-BE49-F238E27FC236}">
                <a16:creationId xmlns:a16="http://schemas.microsoft.com/office/drawing/2014/main" id="{18EE4997-E1A0-1083-EFAF-A010252C7EEC}"/>
              </a:ext>
            </a:extLst>
          </p:cNvPr>
          <p:cNvSpPr/>
          <p:nvPr/>
        </p:nvSpPr>
        <p:spPr>
          <a:xfrm>
            <a:off x="8783420" y="3314165"/>
            <a:ext cx="2009935" cy="1246166"/>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9" name="Rectangle 8">
            <a:extLst>
              <a:ext uri="{FF2B5EF4-FFF2-40B4-BE49-F238E27FC236}">
                <a16:creationId xmlns:a16="http://schemas.microsoft.com/office/drawing/2014/main" id="{AD089CE7-2449-3BA5-FC3F-B42F228210EF}"/>
              </a:ext>
            </a:extLst>
          </p:cNvPr>
          <p:cNvSpPr/>
          <p:nvPr/>
        </p:nvSpPr>
        <p:spPr>
          <a:xfrm>
            <a:off x="775791" y="1929457"/>
            <a:ext cx="7881503" cy="1246166"/>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Clarify responsibility for carer and family supports</a:t>
            </a:r>
          </a:p>
          <a:p>
            <a:pPr marL="285750" indent="-285750">
              <a:lnSpc>
                <a:spcPts val="2000"/>
              </a:lnSpc>
              <a:spcAft>
                <a:spcPts val="1200"/>
              </a:spcAft>
              <a:buFont typeface="Arial" panose="020B0604020202020204" pitchFamily="34" charset="0"/>
              <a:buChar char="•"/>
            </a:pPr>
            <a:r>
              <a:rPr lang="en-US" sz="1600">
                <a:solidFill>
                  <a:schemeClr val="tx1"/>
                </a:solidFill>
              </a:rPr>
              <a:t>The next agreement should clarify the level of government responsible for planning and funding carer and family support services</a:t>
            </a:r>
          </a:p>
        </p:txBody>
      </p:sp>
      <p:sp>
        <p:nvSpPr>
          <p:cNvPr id="10" name="Rectangle 9">
            <a:extLst>
              <a:ext uri="{FF2B5EF4-FFF2-40B4-BE49-F238E27FC236}">
                <a16:creationId xmlns:a16="http://schemas.microsoft.com/office/drawing/2014/main" id="{6A853FD8-0CC6-C824-384F-E9A3E7B4418C}"/>
              </a:ext>
            </a:extLst>
          </p:cNvPr>
          <p:cNvSpPr/>
          <p:nvPr/>
        </p:nvSpPr>
        <p:spPr>
          <a:xfrm>
            <a:off x="8783421" y="1925216"/>
            <a:ext cx="2009935" cy="1246166"/>
          </a:xfrm>
          <a:prstGeom prst="rect">
            <a:avLst/>
          </a:prstGeom>
          <a:solidFill>
            <a:schemeClr val="bg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sp>
        <p:nvSpPr>
          <p:cNvPr id="11" name="Rectangle 10">
            <a:extLst>
              <a:ext uri="{FF2B5EF4-FFF2-40B4-BE49-F238E27FC236}">
                <a16:creationId xmlns:a16="http://schemas.microsoft.com/office/drawing/2014/main" id="{FED0885F-5A4C-907F-49F9-47AD9BA79942}"/>
              </a:ext>
            </a:extLst>
          </p:cNvPr>
          <p:cNvSpPr/>
          <p:nvPr/>
        </p:nvSpPr>
        <p:spPr>
          <a:xfrm>
            <a:off x="775791" y="4703115"/>
            <a:ext cx="7881503" cy="1246165"/>
          </a:xfrm>
          <a:prstGeom prst="rect">
            <a:avLst/>
          </a:prstGeom>
          <a:solidFill>
            <a:schemeClr val="bg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r>
              <a:rPr lang="en-US" sz="1600" b="1">
                <a:solidFill>
                  <a:schemeClr val="tx1"/>
                </a:solidFill>
              </a:rPr>
              <a:t>Opportunities to improve involvement for carers and families </a:t>
            </a:r>
          </a:p>
          <a:p>
            <a:pPr marL="285750" indent="-285750">
              <a:lnSpc>
                <a:spcPts val="2000"/>
              </a:lnSpc>
              <a:spcAft>
                <a:spcPts val="600"/>
              </a:spcAft>
              <a:buFont typeface="Arial" panose="020B0604020202020204" pitchFamily="34" charset="0"/>
              <a:buChar char="•"/>
            </a:pPr>
            <a:r>
              <a:rPr lang="en-US" sz="1600">
                <a:solidFill>
                  <a:schemeClr val="tx1"/>
                </a:solidFill>
              </a:rPr>
              <a:t>Services that the agreement funds could look for opportunities to improve the way they work with carers and families and address their needs</a:t>
            </a:r>
          </a:p>
        </p:txBody>
      </p:sp>
      <p:sp>
        <p:nvSpPr>
          <p:cNvPr id="2" name="Title 1">
            <a:extLst>
              <a:ext uri="{FF2B5EF4-FFF2-40B4-BE49-F238E27FC236}">
                <a16:creationId xmlns:a16="http://schemas.microsoft.com/office/drawing/2014/main" id="{17CF4153-E594-1996-09BF-190D2F7CDB8E}"/>
              </a:ext>
            </a:extLst>
          </p:cNvPr>
          <p:cNvSpPr>
            <a:spLocks noGrp="1"/>
          </p:cNvSpPr>
          <p:nvPr>
            <p:ph type="ctrTitle"/>
          </p:nvPr>
        </p:nvSpPr>
        <p:spPr/>
        <p:txBody>
          <a:bodyPr>
            <a:normAutofit/>
          </a:bodyPr>
          <a:lstStyle/>
          <a:p>
            <a:r>
              <a:rPr lang="en-US"/>
              <a:t>Carers and families in the next agreement</a:t>
            </a:r>
            <a:endParaRPr lang="en-AU"/>
          </a:p>
        </p:txBody>
      </p:sp>
      <p:sp>
        <p:nvSpPr>
          <p:cNvPr id="13" name="Subtitle 4">
            <a:extLst>
              <a:ext uri="{FF2B5EF4-FFF2-40B4-BE49-F238E27FC236}">
                <a16:creationId xmlns:a16="http://schemas.microsoft.com/office/drawing/2014/main" id="{3A3DA5FB-53E5-92C1-6CA8-C2B743DA8EF9}"/>
              </a:ext>
            </a:extLst>
          </p:cNvPr>
          <p:cNvSpPr>
            <a:spLocks noGrp="1"/>
          </p:cNvSpPr>
          <p:nvPr>
            <p:ph type="subTitle" idx="1"/>
          </p:nvPr>
        </p:nvSpPr>
        <p:spPr>
          <a:xfrm>
            <a:off x="569995" y="1120731"/>
            <a:ext cx="11082431" cy="401819"/>
          </a:xfrm>
        </p:spPr>
        <p:txBody>
          <a:bodyPr/>
          <a:lstStyle/>
          <a:p>
            <a:r>
              <a:rPr lang="en-US">
                <a:solidFill>
                  <a:schemeClr val="accent1"/>
                </a:solidFill>
              </a:rPr>
              <a:t>Carers and families play a vital role in the mental health and suicide prevention system and should be better supported </a:t>
            </a:r>
            <a:endParaRPr lang="en-AU">
              <a:solidFill>
                <a:schemeClr val="accent1"/>
              </a:solidFill>
            </a:endParaRPr>
          </a:p>
        </p:txBody>
      </p:sp>
      <p:grpSp>
        <p:nvGrpSpPr>
          <p:cNvPr id="17" name="Group 16">
            <a:extLst>
              <a:ext uri="{FF2B5EF4-FFF2-40B4-BE49-F238E27FC236}">
                <a16:creationId xmlns:a16="http://schemas.microsoft.com/office/drawing/2014/main" id="{2B2AEDD9-05FB-FFDF-C095-E5CA40FC10F7}"/>
              </a:ext>
            </a:extLst>
          </p:cNvPr>
          <p:cNvGrpSpPr/>
          <p:nvPr/>
        </p:nvGrpSpPr>
        <p:grpSpPr>
          <a:xfrm>
            <a:off x="9510792" y="2193237"/>
            <a:ext cx="555192" cy="710132"/>
            <a:chOff x="3672734" y="1862954"/>
            <a:chExt cx="613556" cy="663110"/>
          </a:xfrm>
        </p:grpSpPr>
        <p:sp>
          <p:nvSpPr>
            <p:cNvPr id="18" name="Freeform: Shape 17">
              <a:extLst>
                <a:ext uri="{FF2B5EF4-FFF2-40B4-BE49-F238E27FC236}">
                  <a16:creationId xmlns:a16="http://schemas.microsoft.com/office/drawing/2014/main" id="{C138E7AD-E5AD-FEB4-857A-0A1DC59EDCED}"/>
                </a:ext>
              </a:extLst>
            </p:cNvPr>
            <p:cNvSpPr/>
            <p:nvPr/>
          </p:nvSpPr>
          <p:spPr>
            <a:xfrm>
              <a:off x="3933081" y="2231352"/>
              <a:ext cx="60015" cy="51375"/>
            </a:xfrm>
            <a:custGeom>
              <a:avLst/>
              <a:gdLst>
                <a:gd name="connsiteX0" fmla="*/ 1455 w 60015"/>
                <a:gd name="connsiteY0" fmla="*/ 817 h 51375"/>
                <a:gd name="connsiteX1" fmla="*/ 0 w 60015"/>
                <a:gd name="connsiteY1" fmla="*/ 1059 h 51375"/>
                <a:gd name="connsiteX2" fmla="*/ 34191 w 60015"/>
                <a:gd name="connsiteY2" fmla="*/ 38524 h 51375"/>
                <a:gd name="connsiteX3" fmla="*/ 60016 w 60015"/>
                <a:gd name="connsiteY3" fmla="*/ 51375 h 51375"/>
                <a:gd name="connsiteX4" fmla="*/ 36131 w 60015"/>
                <a:gd name="connsiteY4" fmla="*/ 9789 h 51375"/>
                <a:gd name="connsiteX5" fmla="*/ 1455 w 60015"/>
                <a:gd name="connsiteY5" fmla="*/ 817 h 513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015" h="51375">
                  <a:moveTo>
                    <a:pt x="1455" y="817"/>
                  </a:moveTo>
                  <a:cubicBezTo>
                    <a:pt x="1455" y="817"/>
                    <a:pt x="485" y="1059"/>
                    <a:pt x="0" y="1059"/>
                  </a:cubicBezTo>
                  <a:lnTo>
                    <a:pt x="34191" y="38524"/>
                  </a:lnTo>
                  <a:lnTo>
                    <a:pt x="60016" y="51375"/>
                  </a:lnTo>
                  <a:cubicBezTo>
                    <a:pt x="52499" y="36220"/>
                    <a:pt x="41587" y="16093"/>
                    <a:pt x="36131" y="9789"/>
                  </a:cubicBezTo>
                  <a:cubicBezTo>
                    <a:pt x="27159" y="-153"/>
                    <a:pt x="17823" y="-1123"/>
                    <a:pt x="1455" y="817"/>
                  </a:cubicBezTo>
                  <a:close/>
                </a:path>
              </a:pathLst>
            </a:custGeom>
            <a:solidFill>
              <a:srgbClr val="C7E4F1"/>
            </a:solidFill>
            <a:ln w="12102" cap="flat">
              <a:noFill/>
              <a:prstDash val="solid"/>
              <a:miter/>
            </a:ln>
          </p:spPr>
          <p:txBody>
            <a:bodyPr rtlCol="0" anchor="ctr"/>
            <a:lstStyle/>
            <a:p>
              <a:endParaRPr lang="en-AU"/>
            </a:p>
          </p:txBody>
        </p:sp>
        <p:sp>
          <p:nvSpPr>
            <p:cNvPr id="19" name="Freeform: Shape 18">
              <a:extLst>
                <a:ext uri="{FF2B5EF4-FFF2-40B4-BE49-F238E27FC236}">
                  <a16:creationId xmlns:a16="http://schemas.microsoft.com/office/drawing/2014/main" id="{23FF013C-17FF-18F5-0623-B6CFFC3858DE}"/>
                </a:ext>
              </a:extLst>
            </p:cNvPr>
            <p:cNvSpPr/>
            <p:nvPr/>
          </p:nvSpPr>
          <p:spPr>
            <a:xfrm>
              <a:off x="3865759" y="2220466"/>
              <a:ext cx="396621" cy="299657"/>
            </a:xfrm>
            <a:custGeom>
              <a:avLst/>
              <a:gdLst>
                <a:gd name="connsiteX0" fmla="*/ 366431 w 396621"/>
                <a:gd name="connsiteY0" fmla="*/ 212483 h 299657"/>
                <a:gd name="connsiteX1" fmla="*/ 367401 w 396621"/>
                <a:gd name="connsiteY1" fmla="*/ 179019 h 299657"/>
                <a:gd name="connsiteX2" fmla="*/ 358793 w 396621"/>
                <a:gd name="connsiteY2" fmla="*/ 143980 h 299657"/>
                <a:gd name="connsiteX3" fmla="*/ 350912 w 396621"/>
                <a:gd name="connsiteY3" fmla="*/ 112335 h 299657"/>
                <a:gd name="connsiteX4" fmla="*/ 347396 w 396621"/>
                <a:gd name="connsiteY4" fmla="*/ 63231 h 299657"/>
                <a:gd name="connsiteX5" fmla="*/ 342304 w 396621"/>
                <a:gd name="connsiteY5" fmla="*/ 427 h 299657"/>
                <a:gd name="connsiteX6" fmla="*/ 328239 w 396621"/>
                <a:gd name="connsiteY6" fmla="*/ 1397 h 299657"/>
                <a:gd name="connsiteX7" fmla="*/ 311023 w 396621"/>
                <a:gd name="connsiteY7" fmla="*/ 17886 h 299657"/>
                <a:gd name="connsiteX8" fmla="*/ 307021 w 396621"/>
                <a:gd name="connsiteY8" fmla="*/ 55472 h 299657"/>
                <a:gd name="connsiteX9" fmla="*/ 304354 w 396621"/>
                <a:gd name="connsiteY9" fmla="*/ 84934 h 299657"/>
                <a:gd name="connsiteX10" fmla="*/ 286895 w 396621"/>
                <a:gd name="connsiteY10" fmla="*/ 119004 h 299657"/>
                <a:gd name="connsiteX11" fmla="*/ 252219 w 396621"/>
                <a:gd name="connsiteY11" fmla="*/ 127976 h 299657"/>
                <a:gd name="connsiteX12" fmla="*/ 175471 w 396621"/>
                <a:gd name="connsiteY12" fmla="*/ 115245 h 299657"/>
                <a:gd name="connsiteX13" fmla="*/ 173047 w 396621"/>
                <a:gd name="connsiteY13" fmla="*/ 114396 h 299657"/>
                <a:gd name="connsiteX14" fmla="*/ 172077 w 396621"/>
                <a:gd name="connsiteY14" fmla="*/ 114033 h 299657"/>
                <a:gd name="connsiteX15" fmla="*/ 171834 w 396621"/>
                <a:gd name="connsiteY15" fmla="*/ 114033 h 299657"/>
                <a:gd name="connsiteX16" fmla="*/ 85387 w 396621"/>
                <a:gd name="connsiteY16" fmla="*/ 70991 h 299657"/>
                <a:gd name="connsiteX17" fmla="*/ 26341 w 396621"/>
                <a:gd name="connsiteY17" fmla="*/ 6489 h 299657"/>
                <a:gd name="connsiteX18" fmla="*/ 13125 w 396621"/>
                <a:gd name="connsiteY18" fmla="*/ 2124 h 299657"/>
                <a:gd name="connsiteX19" fmla="*/ 2820 w 396621"/>
                <a:gd name="connsiteY19" fmla="*/ 7823 h 299657"/>
                <a:gd name="connsiteX20" fmla="*/ 7427 w 396621"/>
                <a:gd name="connsiteY20" fmla="*/ 34496 h 299657"/>
                <a:gd name="connsiteX21" fmla="*/ 56167 w 396621"/>
                <a:gd name="connsiteY21" fmla="*/ 98392 h 299657"/>
                <a:gd name="connsiteX22" fmla="*/ 111333 w 396621"/>
                <a:gd name="connsiteY22" fmla="*/ 164228 h 299657"/>
                <a:gd name="connsiteX23" fmla="*/ 236700 w 396621"/>
                <a:gd name="connsiteY23" fmla="*/ 255040 h 299657"/>
                <a:gd name="connsiteX24" fmla="*/ 254523 w 396621"/>
                <a:gd name="connsiteY24" fmla="*/ 292019 h 299657"/>
                <a:gd name="connsiteX25" fmla="*/ 251977 w 396621"/>
                <a:gd name="connsiteY25" fmla="*/ 299658 h 299657"/>
                <a:gd name="connsiteX26" fmla="*/ 396621 w 396621"/>
                <a:gd name="connsiteY26" fmla="*/ 299658 h 299657"/>
                <a:gd name="connsiteX27" fmla="*/ 364976 w 396621"/>
                <a:gd name="connsiteY27" fmla="*/ 239520 h 299657"/>
                <a:gd name="connsiteX28" fmla="*/ 366552 w 396621"/>
                <a:gd name="connsiteY28" fmla="*/ 212483 h 299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396621" h="299657">
                  <a:moveTo>
                    <a:pt x="366431" y="212483"/>
                  </a:moveTo>
                  <a:cubicBezTo>
                    <a:pt x="368129" y="202541"/>
                    <a:pt x="369947" y="192356"/>
                    <a:pt x="367401" y="179019"/>
                  </a:cubicBezTo>
                  <a:cubicBezTo>
                    <a:pt x="364370" y="163379"/>
                    <a:pt x="361460" y="153558"/>
                    <a:pt x="358793" y="143980"/>
                  </a:cubicBezTo>
                  <a:cubicBezTo>
                    <a:pt x="356247" y="135008"/>
                    <a:pt x="353458" y="125672"/>
                    <a:pt x="350912" y="112335"/>
                  </a:cubicBezTo>
                  <a:cubicBezTo>
                    <a:pt x="348002" y="97664"/>
                    <a:pt x="347760" y="80933"/>
                    <a:pt x="347396" y="63231"/>
                  </a:cubicBezTo>
                  <a:cubicBezTo>
                    <a:pt x="347032" y="42498"/>
                    <a:pt x="346669" y="21159"/>
                    <a:pt x="342304" y="427"/>
                  </a:cubicBezTo>
                  <a:cubicBezTo>
                    <a:pt x="340485" y="63"/>
                    <a:pt x="335029" y="-665"/>
                    <a:pt x="328239" y="1397"/>
                  </a:cubicBezTo>
                  <a:cubicBezTo>
                    <a:pt x="323268" y="2973"/>
                    <a:pt x="314296" y="7216"/>
                    <a:pt x="311023" y="17886"/>
                  </a:cubicBezTo>
                  <a:cubicBezTo>
                    <a:pt x="306415" y="32678"/>
                    <a:pt x="306779" y="44196"/>
                    <a:pt x="307021" y="55472"/>
                  </a:cubicBezTo>
                  <a:cubicBezTo>
                    <a:pt x="307264" y="65414"/>
                    <a:pt x="307507" y="74871"/>
                    <a:pt x="304354" y="84934"/>
                  </a:cubicBezTo>
                  <a:cubicBezTo>
                    <a:pt x="300959" y="96088"/>
                    <a:pt x="295018" y="107485"/>
                    <a:pt x="286895" y="119004"/>
                  </a:cubicBezTo>
                  <a:cubicBezTo>
                    <a:pt x="279499" y="129431"/>
                    <a:pt x="263980" y="129673"/>
                    <a:pt x="252219" y="127976"/>
                  </a:cubicBezTo>
                  <a:cubicBezTo>
                    <a:pt x="231123" y="124944"/>
                    <a:pt x="177654" y="115609"/>
                    <a:pt x="175471" y="115245"/>
                  </a:cubicBezTo>
                  <a:lnTo>
                    <a:pt x="173047" y="114396"/>
                  </a:lnTo>
                  <a:cubicBezTo>
                    <a:pt x="173047" y="114396"/>
                    <a:pt x="172440" y="114275"/>
                    <a:pt x="172077" y="114033"/>
                  </a:cubicBezTo>
                  <a:lnTo>
                    <a:pt x="171834" y="114033"/>
                  </a:lnTo>
                  <a:cubicBezTo>
                    <a:pt x="171834" y="114033"/>
                    <a:pt x="85387" y="70991"/>
                    <a:pt x="85387" y="70991"/>
                  </a:cubicBezTo>
                  <a:lnTo>
                    <a:pt x="26341" y="6489"/>
                  </a:lnTo>
                  <a:cubicBezTo>
                    <a:pt x="21855" y="2003"/>
                    <a:pt x="16157" y="1760"/>
                    <a:pt x="13125" y="2124"/>
                  </a:cubicBezTo>
                  <a:cubicBezTo>
                    <a:pt x="8639" y="2609"/>
                    <a:pt x="4760" y="4792"/>
                    <a:pt x="2820" y="7823"/>
                  </a:cubicBezTo>
                  <a:cubicBezTo>
                    <a:pt x="-4212" y="18613"/>
                    <a:pt x="3668" y="30132"/>
                    <a:pt x="7427" y="34496"/>
                  </a:cubicBezTo>
                  <a:lnTo>
                    <a:pt x="56167" y="98392"/>
                  </a:lnTo>
                  <a:lnTo>
                    <a:pt x="111333" y="164228"/>
                  </a:lnTo>
                  <a:cubicBezTo>
                    <a:pt x="128186" y="175867"/>
                    <a:pt x="222878" y="241218"/>
                    <a:pt x="236700" y="255040"/>
                  </a:cubicBezTo>
                  <a:cubicBezTo>
                    <a:pt x="253674" y="272014"/>
                    <a:pt x="254401" y="289958"/>
                    <a:pt x="254523" y="292019"/>
                  </a:cubicBezTo>
                  <a:cubicBezTo>
                    <a:pt x="254523" y="294929"/>
                    <a:pt x="253553" y="297354"/>
                    <a:pt x="251977" y="299658"/>
                  </a:cubicBezTo>
                  <a:lnTo>
                    <a:pt x="396621" y="299658"/>
                  </a:lnTo>
                  <a:cubicBezTo>
                    <a:pt x="391286" y="292262"/>
                    <a:pt x="367886" y="259162"/>
                    <a:pt x="364976" y="239520"/>
                  </a:cubicBezTo>
                  <a:cubicBezTo>
                    <a:pt x="363521" y="229821"/>
                    <a:pt x="364976" y="220970"/>
                    <a:pt x="366552" y="212483"/>
                  </a:cubicBezTo>
                  <a:close/>
                </a:path>
              </a:pathLst>
            </a:custGeom>
            <a:solidFill>
              <a:srgbClr val="C7E4F1"/>
            </a:solidFill>
            <a:ln w="12102" cap="flat">
              <a:noFill/>
              <a:prstDash val="solid"/>
              <a:miter/>
            </a:ln>
          </p:spPr>
          <p:txBody>
            <a:bodyPr rtlCol="0" anchor="ctr"/>
            <a:lstStyle/>
            <a:p>
              <a:endParaRPr lang="en-AU"/>
            </a:p>
          </p:txBody>
        </p:sp>
        <p:grpSp>
          <p:nvGrpSpPr>
            <p:cNvPr id="20" name="Graphic 2">
              <a:extLst>
                <a:ext uri="{FF2B5EF4-FFF2-40B4-BE49-F238E27FC236}">
                  <a16:creationId xmlns:a16="http://schemas.microsoft.com/office/drawing/2014/main" id="{F353493A-E758-2005-F852-C764381D88F0}"/>
                </a:ext>
              </a:extLst>
            </p:cNvPr>
            <p:cNvGrpSpPr/>
            <p:nvPr/>
          </p:nvGrpSpPr>
          <p:grpSpPr>
            <a:xfrm>
              <a:off x="3672734" y="1862954"/>
              <a:ext cx="613556" cy="663110"/>
              <a:chOff x="3672734" y="1862954"/>
              <a:chExt cx="613556" cy="663110"/>
            </a:xfrm>
            <a:solidFill>
              <a:srgbClr val="265A9A"/>
            </a:solidFill>
          </p:grpSpPr>
          <p:sp>
            <p:nvSpPr>
              <p:cNvPr id="21" name="Freeform: Shape 20">
                <a:extLst>
                  <a:ext uri="{FF2B5EF4-FFF2-40B4-BE49-F238E27FC236}">
                    <a16:creationId xmlns:a16="http://schemas.microsoft.com/office/drawing/2014/main" id="{8487BE61-E673-42C0-D9E3-5A1C795F1833}"/>
                  </a:ext>
                </a:extLst>
              </p:cNvPr>
              <p:cNvSpPr/>
              <p:nvPr/>
            </p:nvSpPr>
            <p:spPr>
              <a:xfrm>
                <a:off x="3672734" y="1862954"/>
                <a:ext cx="491652" cy="345450"/>
              </a:xfrm>
              <a:custGeom>
                <a:avLst/>
                <a:gdLst>
                  <a:gd name="connsiteX0" fmla="*/ 185418 w 491652"/>
                  <a:gd name="connsiteY0" fmla="*/ 298893 h 345450"/>
                  <a:gd name="connsiteX1" fmla="*/ 182144 w 491652"/>
                  <a:gd name="connsiteY1" fmla="*/ 252577 h 345450"/>
                  <a:gd name="connsiteX2" fmla="*/ 179719 w 491652"/>
                  <a:gd name="connsiteY2" fmla="*/ 231845 h 345450"/>
                  <a:gd name="connsiteX3" fmla="*/ 187479 w 491652"/>
                  <a:gd name="connsiteY3" fmla="*/ 205171 h 345450"/>
                  <a:gd name="connsiteX4" fmla="*/ 197663 w 491652"/>
                  <a:gd name="connsiteY4" fmla="*/ 203595 h 345450"/>
                  <a:gd name="connsiteX5" fmla="*/ 215365 w 491652"/>
                  <a:gd name="connsiteY5" fmla="*/ 203110 h 345450"/>
                  <a:gd name="connsiteX6" fmla="*/ 265318 w 491652"/>
                  <a:gd name="connsiteY6" fmla="*/ 260580 h 345450"/>
                  <a:gd name="connsiteX7" fmla="*/ 300721 w 491652"/>
                  <a:gd name="connsiteY7" fmla="*/ 312714 h 345450"/>
                  <a:gd name="connsiteX8" fmla="*/ 329092 w 491652"/>
                  <a:gd name="connsiteY8" fmla="*/ 334781 h 345450"/>
                  <a:gd name="connsiteX9" fmla="*/ 339519 w 491652"/>
                  <a:gd name="connsiteY9" fmla="*/ 336236 h 345450"/>
                  <a:gd name="connsiteX10" fmla="*/ 363647 w 491652"/>
                  <a:gd name="connsiteY10" fmla="*/ 328598 h 345450"/>
                  <a:gd name="connsiteX11" fmla="*/ 376983 w 491652"/>
                  <a:gd name="connsiteY11" fmla="*/ 314412 h 345450"/>
                  <a:gd name="connsiteX12" fmla="*/ 378317 w 491652"/>
                  <a:gd name="connsiteY12" fmla="*/ 316231 h 345450"/>
                  <a:gd name="connsiteX13" fmla="*/ 408871 w 491652"/>
                  <a:gd name="connsiteY13" fmla="*/ 333447 h 345450"/>
                  <a:gd name="connsiteX14" fmla="*/ 413842 w 491652"/>
                  <a:gd name="connsiteY14" fmla="*/ 333690 h 345450"/>
                  <a:gd name="connsiteX15" fmla="*/ 442577 w 491652"/>
                  <a:gd name="connsiteY15" fmla="*/ 323020 h 345450"/>
                  <a:gd name="connsiteX16" fmla="*/ 456641 w 491652"/>
                  <a:gd name="connsiteY16" fmla="*/ 283616 h 345450"/>
                  <a:gd name="connsiteX17" fmla="*/ 462097 w 491652"/>
                  <a:gd name="connsiteY17" fmla="*/ 282646 h 345450"/>
                  <a:gd name="connsiteX18" fmla="*/ 488286 w 491652"/>
                  <a:gd name="connsiteY18" fmla="*/ 259731 h 345450"/>
                  <a:gd name="connsiteX19" fmla="*/ 471675 w 491652"/>
                  <a:gd name="connsiteY19" fmla="*/ 203958 h 345450"/>
                  <a:gd name="connsiteX20" fmla="*/ 412144 w 491652"/>
                  <a:gd name="connsiteY20" fmla="*/ 150126 h 345450"/>
                  <a:gd name="connsiteX21" fmla="*/ 344005 w 491652"/>
                  <a:gd name="connsiteY21" fmla="*/ 93869 h 345450"/>
                  <a:gd name="connsiteX22" fmla="*/ 340974 w 491652"/>
                  <a:gd name="connsiteY22" fmla="*/ 91929 h 345450"/>
                  <a:gd name="connsiteX23" fmla="*/ 203725 w 491652"/>
                  <a:gd name="connsiteY23" fmla="*/ 27184 h 345450"/>
                  <a:gd name="connsiteX24" fmla="*/ 190510 w 491652"/>
                  <a:gd name="connsiteY24" fmla="*/ 10695 h 345450"/>
                  <a:gd name="connsiteX25" fmla="*/ 174748 w 491652"/>
                  <a:gd name="connsiteY25" fmla="*/ 268 h 345450"/>
                  <a:gd name="connsiteX26" fmla="*/ 164321 w 491652"/>
                  <a:gd name="connsiteY26" fmla="*/ 16030 h 345450"/>
                  <a:gd name="connsiteX27" fmla="*/ 188570 w 491652"/>
                  <a:gd name="connsiteY27" fmla="*/ 49130 h 345450"/>
                  <a:gd name="connsiteX28" fmla="*/ 328364 w 491652"/>
                  <a:gd name="connsiteY28" fmla="*/ 115571 h 345450"/>
                  <a:gd name="connsiteX29" fmla="*/ 394564 w 491652"/>
                  <a:gd name="connsiteY29" fmla="*/ 170252 h 345450"/>
                  <a:gd name="connsiteX30" fmla="*/ 454095 w 491652"/>
                  <a:gd name="connsiteY30" fmla="*/ 224206 h 345450"/>
                  <a:gd name="connsiteX31" fmla="*/ 463431 w 491652"/>
                  <a:gd name="connsiteY31" fmla="*/ 249667 h 345450"/>
                  <a:gd name="connsiteX32" fmla="*/ 454216 w 491652"/>
                  <a:gd name="connsiteY32" fmla="*/ 257185 h 345450"/>
                  <a:gd name="connsiteX33" fmla="*/ 440515 w 491652"/>
                  <a:gd name="connsiteY33" fmla="*/ 255245 h 345450"/>
                  <a:gd name="connsiteX34" fmla="*/ 370679 w 491652"/>
                  <a:gd name="connsiteY34" fmla="*/ 202625 h 345450"/>
                  <a:gd name="connsiteX35" fmla="*/ 275987 w 491652"/>
                  <a:gd name="connsiteY35" fmla="*/ 175709 h 345450"/>
                  <a:gd name="connsiteX36" fmla="*/ 274047 w 491652"/>
                  <a:gd name="connsiteY36" fmla="*/ 175709 h 345450"/>
                  <a:gd name="connsiteX37" fmla="*/ 196208 w 491652"/>
                  <a:gd name="connsiteY37" fmla="*/ 177163 h 345450"/>
                  <a:gd name="connsiteX38" fmla="*/ 163836 w 491652"/>
                  <a:gd name="connsiteY38" fmla="*/ 192319 h 345450"/>
                  <a:gd name="connsiteX39" fmla="*/ 152924 w 491652"/>
                  <a:gd name="connsiteY39" fmla="*/ 228935 h 345450"/>
                  <a:gd name="connsiteX40" fmla="*/ 155713 w 491652"/>
                  <a:gd name="connsiteY40" fmla="*/ 258397 h 345450"/>
                  <a:gd name="connsiteX41" fmla="*/ 158622 w 491652"/>
                  <a:gd name="connsiteY41" fmla="*/ 296104 h 345450"/>
                  <a:gd name="connsiteX42" fmla="*/ 144679 w 491652"/>
                  <a:gd name="connsiteY42" fmla="*/ 315503 h 345450"/>
                  <a:gd name="connsiteX43" fmla="*/ 130979 w 491652"/>
                  <a:gd name="connsiteY43" fmla="*/ 319019 h 345450"/>
                  <a:gd name="connsiteX44" fmla="*/ 114490 w 491652"/>
                  <a:gd name="connsiteY44" fmla="*/ 258155 h 345450"/>
                  <a:gd name="connsiteX45" fmla="*/ 102123 w 491652"/>
                  <a:gd name="connsiteY45" fmla="*/ 210506 h 345450"/>
                  <a:gd name="connsiteX46" fmla="*/ 88543 w 491652"/>
                  <a:gd name="connsiteY46" fmla="*/ 180801 h 345450"/>
                  <a:gd name="connsiteX47" fmla="*/ 73630 w 491652"/>
                  <a:gd name="connsiteY47" fmla="*/ 148065 h 345450"/>
                  <a:gd name="connsiteX48" fmla="*/ 68417 w 491652"/>
                  <a:gd name="connsiteY48" fmla="*/ 114965 h 345450"/>
                  <a:gd name="connsiteX49" fmla="*/ 65022 w 491652"/>
                  <a:gd name="connsiteY49" fmla="*/ 88049 h 345450"/>
                  <a:gd name="connsiteX50" fmla="*/ 22586 w 491652"/>
                  <a:gd name="connsiteY50" fmla="*/ 34338 h 345450"/>
                  <a:gd name="connsiteX51" fmla="*/ 3672 w 491652"/>
                  <a:gd name="connsiteY51" fmla="*/ 34823 h 345450"/>
                  <a:gd name="connsiteX52" fmla="*/ 4157 w 491652"/>
                  <a:gd name="connsiteY52" fmla="*/ 53616 h 345450"/>
                  <a:gd name="connsiteX53" fmla="*/ 39682 w 491652"/>
                  <a:gd name="connsiteY53" fmla="*/ 96657 h 345450"/>
                  <a:gd name="connsiteX54" fmla="*/ 41622 w 491652"/>
                  <a:gd name="connsiteY54" fmla="*/ 115208 h 345450"/>
                  <a:gd name="connsiteX55" fmla="*/ 48654 w 491652"/>
                  <a:gd name="connsiteY55" fmla="*/ 157886 h 345450"/>
                  <a:gd name="connsiteX56" fmla="*/ 64537 w 491652"/>
                  <a:gd name="connsiteY56" fmla="*/ 192804 h 345450"/>
                  <a:gd name="connsiteX57" fmla="*/ 77146 w 491652"/>
                  <a:gd name="connsiteY57" fmla="*/ 220448 h 345450"/>
                  <a:gd name="connsiteX58" fmla="*/ 88180 w 491652"/>
                  <a:gd name="connsiteY58" fmla="*/ 263489 h 345450"/>
                  <a:gd name="connsiteX59" fmla="*/ 107579 w 491652"/>
                  <a:gd name="connsiteY59" fmla="*/ 332599 h 345450"/>
                  <a:gd name="connsiteX60" fmla="*/ 109397 w 491652"/>
                  <a:gd name="connsiteY60" fmla="*/ 335630 h 345450"/>
                  <a:gd name="connsiteX61" fmla="*/ 132676 w 491652"/>
                  <a:gd name="connsiteY61" fmla="*/ 345451 h 345450"/>
                  <a:gd name="connsiteX62" fmla="*/ 145892 w 491652"/>
                  <a:gd name="connsiteY62" fmla="*/ 343511 h 345450"/>
                  <a:gd name="connsiteX63" fmla="*/ 184933 w 491652"/>
                  <a:gd name="connsiteY63" fmla="*/ 299256 h 345450"/>
                  <a:gd name="connsiteX64" fmla="*/ 425360 w 491652"/>
                  <a:gd name="connsiteY64" fmla="*/ 276705 h 345450"/>
                  <a:gd name="connsiteX65" fmla="*/ 425845 w 491652"/>
                  <a:gd name="connsiteY65" fmla="*/ 276947 h 345450"/>
                  <a:gd name="connsiteX66" fmla="*/ 425481 w 491652"/>
                  <a:gd name="connsiteY66" fmla="*/ 302651 h 345450"/>
                  <a:gd name="connsiteX67" fmla="*/ 412023 w 491652"/>
                  <a:gd name="connsiteY67" fmla="*/ 306774 h 345450"/>
                  <a:gd name="connsiteX68" fmla="*/ 399899 w 491652"/>
                  <a:gd name="connsiteY68" fmla="*/ 300105 h 345450"/>
                  <a:gd name="connsiteX69" fmla="*/ 362434 w 491652"/>
                  <a:gd name="connsiteY69" fmla="*/ 244939 h 345450"/>
                  <a:gd name="connsiteX70" fmla="*/ 338913 w 491652"/>
                  <a:gd name="connsiteY70" fmla="*/ 220933 h 345450"/>
                  <a:gd name="connsiteX71" fmla="*/ 359161 w 491652"/>
                  <a:gd name="connsiteY71" fmla="*/ 226752 h 345450"/>
                  <a:gd name="connsiteX72" fmla="*/ 425481 w 491652"/>
                  <a:gd name="connsiteY72" fmla="*/ 276705 h 345450"/>
                  <a:gd name="connsiteX73" fmla="*/ 287020 w 491652"/>
                  <a:gd name="connsiteY73" fmla="*/ 206141 h 345450"/>
                  <a:gd name="connsiteX74" fmla="*/ 340732 w 491652"/>
                  <a:gd name="connsiteY74" fmla="*/ 260580 h 345450"/>
                  <a:gd name="connsiteX75" fmla="*/ 352856 w 491652"/>
                  <a:gd name="connsiteY75" fmla="*/ 279009 h 345450"/>
                  <a:gd name="connsiteX76" fmla="*/ 348976 w 491652"/>
                  <a:gd name="connsiteY76" fmla="*/ 306289 h 345450"/>
                  <a:gd name="connsiteX77" fmla="*/ 336367 w 491652"/>
                  <a:gd name="connsiteY77" fmla="*/ 308956 h 345450"/>
                  <a:gd name="connsiteX78" fmla="*/ 323030 w 491652"/>
                  <a:gd name="connsiteY78" fmla="*/ 297680 h 345450"/>
                  <a:gd name="connsiteX79" fmla="*/ 287020 w 491652"/>
                  <a:gd name="connsiteY79" fmla="*/ 244696 h 345450"/>
                  <a:gd name="connsiteX80" fmla="*/ 250283 w 491652"/>
                  <a:gd name="connsiteY80" fmla="*/ 202382 h 345450"/>
                  <a:gd name="connsiteX81" fmla="*/ 272835 w 491652"/>
                  <a:gd name="connsiteY81" fmla="*/ 202140 h 345450"/>
                  <a:gd name="connsiteX82" fmla="*/ 287020 w 491652"/>
                  <a:gd name="connsiteY82" fmla="*/ 206141 h 345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491652" h="345450">
                    <a:moveTo>
                      <a:pt x="185418" y="298893"/>
                    </a:moveTo>
                    <a:cubicBezTo>
                      <a:pt x="187721" y="279251"/>
                      <a:pt x="184690" y="264459"/>
                      <a:pt x="182144" y="252577"/>
                    </a:cubicBezTo>
                    <a:cubicBezTo>
                      <a:pt x="180447" y="244333"/>
                      <a:pt x="178992" y="237907"/>
                      <a:pt x="179719" y="231845"/>
                    </a:cubicBezTo>
                    <a:cubicBezTo>
                      <a:pt x="180689" y="223721"/>
                      <a:pt x="183356" y="214749"/>
                      <a:pt x="187479" y="205171"/>
                    </a:cubicBezTo>
                    <a:cubicBezTo>
                      <a:pt x="189176" y="204565"/>
                      <a:pt x="192692" y="203716"/>
                      <a:pt x="197663" y="203595"/>
                    </a:cubicBezTo>
                    <a:cubicBezTo>
                      <a:pt x="202270" y="203352"/>
                      <a:pt x="208454" y="203231"/>
                      <a:pt x="215365" y="203110"/>
                    </a:cubicBezTo>
                    <a:lnTo>
                      <a:pt x="265318" y="260580"/>
                    </a:lnTo>
                    <a:cubicBezTo>
                      <a:pt x="268591" y="265429"/>
                      <a:pt x="289809" y="296347"/>
                      <a:pt x="300721" y="312714"/>
                    </a:cubicBezTo>
                    <a:cubicBezTo>
                      <a:pt x="308359" y="324111"/>
                      <a:pt x="318180" y="331750"/>
                      <a:pt x="329092" y="334781"/>
                    </a:cubicBezTo>
                    <a:cubicBezTo>
                      <a:pt x="332487" y="335751"/>
                      <a:pt x="336003" y="336236"/>
                      <a:pt x="339519" y="336236"/>
                    </a:cubicBezTo>
                    <a:cubicBezTo>
                      <a:pt x="347764" y="336236"/>
                      <a:pt x="356008" y="333690"/>
                      <a:pt x="363647" y="328598"/>
                    </a:cubicBezTo>
                    <a:cubicBezTo>
                      <a:pt x="369466" y="324718"/>
                      <a:pt x="373831" y="319868"/>
                      <a:pt x="376983" y="314412"/>
                    </a:cubicBezTo>
                    <a:cubicBezTo>
                      <a:pt x="377469" y="315018"/>
                      <a:pt x="377953" y="315746"/>
                      <a:pt x="378317" y="316231"/>
                    </a:cubicBezTo>
                    <a:cubicBezTo>
                      <a:pt x="385471" y="325809"/>
                      <a:pt x="396625" y="332114"/>
                      <a:pt x="408871" y="333447"/>
                    </a:cubicBezTo>
                    <a:cubicBezTo>
                      <a:pt x="410568" y="333569"/>
                      <a:pt x="412144" y="333690"/>
                      <a:pt x="413842" y="333690"/>
                    </a:cubicBezTo>
                    <a:cubicBezTo>
                      <a:pt x="424390" y="333690"/>
                      <a:pt x="434453" y="329931"/>
                      <a:pt x="442577" y="323020"/>
                    </a:cubicBezTo>
                    <a:cubicBezTo>
                      <a:pt x="454216" y="313078"/>
                      <a:pt x="458945" y="298287"/>
                      <a:pt x="456641" y="283616"/>
                    </a:cubicBezTo>
                    <a:cubicBezTo>
                      <a:pt x="458460" y="283373"/>
                      <a:pt x="460278" y="283131"/>
                      <a:pt x="462097" y="282646"/>
                    </a:cubicBezTo>
                    <a:cubicBezTo>
                      <a:pt x="474100" y="279130"/>
                      <a:pt x="483921" y="270522"/>
                      <a:pt x="488286" y="259731"/>
                    </a:cubicBezTo>
                    <a:cubicBezTo>
                      <a:pt x="496288" y="240332"/>
                      <a:pt x="489740" y="218750"/>
                      <a:pt x="471675" y="203958"/>
                    </a:cubicBezTo>
                    <a:lnTo>
                      <a:pt x="412144" y="150126"/>
                    </a:lnTo>
                    <a:lnTo>
                      <a:pt x="344005" y="93869"/>
                    </a:lnTo>
                    <a:lnTo>
                      <a:pt x="340974" y="91929"/>
                    </a:lnTo>
                    <a:cubicBezTo>
                      <a:pt x="293810" y="70954"/>
                      <a:pt x="214759" y="34823"/>
                      <a:pt x="203725" y="27184"/>
                    </a:cubicBezTo>
                    <a:cubicBezTo>
                      <a:pt x="192813" y="19667"/>
                      <a:pt x="190510" y="10816"/>
                      <a:pt x="190510" y="10695"/>
                    </a:cubicBezTo>
                    <a:cubicBezTo>
                      <a:pt x="189055" y="3420"/>
                      <a:pt x="182023" y="-1187"/>
                      <a:pt x="174748" y="268"/>
                    </a:cubicBezTo>
                    <a:cubicBezTo>
                      <a:pt x="167473" y="1723"/>
                      <a:pt x="162866" y="8755"/>
                      <a:pt x="164321" y="16030"/>
                    </a:cubicBezTo>
                    <a:cubicBezTo>
                      <a:pt x="164685" y="17970"/>
                      <a:pt x="168807" y="35550"/>
                      <a:pt x="188570" y="49130"/>
                    </a:cubicBezTo>
                    <a:cubicBezTo>
                      <a:pt x="204695" y="60284"/>
                      <a:pt x="309693" y="107205"/>
                      <a:pt x="328364" y="115571"/>
                    </a:cubicBezTo>
                    <a:lnTo>
                      <a:pt x="394564" y="170252"/>
                    </a:lnTo>
                    <a:lnTo>
                      <a:pt x="454095" y="224206"/>
                    </a:lnTo>
                    <a:cubicBezTo>
                      <a:pt x="458581" y="227843"/>
                      <a:pt x="468402" y="237664"/>
                      <a:pt x="463431" y="249667"/>
                    </a:cubicBezTo>
                    <a:cubicBezTo>
                      <a:pt x="462097" y="253062"/>
                      <a:pt x="458581" y="255851"/>
                      <a:pt x="454216" y="257185"/>
                    </a:cubicBezTo>
                    <a:cubicBezTo>
                      <a:pt x="451306" y="258033"/>
                      <a:pt x="445729" y="258882"/>
                      <a:pt x="440515" y="255245"/>
                    </a:cubicBezTo>
                    <a:lnTo>
                      <a:pt x="370679" y="202625"/>
                    </a:lnTo>
                    <a:lnTo>
                      <a:pt x="275987" y="175709"/>
                    </a:lnTo>
                    <a:lnTo>
                      <a:pt x="274047" y="175709"/>
                    </a:lnTo>
                    <a:cubicBezTo>
                      <a:pt x="271744" y="175709"/>
                      <a:pt x="217547" y="176315"/>
                      <a:pt x="196208" y="177163"/>
                    </a:cubicBezTo>
                    <a:cubicBezTo>
                      <a:pt x="184448" y="177648"/>
                      <a:pt x="169171" y="180679"/>
                      <a:pt x="163836" y="192319"/>
                    </a:cubicBezTo>
                    <a:cubicBezTo>
                      <a:pt x="157895" y="205171"/>
                      <a:pt x="154258" y="217416"/>
                      <a:pt x="152924" y="228935"/>
                    </a:cubicBezTo>
                    <a:cubicBezTo>
                      <a:pt x="151712" y="239362"/>
                      <a:pt x="153651" y="248576"/>
                      <a:pt x="155713" y="258397"/>
                    </a:cubicBezTo>
                    <a:cubicBezTo>
                      <a:pt x="158016" y="269430"/>
                      <a:pt x="160441" y="280706"/>
                      <a:pt x="158622" y="296104"/>
                    </a:cubicBezTo>
                    <a:cubicBezTo>
                      <a:pt x="157289" y="307259"/>
                      <a:pt x="149287" y="312957"/>
                      <a:pt x="144679" y="315503"/>
                    </a:cubicBezTo>
                    <a:cubicBezTo>
                      <a:pt x="138375" y="318777"/>
                      <a:pt x="133040" y="319140"/>
                      <a:pt x="130979" y="319019"/>
                    </a:cubicBezTo>
                    <a:cubicBezTo>
                      <a:pt x="122856" y="299378"/>
                      <a:pt x="118612" y="278402"/>
                      <a:pt x="114490" y="258155"/>
                    </a:cubicBezTo>
                    <a:cubicBezTo>
                      <a:pt x="110974" y="240817"/>
                      <a:pt x="107579" y="224449"/>
                      <a:pt x="102123" y="210506"/>
                    </a:cubicBezTo>
                    <a:cubicBezTo>
                      <a:pt x="97152" y="197896"/>
                      <a:pt x="92787" y="189167"/>
                      <a:pt x="88543" y="180801"/>
                    </a:cubicBezTo>
                    <a:cubicBezTo>
                      <a:pt x="84057" y="171950"/>
                      <a:pt x="79450" y="162735"/>
                      <a:pt x="73630" y="148065"/>
                    </a:cubicBezTo>
                    <a:cubicBezTo>
                      <a:pt x="68659" y="135455"/>
                      <a:pt x="68538" y="125028"/>
                      <a:pt x="68417" y="114965"/>
                    </a:cubicBezTo>
                    <a:cubicBezTo>
                      <a:pt x="68417" y="106357"/>
                      <a:pt x="68296" y="97385"/>
                      <a:pt x="65022" y="88049"/>
                    </a:cubicBezTo>
                    <a:cubicBezTo>
                      <a:pt x="58475" y="69014"/>
                      <a:pt x="28528" y="39915"/>
                      <a:pt x="22586" y="34338"/>
                    </a:cubicBezTo>
                    <a:cubicBezTo>
                      <a:pt x="17252" y="29245"/>
                      <a:pt x="8765" y="29488"/>
                      <a:pt x="3672" y="34823"/>
                    </a:cubicBezTo>
                    <a:cubicBezTo>
                      <a:pt x="-1420" y="40157"/>
                      <a:pt x="-1177" y="48644"/>
                      <a:pt x="4157" y="53616"/>
                    </a:cubicBezTo>
                    <a:cubicBezTo>
                      <a:pt x="17009" y="65740"/>
                      <a:pt x="36530" y="87200"/>
                      <a:pt x="39682" y="96657"/>
                    </a:cubicBezTo>
                    <a:cubicBezTo>
                      <a:pt x="41500" y="101871"/>
                      <a:pt x="41500" y="107691"/>
                      <a:pt x="41622" y="115208"/>
                    </a:cubicBezTo>
                    <a:cubicBezTo>
                      <a:pt x="41622" y="126605"/>
                      <a:pt x="41865" y="140669"/>
                      <a:pt x="48654" y="157886"/>
                    </a:cubicBezTo>
                    <a:cubicBezTo>
                      <a:pt x="54959" y="173647"/>
                      <a:pt x="59808" y="183347"/>
                      <a:pt x="64537" y="192804"/>
                    </a:cubicBezTo>
                    <a:cubicBezTo>
                      <a:pt x="68659" y="201049"/>
                      <a:pt x="72539" y="208808"/>
                      <a:pt x="77146" y="220448"/>
                    </a:cubicBezTo>
                    <a:cubicBezTo>
                      <a:pt x="81754" y="232087"/>
                      <a:pt x="84906" y="247364"/>
                      <a:pt x="88180" y="263489"/>
                    </a:cubicBezTo>
                    <a:cubicBezTo>
                      <a:pt x="92545" y="285071"/>
                      <a:pt x="97637" y="309562"/>
                      <a:pt x="107579" y="332599"/>
                    </a:cubicBezTo>
                    <a:lnTo>
                      <a:pt x="109397" y="335630"/>
                    </a:lnTo>
                    <a:cubicBezTo>
                      <a:pt x="114490" y="342056"/>
                      <a:pt x="122856" y="345451"/>
                      <a:pt x="132676" y="345451"/>
                    </a:cubicBezTo>
                    <a:cubicBezTo>
                      <a:pt x="136920" y="345451"/>
                      <a:pt x="141406" y="344844"/>
                      <a:pt x="145892" y="343511"/>
                    </a:cubicBezTo>
                    <a:cubicBezTo>
                      <a:pt x="162017" y="338903"/>
                      <a:pt x="181901" y="324597"/>
                      <a:pt x="184933" y="299256"/>
                    </a:cubicBezTo>
                    <a:close/>
                    <a:moveTo>
                      <a:pt x="425360" y="276705"/>
                    </a:moveTo>
                    <a:cubicBezTo>
                      <a:pt x="425360" y="276705"/>
                      <a:pt x="425724" y="276826"/>
                      <a:pt x="425845" y="276947"/>
                    </a:cubicBezTo>
                    <a:cubicBezTo>
                      <a:pt x="433241" y="287253"/>
                      <a:pt x="431422" y="297559"/>
                      <a:pt x="425481" y="302651"/>
                    </a:cubicBezTo>
                    <a:cubicBezTo>
                      <a:pt x="421723" y="305925"/>
                      <a:pt x="416994" y="307380"/>
                      <a:pt x="412023" y="306774"/>
                    </a:cubicBezTo>
                    <a:cubicBezTo>
                      <a:pt x="407052" y="306289"/>
                      <a:pt x="402687" y="303743"/>
                      <a:pt x="399899" y="300105"/>
                    </a:cubicBezTo>
                    <a:cubicBezTo>
                      <a:pt x="387411" y="283616"/>
                      <a:pt x="362677" y="245303"/>
                      <a:pt x="362434" y="244939"/>
                    </a:cubicBezTo>
                    <a:lnTo>
                      <a:pt x="338913" y="220933"/>
                    </a:lnTo>
                    <a:lnTo>
                      <a:pt x="359161" y="226752"/>
                    </a:lnTo>
                    <a:lnTo>
                      <a:pt x="425481" y="276705"/>
                    </a:lnTo>
                    <a:close/>
                    <a:moveTo>
                      <a:pt x="287020" y="206141"/>
                    </a:moveTo>
                    <a:lnTo>
                      <a:pt x="340732" y="260580"/>
                    </a:lnTo>
                    <a:cubicBezTo>
                      <a:pt x="342550" y="263368"/>
                      <a:pt x="347157" y="270522"/>
                      <a:pt x="352856" y="279009"/>
                    </a:cubicBezTo>
                    <a:cubicBezTo>
                      <a:pt x="358191" y="287617"/>
                      <a:pt x="358191" y="300105"/>
                      <a:pt x="348976" y="306289"/>
                    </a:cubicBezTo>
                    <a:cubicBezTo>
                      <a:pt x="344611" y="309198"/>
                      <a:pt x="340489" y="310047"/>
                      <a:pt x="336367" y="308956"/>
                    </a:cubicBezTo>
                    <a:cubicBezTo>
                      <a:pt x="331638" y="307622"/>
                      <a:pt x="327031" y="303743"/>
                      <a:pt x="323030" y="297680"/>
                    </a:cubicBezTo>
                    <a:cubicBezTo>
                      <a:pt x="311148" y="279857"/>
                      <a:pt x="287020" y="244696"/>
                      <a:pt x="287020" y="244696"/>
                    </a:cubicBezTo>
                    <a:lnTo>
                      <a:pt x="250283" y="202382"/>
                    </a:lnTo>
                    <a:cubicBezTo>
                      <a:pt x="260589" y="202261"/>
                      <a:pt x="269198" y="202140"/>
                      <a:pt x="272835" y="202140"/>
                    </a:cubicBezTo>
                    <a:lnTo>
                      <a:pt x="287020" y="206141"/>
                    </a:lnTo>
                    <a:close/>
                  </a:path>
                </a:pathLst>
              </a:custGeom>
              <a:solidFill>
                <a:schemeClr val="bg2"/>
              </a:solidFill>
              <a:ln w="12102" cap="flat">
                <a:noFill/>
                <a:prstDash val="solid"/>
                <a:miter/>
              </a:ln>
            </p:spPr>
            <p:txBody>
              <a:bodyPr rtlCol="0" anchor="ctr"/>
              <a:lstStyle/>
              <a:p>
                <a:endParaRPr lang="en-AU"/>
              </a:p>
            </p:txBody>
          </p:sp>
          <p:sp>
            <p:nvSpPr>
              <p:cNvPr id="22" name="Freeform: Shape 21">
                <a:extLst>
                  <a:ext uri="{FF2B5EF4-FFF2-40B4-BE49-F238E27FC236}">
                    <a16:creationId xmlns:a16="http://schemas.microsoft.com/office/drawing/2014/main" id="{F2C64F14-77DC-3A39-5BC8-4217CA19EAB1}"/>
                  </a:ext>
                </a:extLst>
              </p:cNvPr>
              <p:cNvSpPr/>
              <p:nvPr/>
            </p:nvSpPr>
            <p:spPr>
              <a:xfrm>
                <a:off x="3838816" y="2193987"/>
                <a:ext cx="447474" cy="332077"/>
              </a:xfrm>
              <a:custGeom>
                <a:avLst/>
                <a:gdLst>
                  <a:gd name="connsiteX0" fmla="*/ 445266 w 447474"/>
                  <a:gd name="connsiteY0" fmla="*/ 310981 h 332077"/>
                  <a:gd name="connsiteX1" fmla="*/ 418107 w 447474"/>
                  <a:gd name="connsiteY1" fmla="*/ 262241 h 332077"/>
                  <a:gd name="connsiteX2" fmla="*/ 419562 w 447474"/>
                  <a:gd name="connsiteY2" fmla="*/ 243691 h 332077"/>
                  <a:gd name="connsiteX3" fmla="*/ 420411 w 447474"/>
                  <a:gd name="connsiteY3" fmla="*/ 200528 h 332077"/>
                  <a:gd name="connsiteX4" fmla="*/ 411196 w 447474"/>
                  <a:gd name="connsiteY4" fmla="*/ 163306 h 332077"/>
                  <a:gd name="connsiteX5" fmla="*/ 403801 w 447474"/>
                  <a:gd name="connsiteY5" fmla="*/ 133843 h 332077"/>
                  <a:gd name="connsiteX6" fmla="*/ 400770 w 447474"/>
                  <a:gd name="connsiteY6" fmla="*/ 89468 h 332077"/>
                  <a:gd name="connsiteX7" fmla="*/ 394222 w 447474"/>
                  <a:gd name="connsiteY7" fmla="*/ 17934 h 332077"/>
                  <a:gd name="connsiteX8" fmla="*/ 393010 w 447474"/>
                  <a:gd name="connsiteY8" fmla="*/ 14660 h 332077"/>
                  <a:gd name="connsiteX9" fmla="*/ 358577 w 447474"/>
                  <a:gd name="connsiteY9" fmla="*/ 232 h 332077"/>
                  <a:gd name="connsiteX10" fmla="*/ 312140 w 447474"/>
                  <a:gd name="connsiteY10" fmla="*/ 36605 h 332077"/>
                  <a:gd name="connsiteX11" fmla="*/ 306927 w 447474"/>
                  <a:gd name="connsiteY11" fmla="*/ 82800 h 332077"/>
                  <a:gd name="connsiteX12" fmla="*/ 305471 w 447474"/>
                  <a:gd name="connsiteY12" fmla="*/ 103654 h 332077"/>
                  <a:gd name="connsiteX13" fmla="*/ 292983 w 447474"/>
                  <a:gd name="connsiteY13" fmla="*/ 128387 h 332077"/>
                  <a:gd name="connsiteX14" fmla="*/ 282678 w 447474"/>
                  <a:gd name="connsiteY14" fmla="*/ 128145 h 332077"/>
                  <a:gd name="connsiteX15" fmla="*/ 211143 w 447474"/>
                  <a:gd name="connsiteY15" fmla="*/ 116263 h 332077"/>
                  <a:gd name="connsiteX16" fmla="*/ 180954 w 447474"/>
                  <a:gd name="connsiteY16" fmla="*/ 82800 h 332077"/>
                  <a:gd name="connsiteX17" fmla="*/ 150279 w 447474"/>
                  <a:gd name="connsiteY17" fmla="*/ 29573 h 332077"/>
                  <a:gd name="connsiteX18" fmla="*/ 92567 w 447474"/>
                  <a:gd name="connsiteY18" fmla="*/ 11872 h 332077"/>
                  <a:gd name="connsiteX19" fmla="*/ 73774 w 447474"/>
                  <a:gd name="connsiteY19" fmla="*/ 16358 h 332077"/>
                  <a:gd name="connsiteX20" fmla="*/ 72319 w 447474"/>
                  <a:gd name="connsiteY20" fmla="*/ 14781 h 332077"/>
                  <a:gd name="connsiteX21" fmla="*/ 37037 w 447474"/>
                  <a:gd name="connsiteY21" fmla="*/ 2293 h 332077"/>
                  <a:gd name="connsiteX22" fmla="*/ 7090 w 447474"/>
                  <a:gd name="connsiteY22" fmla="*/ 19995 h 332077"/>
                  <a:gd name="connsiteX23" fmla="*/ 13273 w 447474"/>
                  <a:gd name="connsiteY23" fmla="*/ 77828 h 332077"/>
                  <a:gd name="connsiteX24" fmla="*/ 62013 w 447474"/>
                  <a:gd name="connsiteY24" fmla="*/ 141603 h 332077"/>
                  <a:gd name="connsiteX25" fmla="*/ 118755 w 447474"/>
                  <a:gd name="connsiteY25" fmla="*/ 209257 h 332077"/>
                  <a:gd name="connsiteX26" fmla="*/ 121423 w 447474"/>
                  <a:gd name="connsiteY26" fmla="*/ 211682 h 332077"/>
                  <a:gd name="connsiteX27" fmla="*/ 244486 w 447474"/>
                  <a:gd name="connsiteY27" fmla="*/ 300433 h 332077"/>
                  <a:gd name="connsiteX28" fmla="*/ 254428 w 447474"/>
                  <a:gd name="connsiteY28" fmla="*/ 318983 h 332077"/>
                  <a:gd name="connsiteX29" fmla="*/ 268007 w 447474"/>
                  <a:gd name="connsiteY29" fmla="*/ 332078 h 332077"/>
                  <a:gd name="connsiteX30" fmla="*/ 281102 w 447474"/>
                  <a:gd name="connsiteY30" fmla="*/ 318498 h 332077"/>
                  <a:gd name="connsiteX31" fmla="*/ 263279 w 447474"/>
                  <a:gd name="connsiteY31" fmla="*/ 281519 h 332077"/>
                  <a:gd name="connsiteX32" fmla="*/ 137912 w 447474"/>
                  <a:gd name="connsiteY32" fmla="*/ 190707 h 332077"/>
                  <a:gd name="connsiteX33" fmla="*/ 82746 w 447474"/>
                  <a:gd name="connsiteY33" fmla="*/ 124871 h 332077"/>
                  <a:gd name="connsiteX34" fmla="*/ 34006 w 447474"/>
                  <a:gd name="connsiteY34" fmla="*/ 60976 h 332077"/>
                  <a:gd name="connsiteX35" fmla="*/ 29398 w 447474"/>
                  <a:gd name="connsiteY35" fmla="*/ 34302 h 332077"/>
                  <a:gd name="connsiteX36" fmla="*/ 39704 w 447474"/>
                  <a:gd name="connsiteY36" fmla="*/ 28603 h 332077"/>
                  <a:gd name="connsiteX37" fmla="*/ 52920 w 447474"/>
                  <a:gd name="connsiteY37" fmla="*/ 32968 h 332077"/>
                  <a:gd name="connsiteX38" fmla="*/ 111966 w 447474"/>
                  <a:gd name="connsiteY38" fmla="*/ 97470 h 332077"/>
                  <a:gd name="connsiteX39" fmla="*/ 198413 w 447474"/>
                  <a:gd name="connsiteY39" fmla="*/ 140391 h 332077"/>
                  <a:gd name="connsiteX40" fmla="*/ 198655 w 447474"/>
                  <a:gd name="connsiteY40" fmla="*/ 140391 h 332077"/>
                  <a:gd name="connsiteX41" fmla="*/ 199625 w 447474"/>
                  <a:gd name="connsiteY41" fmla="*/ 140754 h 332077"/>
                  <a:gd name="connsiteX42" fmla="*/ 202050 w 447474"/>
                  <a:gd name="connsiteY42" fmla="*/ 141603 h 332077"/>
                  <a:gd name="connsiteX43" fmla="*/ 278798 w 447474"/>
                  <a:gd name="connsiteY43" fmla="*/ 154334 h 332077"/>
                  <a:gd name="connsiteX44" fmla="*/ 313474 w 447474"/>
                  <a:gd name="connsiteY44" fmla="*/ 145361 h 332077"/>
                  <a:gd name="connsiteX45" fmla="*/ 330933 w 447474"/>
                  <a:gd name="connsiteY45" fmla="*/ 111292 h 332077"/>
                  <a:gd name="connsiteX46" fmla="*/ 333600 w 447474"/>
                  <a:gd name="connsiteY46" fmla="*/ 81830 h 332077"/>
                  <a:gd name="connsiteX47" fmla="*/ 337602 w 447474"/>
                  <a:gd name="connsiteY47" fmla="*/ 44244 h 332077"/>
                  <a:gd name="connsiteX48" fmla="*/ 354818 w 447474"/>
                  <a:gd name="connsiteY48" fmla="*/ 27755 h 332077"/>
                  <a:gd name="connsiteX49" fmla="*/ 368882 w 447474"/>
                  <a:gd name="connsiteY49" fmla="*/ 26785 h 332077"/>
                  <a:gd name="connsiteX50" fmla="*/ 373975 w 447474"/>
                  <a:gd name="connsiteY50" fmla="*/ 89589 h 332077"/>
                  <a:gd name="connsiteX51" fmla="*/ 377491 w 447474"/>
                  <a:gd name="connsiteY51" fmla="*/ 138693 h 332077"/>
                  <a:gd name="connsiteX52" fmla="*/ 385372 w 447474"/>
                  <a:gd name="connsiteY52" fmla="*/ 170338 h 332077"/>
                  <a:gd name="connsiteX53" fmla="*/ 393980 w 447474"/>
                  <a:gd name="connsiteY53" fmla="*/ 205377 h 332077"/>
                  <a:gd name="connsiteX54" fmla="*/ 393010 w 447474"/>
                  <a:gd name="connsiteY54" fmla="*/ 238841 h 332077"/>
                  <a:gd name="connsiteX55" fmla="*/ 391434 w 447474"/>
                  <a:gd name="connsiteY55" fmla="*/ 265878 h 332077"/>
                  <a:gd name="connsiteX56" fmla="*/ 423321 w 447474"/>
                  <a:gd name="connsiteY56" fmla="*/ 326500 h 332077"/>
                  <a:gd name="connsiteX57" fmla="*/ 434112 w 447474"/>
                  <a:gd name="connsiteY57" fmla="*/ 331956 h 332077"/>
                  <a:gd name="connsiteX58" fmla="*/ 441993 w 447474"/>
                  <a:gd name="connsiteY58" fmla="*/ 329410 h 332077"/>
                  <a:gd name="connsiteX59" fmla="*/ 444902 w 447474"/>
                  <a:gd name="connsiteY59" fmla="*/ 310739 h 332077"/>
                  <a:gd name="connsiteX60" fmla="*/ 94143 w 447474"/>
                  <a:gd name="connsiteY60" fmla="*/ 38545 h 332077"/>
                  <a:gd name="connsiteX61" fmla="*/ 95598 w 447474"/>
                  <a:gd name="connsiteY61" fmla="*/ 38303 h 332077"/>
                  <a:gd name="connsiteX62" fmla="*/ 130274 w 447474"/>
                  <a:gd name="connsiteY62" fmla="*/ 47275 h 332077"/>
                  <a:gd name="connsiteX63" fmla="*/ 154159 w 447474"/>
                  <a:gd name="connsiteY63" fmla="*/ 88862 h 332077"/>
                  <a:gd name="connsiteX64" fmla="*/ 128334 w 447474"/>
                  <a:gd name="connsiteY64" fmla="*/ 76010 h 332077"/>
                  <a:gd name="connsiteX65" fmla="*/ 94143 w 447474"/>
                  <a:gd name="connsiteY65" fmla="*/ 38545 h 332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47474" h="332077">
                    <a:moveTo>
                      <a:pt x="445266" y="310981"/>
                    </a:moveTo>
                    <a:cubicBezTo>
                      <a:pt x="434839" y="296674"/>
                      <a:pt x="419562" y="272062"/>
                      <a:pt x="418107" y="262241"/>
                    </a:cubicBezTo>
                    <a:cubicBezTo>
                      <a:pt x="417259" y="256785"/>
                      <a:pt x="418350" y="251086"/>
                      <a:pt x="419562" y="243691"/>
                    </a:cubicBezTo>
                    <a:cubicBezTo>
                      <a:pt x="421502" y="232536"/>
                      <a:pt x="423927" y="218593"/>
                      <a:pt x="420411" y="200528"/>
                    </a:cubicBezTo>
                    <a:cubicBezTo>
                      <a:pt x="417138" y="183796"/>
                      <a:pt x="414107" y="173369"/>
                      <a:pt x="411196" y="163306"/>
                    </a:cubicBezTo>
                    <a:cubicBezTo>
                      <a:pt x="408650" y="154455"/>
                      <a:pt x="406226" y="146089"/>
                      <a:pt x="403801" y="133843"/>
                    </a:cubicBezTo>
                    <a:cubicBezTo>
                      <a:pt x="401376" y="121476"/>
                      <a:pt x="401133" y="105957"/>
                      <a:pt x="400770" y="89468"/>
                    </a:cubicBezTo>
                    <a:cubicBezTo>
                      <a:pt x="400406" y="67401"/>
                      <a:pt x="399921" y="42425"/>
                      <a:pt x="394222" y="17934"/>
                    </a:cubicBezTo>
                    <a:lnTo>
                      <a:pt x="393010" y="14660"/>
                    </a:lnTo>
                    <a:cubicBezTo>
                      <a:pt x="387554" y="4233"/>
                      <a:pt x="374217" y="-1223"/>
                      <a:pt x="358577" y="232"/>
                    </a:cubicBezTo>
                    <a:cubicBezTo>
                      <a:pt x="341845" y="1808"/>
                      <a:pt x="319779" y="12235"/>
                      <a:pt x="312140" y="36605"/>
                    </a:cubicBezTo>
                    <a:cubicBezTo>
                      <a:pt x="306199" y="55520"/>
                      <a:pt x="306684" y="70675"/>
                      <a:pt x="306927" y="82800"/>
                    </a:cubicBezTo>
                    <a:cubicBezTo>
                      <a:pt x="307169" y="91165"/>
                      <a:pt x="307290" y="97834"/>
                      <a:pt x="305471" y="103654"/>
                    </a:cubicBezTo>
                    <a:cubicBezTo>
                      <a:pt x="303047" y="111534"/>
                      <a:pt x="298803" y="119779"/>
                      <a:pt x="292983" y="128387"/>
                    </a:cubicBezTo>
                    <a:cubicBezTo>
                      <a:pt x="291165" y="128630"/>
                      <a:pt x="287649" y="128872"/>
                      <a:pt x="282678" y="128145"/>
                    </a:cubicBezTo>
                    <a:cubicBezTo>
                      <a:pt x="265461" y="125720"/>
                      <a:pt x="224602" y="118688"/>
                      <a:pt x="211143" y="116263"/>
                    </a:cubicBezTo>
                    <a:lnTo>
                      <a:pt x="180954" y="82800"/>
                    </a:lnTo>
                    <a:cubicBezTo>
                      <a:pt x="176710" y="74070"/>
                      <a:pt x="160342" y="40970"/>
                      <a:pt x="150279" y="29573"/>
                    </a:cubicBezTo>
                    <a:cubicBezTo>
                      <a:pt x="131971" y="9204"/>
                      <a:pt x="110875" y="9689"/>
                      <a:pt x="92567" y="11872"/>
                    </a:cubicBezTo>
                    <a:cubicBezTo>
                      <a:pt x="84564" y="12842"/>
                      <a:pt x="78502" y="14539"/>
                      <a:pt x="73774" y="16358"/>
                    </a:cubicBezTo>
                    <a:lnTo>
                      <a:pt x="72319" y="14781"/>
                    </a:lnTo>
                    <a:cubicBezTo>
                      <a:pt x="62983" y="5446"/>
                      <a:pt x="50131" y="960"/>
                      <a:pt x="37037" y="2293"/>
                    </a:cubicBezTo>
                    <a:cubicBezTo>
                      <a:pt x="24670" y="3627"/>
                      <a:pt x="13394" y="10174"/>
                      <a:pt x="7090" y="19995"/>
                    </a:cubicBezTo>
                    <a:cubicBezTo>
                      <a:pt x="-4307" y="37575"/>
                      <a:pt x="-1761" y="60006"/>
                      <a:pt x="13273" y="77828"/>
                    </a:cubicBezTo>
                    <a:lnTo>
                      <a:pt x="62013" y="141603"/>
                    </a:lnTo>
                    <a:lnTo>
                      <a:pt x="118755" y="209257"/>
                    </a:lnTo>
                    <a:lnTo>
                      <a:pt x="121423" y="211682"/>
                    </a:lnTo>
                    <a:cubicBezTo>
                      <a:pt x="163980" y="240902"/>
                      <a:pt x="235029" y="290855"/>
                      <a:pt x="244486" y="300433"/>
                    </a:cubicBezTo>
                    <a:cubicBezTo>
                      <a:pt x="253822" y="309769"/>
                      <a:pt x="254428" y="318862"/>
                      <a:pt x="254428" y="318983"/>
                    </a:cubicBezTo>
                    <a:cubicBezTo>
                      <a:pt x="254428" y="326379"/>
                      <a:pt x="260733" y="331835"/>
                      <a:pt x="268007" y="332078"/>
                    </a:cubicBezTo>
                    <a:cubicBezTo>
                      <a:pt x="275403" y="332078"/>
                      <a:pt x="281223" y="325894"/>
                      <a:pt x="281102" y="318498"/>
                    </a:cubicBezTo>
                    <a:cubicBezTo>
                      <a:pt x="281102" y="316437"/>
                      <a:pt x="280253" y="298493"/>
                      <a:pt x="263279" y="281519"/>
                    </a:cubicBezTo>
                    <a:cubicBezTo>
                      <a:pt x="249457" y="267697"/>
                      <a:pt x="154765" y="202346"/>
                      <a:pt x="137912" y="190707"/>
                    </a:cubicBezTo>
                    <a:lnTo>
                      <a:pt x="82746" y="124871"/>
                    </a:lnTo>
                    <a:lnTo>
                      <a:pt x="34006" y="60976"/>
                    </a:lnTo>
                    <a:cubicBezTo>
                      <a:pt x="30247" y="56489"/>
                      <a:pt x="22366" y="45093"/>
                      <a:pt x="29398" y="34302"/>
                    </a:cubicBezTo>
                    <a:cubicBezTo>
                      <a:pt x="31338" y="31271"/>
                      <a:pt x="35339" y="29088"/>
                      <a:pt x="39704" y="28603"/>
                    </a:cubicBezTo>
                    <a:cubicBezTo>
                      <a:pt x="42735" y="28240"/>
                      <a:pt x="48434" y="28603"/>
                      <a:pt x="52920" y="32968"/>
                    </a:cubicBezTo>
                    <a:lnTo>
                      <a:pt x="111966" y="97470"/>
                    </a:lnTo>
                    <a:lnTo>
                      <a:pt x="198413" y="140391"/>
                    </a:lnTo>
                    <a:lnTo>
                      <a:pt x="198655" y="140391"/>
                    </a:lnTo>
                    <a:cubicBezTo>
                      <a:pt x="198655" y="140391"/>
                      <a:pt x="199262" y="140633"/>
                      <a:pt x="199625" y="140754"/>
                    </a:cubicBezTo>
                    <a:lnTo>
                      <a:pt x="202050" y="141603"/>
                    </a:lnTo>
                    <a:cubicBezTo>
                      <a:pt x="204354" y="141967"/>
                      <a:pt x="257702" y="151302"/>
                      <a:pt x="278798" y="154334"/>
                    </a:cubicBezTo>
                    <a:cubicBezTo>
                      <a:pt x="290559" y="156031"/>
                      <a:pt x="306078" y="155788"/>
                      <a:pt x="313474" y="145361"/>
                    </a:cubicBezTo>
                    <a:cubicBezTo>
                      <a:pt x="321597" y="133843"/>
                      <a:pt x="327538" y="122446"/>
                      <a:pt x="330933" y="111292"/>
                    </a:cubicBezTo>
                    <a:cubicBezTo>
                      <a:pt x="334085" y="101229"/>
                      <a:pt x="333843" y="91771"/>
                      <a:pt x="333600" y="81830"/>
                    </a:cubicBezTo>
                    <a:cubicBezTo>
                      <a:pt x="333358" y="70554"/>
                      <a:pt x="332994" y="59036"/>
                      <a:pt x="337602" y="44244"/>
                    </a:cubicBezTo>
                    <a:cubicBezTo>
                      <a:pt x="340875" y="33574"/>
                      <a:pt x="349847" y="29331"/>
                      <a:pt x="354818" y="27755"/>
                    </a:cubicBezTo>
                    <a:cubicBezTo>
                      <a:pt x="361608" y="25693"/>
                      <a:pt x="367185" y="26421"/>
                      <a:pt x="368882" y="26785"/>
                    </a:cubicBezTo>
                    <a:cubicBezTo>
                      <a:pt x="373247" y="47517"/>
                      <a:pt x="373611" y="68978"/>
                      <a:pt x="373975" y="89589"/>
                    </a:cubicBezTo>
                    <a:cubicBezTo>
                      <a:pt x="374338" y="107291"/>
                      <a:pt x="374581" y="124023"/>
                      <a:pt x="377491" y="138693"/>
                    </a:cubicBezTo>
                    <a:cubicBezTo>
                      <a:pt x="380158" y="152030"/>
                      <a:pt x="382825" y="161366"/>
                      <a:pt x="385372" y="170338"/>
                    </a:cubicBezTo>
                    <a:cubicBezTo>
                      <a:pt x="388160" y="179916"/>
                      <a:pt x="390949" y="189737"/>
                      <a:pt x="393980" y="205377"/>
                    </a:cubicBezTo>
                    <a:cubicBezTo>
                      <a:pt x="396647" y="218593"/>
                      <a:pt x="394829" y="228899"/>
                      <a:pt x="393010" y="238841"/>
                    </a:cubicBezTo>
                    <a:cubicBezTo>
                      <a:pt x="391555" y="247328"/>
                      <a:pt x="389979" y="256179"/>
                      <a:pt x="391434" y="265878"/>
                    </a:cubicBezTo>
                    <a:cubicBezTo>
                      <a:pt x="394344" y="285762"/>
                      <a:pt x="418593" y="319832"/>
                      <a:pt x="423321" y="326500"/>
                    </a:cubicBezTo>
                    <a:cubicBezTo>
                      <a:pt x="425988" y="330138"/>
                      <a:pt x="429990" y="331956"/>
                      <a:pt x="434112" y="331956"/>
                    </a:cubicBezTo>
                    <a:cubicBezTo>
                      <a:pt x="436779" y="331956"/>
                      <a:pt x="439568" y="331108"/>
                      <a:pt x="441993" y="329410"/>
                    </a:cubicBezTo>
                    <a:cubicBezTo>
                      <a:pt x="447933" y="325046"/>
                      <a:pt x="449267" y="316801"/>
                      <a:pt x="444902" y="310739"/>
                    </a:cubicBezTo>
                    <a:close/>
                    <a:moveTo>
                      <a:pt x="94143" y="38545"/>
                    </a:moveTo>
                    <a:cubicBezTo>
                      <a:pt x="94143" y="38545"/>
                      <a:pt x="95113" y="38303"/>
                      <a:pt x="95598" y="38303"/>
                    </a:cubicBezTo>
                    <a:cubicBezTo>
                      <a:pt x="111966" y="36363"/>
                      <a:pt x="121302" y="37333"/>
                      <a:pt x="130274" y="47275"/>
                    </a:cubicBezTo>
                    <a:cubicBezTo>
                      <a:pt x="135730" y="53458"/>
                      <a:pt x="146642" y="73706"/>
                      <a:pt x="154159" y="88862"/>
                    </a:cubicBezTo>
                    <a:lnTo>
                      <a:pt x="128334" y="76010"/>
                    </a:lnTo>
                    <a:lnTo>
                      <a:pt x="94143" y="38545"/>
                    </a:lnTo>
                    <a:close/>
                  </a:path>
                </a:pathLst>
              </a:custGeom>
              <a:solidFill>
                <a:srgbClr val="265A9A"/>
              </a:solidFill>
              <a:ln w="12102" cap="flat">
                <a:noFill/>
                <a:prstDash val="solid"/>
                <a:miter/>
              </a:ln>
            </p:spPr>
            <p:txBody>
              <a:bodyPr rtlCol="0" anchor="ctr"/>
              <a:lstStyle/>
              <a:p>
                <a:endParaRPr lang="en-AU"/>
              </a:p>
            </p:txBody>
          </p:sp>
        </p:grpSp>
      </p:grpSp>
      <p:grpSp>
        <p:nvGrpSpPr>
          <p:cNvPr id="23" name="Group 22">
            <a:extLst>
              <a:ext uri="{FF2B5EF4-FFF2-40B4-BE49-F238E27FC236}">
                <a16:creationId xmlns:a16="http://schemas.microsoft.com/office/drawing/2014/main" id="{21C3F452-1691-10CD-A62E-B551FA0C84D3}"/>
              </a:ext>
            </a:extLst>
          </p:cNvPr>
          <p:cNvGrpSpPr>
            <a:grpSpLocks noChangeAspect="1"/>
          </p:cNvGrpSpPr>
          <p:nvPr/>
        </p:nvGrpSpPr>
        <p:grpSpPr>
          <a:xfrm>
            <a:off x="9479309" y="3661745"/>
            <a:ext cx="618159" cy="568410"/>
            <a:chOff x="5338081" y="3618535"/>
            <a:chExt cx="631543" cy="580718"/>
          </a:xfrm>
        </p:grpSpPr>
        <p:sp>
          <p:nvSpPr>
            <p:cNvPr id="24" name="Freeform 2">
              <a:extLst>
                <a:ext uri="{FF2B5EF4-FFF2-40B4-BE49-F238E27FC236}">
                  <a16:creationId xmlns:a16="http://schemas.microsoft.com/office/drawing/2014/main" id="{484757E3-A6DE-DFC2-8FE5-472CB75EF61E}"/>
                </a:ext>
              </a:extLst>
            </p:cNvPr>
            <p:cNvSpPr/>
            <p:nvPr/>
          </p:nvSpPr>
          <p:spPr>
            <a:xfrm>
              <a:off x="5387591" y="3826529"/>
              <a:ext cx="233288" cy="369076"/>
            </a:xfrm>
            <a:custGeom>
              <a:avLst/>
              <a:gdLst>
                <a:gd name="connsiteX0" fmla="*/ 198129 w 233288"/>
                <a:gd name="connsiteY0" fmla="*/ 204768 h 369077"/>
                <a:gd name="connsiteX1" fmla="*/ 150711 w 233288"/>
                <a:gd name="connsiteY1" fmla="*/ 171068 h 369077"/>
                <a:gd name="connsiteX2" fmla="*/ 90465 w 233288"/>
                <a:gd name="connsiteY2" fmla="*/ 171068 h 369077"/>
                <a:gd name="connsiteX3" fmla="*/ 90465 w 233288"/>
                <a:gd name="connsiteY3" fmla="*/ 100623 h 369077"/>
                <a:gd name="connsiteX4" fmla="*/ 110515 w 233288"/>
                <a:gd name="connsiteY4" fmla="*/ 120709 h 369077"/>
                <a:gd name="connsiteX5" fmla="*/ 180834 w 233288"/>
                <a:gd name="connsiteY5" fmla="*/ 120709 h 369077"/>
                <a:gd name="connsiteX6" fmla="*/ 221030 w 233288"/>
                <a:gd name="connsiteY6" fmla="*/ 70445 h 369077"/>
                <a:gd name="connsiteX7" fmla="*/ 150711 w 233288"/>
                <a:gd name="connsiteY7" fmla="*/ 70445 h 369077"/>
                <a:gd name="connsiteX8" fmla="*/ 80392 w 233288"/>
                <a:gd name="connsiteY8" fmla="*/ 0 h 369077"/>
                <a:gd name="connsiteX9" fmla="*/ 40196 w 233288"/>
                <a:gd name="connsiteY9" fmla="*/ 0 h 369077"/>
                <a:gd name="connsiteX10" fmla="*/ 0 w 233288"/>
                <a:gd name="connsiteY10" fmla="*/ 40268 h 369077"/>
                <a:gd name="connsiteX11" fmla="*/ 0 w 233288"/>
                <a:gd name="connsiteY11" fmla="*/ 191155 h 369077"/>
                <a:gd name="connsiteX12" fmla="*/ 60246 w 233288"/>
                <a:gd name="connsiteY12" fmla="*/ 251509 h 369077"/>
                <a:gd name="connsiteX13" fmla="*/ 140543 w 233288"/>
                <a:gd name="connsiteY13" fmla="*/ 251509 h 369077"/>
                <a:gd name="connsiteX14" fmla="*/ 177603 w 233288"/>
                <a:gd name="connsiteY14" fmla="*/ 369077 h 369077"/>
                <a:gd name="connsiteX15" fmla="*/ 233289 w 233288"/>
                <a:gd name="connsiteY15" fmla="*/ 369077 h 369077"/>
                <a:gd name="connsiteX16" fmla="*/ 198034 w 233288"/>
                <a:gd name="connsiteY16" fmla="*/ 204673 h 369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3288" h="369077">
                  <a:moveTo>
                    <a:pt x="198129" y="204768"/>
                  </a:moveTo>
                  <a:cubicBezTo>
                    <a:pt x="191097" y="184586"/>
                    <a:pt x="172092" y="171068"/>
                    <a:pt x="150711" y="171068"/>
                  </a:cubicBezTo>
                  <a:lnTo>
                    <a:pt x="90465" y="171068"/>
                  </a:lnTo>
                  <a:lnTo>
                    <a:pt x="90465" y="100623"/>
                  </a:lnTo>
                  <a:lnTo>
                    <a:pt x="110515" y="120709"/>
                  </a:lnTo>
                  <a:lnTo>
                    <a:pt x="180834" y="120709"/>
                  </a:lnTo>
                  <a:cubicBezTo>
                    <a:pt x="226732" y="120709"/>
                    <a:pt x="221030" y="70445"/>
                    <a:pt x="221030" y="70445"/>
                  </a:cubicBezTo>
                  <a:lnTo>
                    <a:pt x="150711" y="70445"/>
                  </a:lnTo>
                  <a:lnTo>
                    <a:pt x="80392" y="0"/>
                  </a:lnTo>
                  <a:lnTo>
                    <a:pt x="40196" y="0"/>
                  </a:lnTo>
                  <a:cubicBezTo>
                    <a:pt x="18055" y="0"/>
                    <a:pt x="0" y="17992"/>
                    <a:pt x="0" y="40268"/>
                  </a:cubicBezTo>
                  <a:lnTo>
                    <a:pt x="0" y="191155"/>
                  </a:lnTo>
                  <a:cubicBezTo>
                    <a:pt x="0" y="224474"/>
                    <a:pt x="26987" y="251509"/>
                    <a:pt x="60246" y="251509"/>
                  </a:cubicBezTo>
                  <a:lnTo>
                    <a:pt x="140543" y="251509"/>
                  </a:lnTo>
                  <a:lnTo>
                    <a:pt x="177603" y="369077"/>
                  </a:lnTo>
                  <a:lnTo>
                    <a:pt x="233289" y="369077"/>
                  </a:lnTo>
                  <a:lnTo>
                    <a:pt x="198034" y="204673"/>
                  </a:lnTo>
                  <a:close/>
                </a:path>
              </a:pathLst>
            </a:custGeom>
            <a:solidFill>
              <a:srgbClr val="C7E4F1"/>
            </a:solidFill>
            <a:ln w="0" cap="flat">
              <a:noFill/>
              <a:prstDash val="solid"/>
              <a:miter/>
            </a:ln>
          </p:spPr>
          <p:txBody>
            <a:bodyPr rtlCol="0" anchor="ctr"/>
            <a:lstStyle/>
            <a:p>
              <a:endParaRPr lang="en-US"/>
            </a:p>
          </p:txBody>
        </p:sp>
        <p:sp>
          <p:nvSpPr>
            <p:cNvPr id="25" name="Freeform 3">
              <a:extLst>
                <a:ext uri="{FF2B5EF4-FFF2-40B4-BE49-F238E27FC236}">
                  <a16:creationId xmlns:a16="http://schemas.microsoft.com/office/drawing/2014/main" id="{45487EA4-FD84-08A0-9037-54C150DCD179}"/>
                </a:ext>
              </a:extLst>
            </p:cNvPr>
            <p:cNvSpPr/>
            <p:nvPr/>
          </p:nvSpPr>
          <p:spPr>
            <a:xfrm>
              <a:off x="5678086" y="3826624"/>
              <a:ext cx="239465" cy="369266"/>
            </a:xfrm>
            <a:custGeom>
              <a:avLst/>
              <a:gdLst>
                <a:gd name="connsiteX0" fmla="*/ 199364 w 239465"/>
                <a:gd name="connsiteY0" fmla="*/ 0 h 369267"/>
                <a:gd name="connsiteX1" fmla="*/ 159168 w 239465"/>
                <a:gd name="connsiteY1" fmla="*/ 0 h 369267"/>
                <a:gd name="connsiteX2" fmla="*/ 88849 w 239465"/>
                <a:gd name="connsiteY2" fmla="*/ 70446 h 369267"/>
                <a:gd name="connsiteX3" fmla="*/ 18530 w 239465"/>
                <a:gd name="connsiteY3" fmla="*/ 70446 h 369267"/>
                <a:gd name="connsiteX4" fmla="*/ 58726 w 239465"/>
                <a:gd name="connsiteY4" fmla="*/ 120710 h 369267"/>
                <a:gd name="connsiteX5" fmla="*/ 129045 w 239465"/>
                <a:gd name="connsiteY5" fmla="*/ 120710 h 369267"/>
                <a:gd name="connsiteX6" fmla="*/ 149096 w 239465"/>
                <a:gd name="connsiteY6" fmla="*/ 100623 h 369267"/>
                <a:gd name="connsiteX7" fmla="*/ 149096 w 239465"/>
                <a:gd name="connsiteY7" fmla="*/ 171068 h 369267"/>
                <a:gd name="connsiteX8" fmla="*/ 88849 w 239465"/>
                <a:gd name="connsiteY8" fmla="*/ 171068 h 369267"/>
                <a:gd name="connsiteX9" fmla="*/ 41431 w 239465"/>
                <a:gd name="connsiteY9" fmla="*/ 204768 h 369267"/>
                <a:gd name="connsiteX10" fmla="*/ 0 w 239465"/>
                <a:gd name="connsiteY10" fmla="*/ 369268 h 369267"/>
                <a:gd name="connsiteX11" fmla="*/ 55685 w 239465"/>
                <a:gd name="connsiteY11" fmla="*/ 369268 h 369267"/>
                <a:gd name="connsiteX12" fmla="*/ 98922 w 239465"/>
                <a:gd name="connsiteY12" fmla="*/ 251605 h 369267"/>
                <a:gd name="connsiteX13" fmla="*/ 179219 w 239465"/>
                <a:gd name="connsiteY13" fmla="*/ 251605 h 369267"/>
                <a:gd name="connsiteX14" fmla="*/ 239465 w 239465"/>
                <a:gd name="connsiteY14" fmla="*/ 191250 h 369267"/>
                <a:gd name="connsiteX15" fmla="*/ 239465 w 239465"/>
                <a:gd name="connsiteY15" fmla="*/ 40364 h 369267"/>
                <a:gd name="connsiteX16" fmla="*/ 199269 w 239465"/>
                <a:gd name="connsiteY16" fmla="*/ 95 h 369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39465" h="369267">
                  <a:moveTo>
                    <a:pt x="199364" y="0"/>
                  </a:moveTo>
                  <a:lnTo>
                    <a:pt x="159168" y="0"/>
                  </a:lnTo>
                  <a:lnTo>
                    <a:pt x="88849" y="70446"/>
                  </a:lnTo>
                  <a:lnTo>
                    <a:pt x="18530" y="70446"/>
                  </a:lnTo>
                  <a:cubicBezTo>
                    <a:pt x="18530" y="70446"/>
                    <a:pt x="12733" y="120710"/>
                    <a:pt x="58726" y="120710"/>
                  </a:cubicBezTo>
                  <a:lnTo>
                    <a:pt x="129045" y="120710"/>
                  </a:lnTo>
                  <a:lnTo>
                    <a:pt x="149096" y="100623"/>
                  </a:lnTo>
                  <a:lnTo>
                    <a:pt x="149096" y="171068"/>
                  </a:lnTo>
                  <a:lnTo>
                    <a:pt x="88849" y="171068"/>
                  </a:lnTo>
                  <a:cubicBezTo>
                    <a:pt x="67468" y="171068"/>
                    <a:pt x="48463" y="184586"/>
                    <a:pt x="41431" y="204768"/>
                  </a:cubicBezTo>
                  <a:lnTo>
                    <a:pt x="0" y="369268"/>
                  </a:lnTo>
                  <a:lnTo>
                    <a:pt x="55685" y="369268"/>
                  </a:lnTo>
                  <a:lnTo>
                    <a:pt x="98922" y="251605"/>
                  </a:lnTo>
                  <a:lnTo>
                    <a:pt x="179219" y="251605"/>
                  </a:lnTo>
                  <a:cubicBezTo>
                    <a:pt x="212478" y="251605"/>
                    <a:pt x="239465" y="224569"/>
                    <a:pt x="239465" y="191250"/>
                  </a:cubicBezTo>
                  <a:lnTo>
                    <a:pt x="239465" y="40364"/>
                  </a:lnTo>
                  <a:cubicBezTo>
                    <a:pt x="239465" y="18183"/>
                    <a:pt x="221505" y="95"/>
                    <a:pt x="199269" y="95"/>
                  </a:cubicBezTo>
                  <a:close/>
                </a:path>
              </a:pathLst>
            </a:custGeom>
            <a:solidFill>
              <a:srgbClr val="C7E4F1"/>
            </a:solidFill>
            <a:ln w="0" cap="flat">
              <a:noFill/>
              <a:prstDash val="solid"/>
              <a:miter/>
            </a:ln>
          </p:spPr>
          <p:txBody>
            <a:bodyPr rtlCol="0" anchor="ctr"/>
            <a:lstStyle/>
            <a:p>
              <a:endParaRPr lang="en-US"/>
            </a:p>
          </p:txBody>
        </p:sp>
        <p:sp>
          <p:nvSpPr>
            <p:cNvPr id="26" name="Freeform 4">
              <a:extLst>
                <a:ext uri="{FF2B5EF4-FFF2-40B4-BE49-F238E27FC236}">
                  <a16:creationId xmlns:a16="http://schemas.microsoft.com/office/drawing/2014/main" id="{6A901BA1-3D06-525B-D3A5-449E483018A7}"/>
                </a:ext>
              </a:extLst>
            </p:cNvPr>
            <p:cNvSpPr/>
            <p:nvPr/>
          </p:nvSpPr>
          <p:spPr>
            <a:xfrm>
              <a:off x="5547805" y="3785785"/>
              <a:ext cx="201930" cy="152029"/>
            </a:xfrm>
            <a:custGeom>
              <a:avLst/>
              <a:gdLst>
                <a:gd name="connsiteX0" fmla="*/ 201930 w 201930"/>
                <a:gd name="connsiteY0" fmla="*/ 50835 h 152029"/>
                <a:gd name="connsiteX1" fmla="*/ 201930 w 201930"/>
                <a:gd name="connsiteY1" fmla="*/ 92150 h 152029"/>
                <a:gd name="connsiteX2" fmla="*/ 192427 w 201930"/>
                <a:gd name="connsiteY2" fmla="*/ 101670 h 152029"/>
                <a:gd name="connsiteX3" fmla="*/ 180264 w 201930"/>
                <a:gd name="connsiteY3" fmla="*/ 101670 h 152029"/>
                <a:gd name="connsiteX4" fmla="*/ 170762 w 201930"/>
                <a:gd name="connsiteY4" fmla="*/ 92150 h 152029"/>
                <a:gd name="connsiteX5" fmla="*/ 170762 w 201930"/>
                <a:gd name="connsiteY5" fmla="*/ 70445 h 152029"/>
                <a:gd name="connsiteX6" fmla="*/ 161259 w 201930"/>
                <a:gd name="connsiteY6" fmla="*/ 60926 h 152029"/>
                <a:gd name="connsiteX7" fmla="*/ 161259 w 201930"/>
                <a:gd name="connsiteY7" fmla="*/ 60926 h 152029"/>
                <a:gd name="connsiteX8" fmla="*/ 151756 w 201930"/>
                <a:gd name="connsiteY8" fmla="*/ 70445 h 152029"/>
                <a:gd name="connsiteX9" fmla="*/ 151756 w 201930"/>
                <a:gd name="connsiteY9" fmla="*/ 92150 h 152029"/>
                <a:gd name="connsiteX10" fmla="*/ 142254 w 201930"/>
                <a:gd name="connsiteY10" fmla="*/ 101670 h 152029"/>
                <a:gd name="connsiteX11" fmla="*/ 138168 w 201930"/>
                <a:gd name="connsiteY11" fmla="*/ 101670 h 152029"/>
                <a:gd name="connsiteX12" fmla="*/ 137217 w 201930"/>
                <a:gd name="connsiteY12" fmla="*/ 110142 h 152029"/>
                <a:gd name="connsiteX13" fmla="*/ 140543 w 201930"/>
                <a:gd name="connsiteY13" fmla="*/ 139272 h 152029"/>
                <a:gd name="connsiteX14" fmla="*/ 131611 w 201930"/>
                <a:gd name="connsiteY14" fmla="*/ 152029 h 152029"/>
                <a:gd name="connsiteX15" fmla="*/ 75831 w 201930"/>
                <a:gd name="connsiteY15" fmla="*/ 152029 h 152029"/>
                <a:gd name="connsiteX16" fmla="*/ 66993 w 201930"/>
                <a:gd name="connsiteY16" fmla="*/ 139177 h 152029"/>
                <a:gd name="connsiteX17" fmla="*/ 70224 w 201930"/>
                <a:gd name="connsiteY17" fmla="*/ 110142 h 152029"/>
                <a:gd name="connsiteX18" fmla="*/ 69274 w 201930"/>
                <a:gd name="connsiteY18" fmla="*/ 101670 h 152029"/>
                <a:gd name="connsiteX19" fmla="*/ 59771 w 201930"/>
                <a:gd name="connsiteY19" fmla="*/ 101670 h 152029"/>
                <a:gd name="connsiteX20" fmla="*/ 50269 w 201930"/>
                <a:gd name="connsiteY20" fmla="*/ 92150 h 152029"/>
                <a:gd name="connsiteX21" fmla="*/ 50269 w 201930"/>
                <a:gd name="connsiteY21" fmla="*/ 70445 h 152029"/>
                <a:gd name="connsiteX22" fmla="*/ 40766 w 201930"/>
                <a:gd name="connsiteY22" fmla="*/ 60926 h 152029"/>
                <a:gd name="connsiteX23" fmla="*/ 40766 w 201930"/>
                <a:gd name="connsiteY23" fmla="*/ 60926 h 152029"/>
                <a:gd name="connsiteX24" fmla="*/ 31264 w 201930"/>
                <a:gd name="connsiteY24" fmla="*/ 70445 h 152029"/>
                <a:gd name="connsiteX25" fmla="*/ 31264 w 201930"/>
                <a:gd name="connsiteY25" fmla="*/ 92150 h 152029"/>
                <a:gd name="connsiteX26" fmla="*/ 21761 w 201930"/>
                <a:gd name="connsiteY26" fmla="*/ 101670 h 152029"/>
                <a:gd name="connsiteX27" fmla="*/ 9503 w 201930"/>
                <a:gd name="connsiteY27" fmla="*/ 101670 h 152029"/>
                <a:gd name="connsiteX28" fmla="*/ 0 w 201930"/>
                <a:gd name="connsiteY28" fmla="*/ 92150 h 152029"/>
                <a:gd name="connsiteX29" fmla="*/ 0 w 201930"/>
                <a:gd name="connsiteY29" fmla="*/ 50835 h 152029"/>
                <a:gd name="connsiteX30" fmla="*/ 101013 w 201930"/>
                <a:gd name="connsiteY30" fmla="*/ 0 h 152029"/>
                <a:gd name="connsiteX31" fmla="*/ 201930 w 201930"/>
                <a:gd name="connsiteY31" fmla="*/ 50835 h 1520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01930" h="152029">
                  <a:moveTo>
                    <a:pt x="201930" y="50835"/>
                  </a:moveTo>
                  <a:lnTo>
                    <a:pt x="201930" y="92150"/>
                  </a:lnTo>
                  <a:cubicBezTo>
                    <a:pt x="201930" y="97386"/>
                    <a:pt x="197654" y="101670"/>
                    <a:pt x="192427" y="101670"/>
                  </a:cubicBezTo>
                  <a:lnTo>
                    <a:pt x="180264" y="101670"/>
                  </a:lnTo>
                  <a:cubicBezTo>
                    <a:pt x="175038" y="101670"/>
                    <a:pt x="170762" y="97386"/>
                    <a:pt x="170762" y="92150"/>
                  </a:cubicBezTo>
                  <a:lnTo>
                    <a:pt x="170762" y="70445"/>
                  </a:lnTo>
                  <a:cubicBezTo>
                    <a:pt x="170762" y="65209"/>
                    <a:pt x="166485" y="60926"/>
                    <a:pt x="161259" y="60926"/>
                  </a:cubicBezTo>
                  <a:lnTo>
                    <a:pt x="161259" y="60926"/>
                  </a:lnTo>
                  <a:cubicBezTo>
                    <a:pt x="156032" y="60926"/>
                    <a:pt x="151756" y="65209"/>
                    <a:pt x="151756" y="70445"/>
                  </a:cubicBezTo>
                  <a:lnTo>
                    <a:pt x="151756" y="92150"/>
                  </a:lnTo>
                  <a:cubicBezTo>
                    <a:pt x="151756" y="97386"/>
                    <a:pt x="147480" y="101670"/>
                    <a:pt x="142254" y="101670"/>
                  </a:cubicBezTo>
                  <a:lnTo>
                    <a:pt x="138168" y="101670"/>
                  </a:lnTo>
                  <a:lnTo>
                    <a:pt x="137217" y="110142"/>
                  </a:lnTo>
                  <a:cubicBezTo>
                    <a:pt x="137217" y="110904"/>
                    <a:pt x="135697" y="124898"/>
                    <a:pt x="140543" y="139272"/>
                  </a:cubicBezTo>
                  <a:cubicBezTo>
                    <a:pt x="142634" y="145555"/>
                    <a:pt x="138263" y="152029"/>
                    <a:pt x="131611" y="152029"/>
                  </a:cubicBezTo>
                  <a:lnTo>
                    <a:pt x="75831" y="152029"/>
                  </a:lnTo>
                  <a:cubicBezTo>
                    <a:pt x="69179" y="152029"/>
                    <a:pt x="64808" y="145460"/>
                    <a:pt x="66993" y="139177"/>
                  </a:cubicBezTo>
                  <a:cubicBezTo>
                    <a:pt x="71840" y="124803"/>
                    <a:pt x="70414" y="110904"/>
                    <a:pt x="70224" y="110142"/>
                  </a:cubicBezTo>
                  <a:lnTo>
                    <a:pt x="69274" y="101670"/>
                  </a:lnTo>
                  <a:lnTo>
                    <a:pt x="59771" y="101670"/>
                  </a:lnTo>
                  <a:cubicBezTo>
                    <a:pt x="54545" y="101670"/>
                    <a:pt x="50269" y="97386"/>
                    <a:pt x="50269" y="92150"/>
                  </a:cubicBezTo>
                  <a:lnTo>
                    <a:pt x="50269" y="70445"/>
                  </a:lnTo>
                  <a:cubicBezTo>
                    <a:pt x="50269" y="65209"/>
                    <a:pt x="45992" y="60926"/>
                    <a:pt x="40766" y="60926"/>
                  </a:cubicBezTo>
                  <a:lnTo>
                    <a:pt x="40766" y="60926"/>
                  </a:lnTo>
                  <a:cubicBezTo>
                    <a:pt x="35540" y="60926"/>
                    <a:pt x="31264" y="65209"/>
                    <a:pt x="31264" y="70445"/>
                  </a:cubicBezTo>
                  <a:lnTo>
                    <a:pt x="31264" y="92150"/>
                  </a:lnTo>
                  <a:cubicBezTo>
                    <a:pt x="31264" y="97386"/>
                    <a:pt x="26987" y="101670"/>
                    <a:pt x="21761" y="101670"/>
                  </a:cubicBezTo>
                  <a:lnTo>
                    <a:pt x="9503" y="101670"/>
                  </a:lnTo>
                  <a:cubicBezTo>
                    <a:pt x="4276" y="101670"/>
                    <a:pt x="0" y="97386"/>
                    <a:pt x="0" y="92150"/>
                  </a:cubicBezTo>
                  <a:lnTo>
                    <a:pt x="0" y="50835"/>
                  </a:lnTo>
                  <a:cubicBezTo>
                    <a:pt x="0" y="19325"/>
                    <a:pt x="65378" y="0"/>
                    <a:pt x="101013" y="0"/>
                  </a:cubicBezTo>
                  <a:cubicBezTo>
                    <a:pt x="136647" y="0"/>
                    <a:pt x="201930" y="19325"/>
                    <a:pt x="201930" y="50835"/>
                  </a:cubicBezTo>
                  <a:close/>
                </a:path>
              </a:pathLst>
            </a:custGeom>
            <a:solidFill>
              <a:srgbClr val="66BCDB"/>
            </a:solidFill>
            <a:ln w="0" cap="flat">
              <a:noFill/>
              <a:prstDash val="solid"/>
              <a:miter/>
            </a:ln>
          </p:spPr>
          <p:txBody>
            <a:bodyPr rtlCol="0" anchor="ctr"/>
            <a:lstStyle/>
            <a:p>
              <a:endParaRPr lang="en-US"/>
            </a:p>
          </p:txBody>
        </p:sp>
        <p:sp>
          <p:nvSpPr>
            <p:cNvPr id="27" name="Freeform 5">
              <a:extLst>
                <a:ext uri="{FF2B5EF4-FFF2-40B4-BE49-F238E27FC236}">
                  <a16:creationId xmlns:a16="http://schemas.microsoft.com/office/drawing/2014/main" id="{764DAAB4-921F-D6E5-EB24-85712654547C}"/>
                </a:ext>
              </a:extLst>
            </p:cNvPr>
            <p:cNvSpPr/>
            <p:nvPr/>
          </p:nvSpPr>
          <p:spPr>
            <a:xfrm>
              <a:off x="5814637" y="3685733"/>
              <a:ext cx="104338" cy="100717"/>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28" name="Freeform 6">
              <a:extLst>
                <a:ext uri="{FF2B5EF4-FFF2-40B4-BE49-F238E27FC236}">
                  <a16:creationId xmlns:a16="http://schemas.microsoft.com/office/drawing/2014/main" id="{A93A1106-2083-BC06-4C75-111DD55872A5}"/>
                </a:ext>
              </a:extLst>
            </p:cNvPr>
            <p:cNvSpPr/>
            <p:nvPr/>
          </p:nvSpPr>
          <p:spPr>
            <a:xfrm>
              <a:off x="5601589" y="3635375"/>
              <a:ext cx="104338" cy="100717"/>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29" name="Freeform 7">
              <a:extLst>
                <a:ext uri="{FF2B5EF4-FFF2-40B4-BE49-F238E27FC236}">
                  <a16:creationId xmlns:a16="http://schemas.microsoft.com/office/drawing/2014/main" id="{512E5DE4-6A4A-1C33-E229-BE396AEC1D1D}"/>
                </a:ext>
              </a:extLst>
            </p:cNvPr>
            <p:cNvSpPr/>
            <p:nvPr/>
          </p:nvSpPr>
          <p:spPr>
            <a:xfrm>
              <a:off x="5383220" y="3685733"/>
              <a:ext cx="104338" cy="100717"/>
            </a:xfrm>
            <a:custGeom>
              <a:avLst/>
              <a:gdLst>
                <a:gd name="connsiteX0" fmla="*/ 104338 w 104338"/>
                <a:gd name="connsiteY0" fmla="*/ 50359 h 100718"/>
                <a:gd name="connsiteX1" fmla="*/ 52169 w 104338"/>
                <a:gd name="connsiteY1" fmla="*/ 100718 h 100718"/>
                <a:gd name="connsiteX2" fmla="*/ 0 w 104338"/>
                <a:gd name="connsiteY2" fmla="*/ 50359 h 100718"/>
                <a:gd name="connsiteX3" fmla="*/ 52169 w 104338"/>
                <a:gd name="connsiteY3" fmla="*/ 0 h 100718"/>
                <a:gd name="connsiteX4" fmla="*/ 104338 w 104338"/>
                <a:gd name="connsiteY4" fmla="*/ 50359 h 100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338" h="100718">
                  <a:moveTo>
                    <a:pt x="104338" y="50359"/>
                  </a:moveTo>
                  <a:cubicBezTo>
                    <a:pt x="104338" y="78172"/>
                    <a:pt x="80981" y="100718"/>
                    <a:pt x="52169" y="100718"/>
                  </a:cubicBezTo>
                  <a:cubicBezTo>
                    <a:pt x="23357" y="100718"/>
                    <a:pt x="0" y="78172"/>
                    <a:pt x="0" y="50359"/>
                  </a:cubicBezTo>
                  <a:cubicBezTo>
                    <a:pt x="0" y="22546"/>
                    <a:pt x="23357" y="0"/>
                    <a:pt x="52169" y="0"/>
                  </a:cubicBezTo>
                  <a:cubicBezTo>
                    <a:pt x="80981" y="0"/>
                    <a:pt x="104338" y="22546"/>
                    <a:pt x="104338" y="50359"/>
                  </a:cubicBezTo>
                  <a:close/>
                </a:path>
              </a:pathLst>
            </a:custGeom>
            <a:solidFill>
              <a:srgbClr val="66BCDB"/>
            </a:solidFill>
            <a:ln w="0" cap="flat">
              <a:noFill/>
              <a:prstDash val="solid"/>
              <a:miter/>
            </a:ln>
          </p:spPr>
          <p:txBody>
            <a:bodyPr rtlCol="0" anchor="ctr"/>
            <a:lstStyle/>
            <a:p>
              <a:endParaRPr lang="en-US"/>
            </a:p>
          </p:txBody>
        </p:sp>
        <p:sp>
          <p:nvSpPr>
            <p:cNvPr id="30" name="Freeform 8">
              <a:extLst>
                <a:ext uri="{FF2B5EF4-FFF2-40B4-BE49-F238E27FC236}">
                  <a16:creationId xmlns:a16="http://schemas.microsoft.com/office/drawing/2014/main" id="{BB74A693-2675-DCEC-612D-912839F30C86}"/>
                </a:ext>
              </a:extLst>
            </p:cNvPr>
            <p:cNvSpPr/>
            <p:nvPr/>
          </p:nvSpPr>
          <p:spPr>
            <a:xfrm>
              <a:off x="5378183" y="3766743"/>
              <a:ext cx="551055" cy="432510"/>
            </a:xfrm>
            <a:custGeom>
              <a:avLst/>
              <a:gdLst>
                <a:gd name="connsiteX0" fmla="*/ 496985 w 551054"/>
                <a:gd name="connsiteY0" fmla="*/ 50359 h 432511"/>
                <a:gd name="connsiteX1" fmla="*/ 456789 w 551054"/>
                <a:gd name="connsiteY1" fmla="*/ 50359 h 432511"/>
                <a:gd name="connsiteX2" fmla="*/ 450138 w 551054"/>
                <a:gd name="connsiteY2" fmla="*/ 53120 h 432511"/>
                <a:gd name="connsiteX3" fmla="*/ 390556 w 551054"/>
                <a:gd name="connsiteY3" fmla="*/ 112808 h 432511"/>
                <a:gd name="connsiteX4" fmla="*/ 390556 w 551054"/>
                <a:gd name="connsiteY4" fmla="*/ 69874 h 432511"/>
                <a:gd name="connsiteX5" fmla="*/ 270634 w 551054"/>
                <a:gd name="connsiteY5" fmla="*/ 0 h 432511"/>
                <a:gd name="connsiteX6" fmla="*/ 150616 w 551054"/>
                <a:gd name="connsiteY6" fmla="*/ 69874 h 432511"/>
                <a:gd name="connsiteX7" fmla="*/ 150616 w 551054"/>
                <a:gd name="connsiteY7" fmla="*/ 107287 h 432511"/>
                <a:gd name="connsiteX8" fmla="*/ 96546 w 551054"/>
                <a:gd name="connsiteY8" fmla="*/ 53120 h 432511"/>
                <a:gd name="connsiteX9" fmla="*/ 89894 w 551054"/>
                <a:gd name="connsiteY9" fmla="*/ 50359 h 432511"/>
                <a:gd name="connsiteX10" fmla="*/ 59201 w 551054"/>
                <a:gd name="connsiteY10" fmla="*/ 50359 h 432511"/>
                <a:gd name="connsiteX11" fmla="*/ 0 w 551054"/>
                <a:gd name="connsiteY11" fmla="*/ 109666 h 432511"/>
                <a:gd name="connsiteX12" fmla="*/ 0 w 551054"/>
                <a:gd name="connsiteY12" fmla="*/ 250938 h 432511"/>
                <a:gd name="connsiteX13" fmla="*/ 69749 w 551054"/>
                <a:gd name="connsiteY13" fmla="*/ 320813 h 432511"/>
                <a:gd name="connsiteX14" fmla="*/ 136457 w 551054"/>
                <a:gd name="connsiteY14" fmla="*/ 320813 h 432511"/>
                <a:gd name="connsiteX15" fmla="*/ 145485 w 551054"/>
                <a:gd name="connsiteY15" fmla="*/ 327286 h 432511"/>
                <a:gd name="connsiteX16" fmla="*/ 178363 w 551054"/>
                <a:gd name="connsiteY16" fmla="*/ 426005 h 432511"/>
                <a:gd name="connsiteX17" fmla="*/ 190337 w 551054"/>
                <a:gd name="connsiteY17" fmla="*/ 432002 h 432511"/>
                <a:gd name="connsiteX18" fmla="*/ 190337 w 551054"/>
                <a:gd name="connsiteY18" fmla="*/ 432002 h 432511"/>
                <a:gd name="connsiteX19" fmla="*/ 196323 w 551054"/>
                <a:gd name="connsiteY19" fmla="*/ 420008 h 432511"/>
                <a:gd name="connsiteX20" fmla="*/ 159168 w 551054"/>
                <a:gd name="connsiteY20" fmla="*/ 308246 h 432511"/>
                <a:gd name="connsiteX21" fmla="*/ 150141 w 551054"/>
                <a:gd name="connsiteY21" fmla="*/ 301773 h 432511"/>
                <a:gd name="connsiteX22" fmla="*/ 79156 w 551054"/>
                <a:gd name="connsiteY22" fmla="*/ 301773 h 432511"/>
                <a:gd name="connsiteX23" fmla="*/ 18910 w 551054"/>
                <a:gd name="connsiteY23" fmla="*/ 241419 h 432511"/>
                <a:gd name="connsiteX24" fmla="*/ 18910 w 551054"/>
                <a:gd name="connsiteY24" fmla="*/ 109476 h 432511"/>
                <a:gd name="connsiteX25" fmla="*/ 59011 w 551054"/>
                <a:gd name="connsiteY25" fmla="*/ 69303 h 432511"/>
                <a:gd name="connsiteX26" fmla="*/ 81912 w 551054"/>
                <a:gd name="connsiteY26" fmla="*/ 69303 h 432511"/>
                <a:gd name="connsiteX27" fmla="*/ 88564 w 551054"/>
                <a:gd name="connsiteY27" fmla="*/ 72064 h 432511"/>
                <a:gd name="connsiteX28" fmla="*/ 153372 w 551054"/>
                <a:gd name="connsiteY28" fmla="*/ 136893 h 432511"/>
                <a:gd name="connsiteX29" fmla="*/ 160024 w 551054"/>
                <a:gd name="connsiteY29" fmla="*/ 139653 h 432511"/>
                <a:gd name="connsiteX30" fmla="*/ 209532 w 551054"/>
                <a:gd name="connsiteY30" fmla="*/ 139653 h 432511"/>
                <a:gd name="connsiteX31" fmla="*/ 218560 w 551054"/>
                <a:gd name="connsiteY31" fmla="*/ 151934 h 432511"/>
                <a:gd name="connsiteX32" fmla="*/ 212668 w 551054"/>
                <a:gd name="connsiteY32" fmla="*/ 162500 h 432511"/>
                <a:gd name="connsiteX33" fmla="*/ 190052 w 551054"/>
                <a:gd name="connsiteY33" fmla="*/ 170973 h 432511"/>
                <a:gd name="connsiteX34" fmla="*/ 127620 w 551054"/>
                <a:gd name="connsiteY34" fmla="*/ 170973 h 432511"/>
                <a:gd name="connsiteX35" fmla="*/ 120968 w 551054"/>
                <a:gd name="connsiteY35" fmla="*/ 168212 h 432511"/>
                <a:gd name="connsiteX36" fmla="*/ 72980 w 551054"/>
                <a:gd name="connsiteY36" fmla="*/ 120138 h 432511"/>
                <a:gd name="connsiteX37" fmla="*/ 59581 w 551054"/>
                <a:gd name="connsiteY37" fmla="*/ 120138 h 432511"/>
                <a:gd name="connsiteX38" fmla="*/ 59581 w 551054"/>
                <a:gd name="connsiteY38" fmla="*/ 120138 h 432511"/>
                <a:gd name="connsiteX39" fmla="*/ 59581 w 551054"/>
                <a:gd name="connsiteY39" fmla="*/ 133561 h 432511"/>
                <a:gd name="connsiteX40" fmla="*/ 87519 w 551054"/>
                <a:gd name="connsiteY40" fmla="*/ 161549 h 432511"/>
                <a:gd name="connsiteX41" fmla="*/ 90275 w 551054"/>
                <a:gd name="connsiteY41" fmla="*/ 168212 h 432511"/>
                <a:gd name="connsiteX42" fmla="*/ 90275 w 551054"/>
                <a:gd name="connsiteY42" fmla="*/ 230757 h 432511"/>
                <a:gd name="connsiteX43" fmla="*/ 99777 w 551054"/>
                <a:gd name="connsiteY43" fmla="*/ 240276 h 432511"/>
                <a:gd name="connsiteX44" fmla="*/ 160024 w 551054"/>
                <a:gd name="connsiteY44" fmla="*/ 240276 h 432511"/>
                <a:gd name="connsiteX45" fmla="*/ 198319 w 551054"/>
                <a:gd name="connsiteY45" fmla="*/ 267122 h 432511"/>
                <a:gd name="connsiteX46" fmla="*/ 234524 w 551054"/>
                <a:gd name="connsiteY46" fmla="*/ 424862 h 432511"/>
                <a:gd name="connsiteX47" fmla="*/ 245927 w 551054"/>
                <a:gd name="connsiteY47" fmla="*/ 432002 h 432511"/>
                <a:gd name="connsiteX48" fmla="*/ 245927 w 551054"/>
                <a:gd name="connsiteY48" fmla="*/ 432002 h 432511"/>
                <a:gd name="connsiteX49" fmla="*/ 253054 w 551054"/>
                <a:gd name="connsiteY49" fmla="*/ 420579 h 432511"/>
                <a:gd name="connsiteX50" fmla="*/ 216754 w 551054"/>
                <a:gd name="connsiteY50" fmla="*/ 262267 h 432511"/>
                <a:gd name="connsiteX51" fmla="*/ 216374 w 551054"/>
                <a:gd name="connsiteY51" fmla="*/ 261315 h 432511"/>
                <a:gd name="connsiteX52" fmla="*/ 160024 w 551054"/>
                <a:gd name="connsiteY52" fmla="*/ 221237 h 432511"/>
                <a:gd name="connsiteX53" fmla="*/ 118782 w 551054"/>
                <a:gd name="connsiteY53" fmla="*/ 221237 h 432511"/>
                <a:gd name="connsiteX54" fmla="*/ 109280 w 551054"/>
                <a:gd name="connsiteY54" fmla="*/ 211717 h 432511"/>
                <a:gd name="connsiteX55" fmla="*/ 109280 w 551054"/>
                <a:gd name="connsiteY55" fmla="*/ 199437 h 432511"/>
                <a:gd name="connsiteX56" fmla="*/ 118782 w 551054"/>
                <a:gd name="connsiteY56" fmla="*/ 189917 h 432511"/>
                <a:gd name="connsiteX57" fmla="*/ 432368 w 551054"/>
                <a:gd name="connsiteY57" fmla="*/ 189917 h 432511"/>
                <a:gd name="connsiteX58" fmla="*/ 441870 w 551054"/>
                <a:gd name="connsiteY58" fmla="*/ 199437 h 432511"/>
                <a:gd name="connsiteX59" fmla="*/ 441870 w 551054"/>
                <a:gd name="connsiteY59" fmla="*/ 211717 h 432511"/>
                <a:gd name="connsiteX60" fmla="*/ 432368 w 551054"/>
                <a:gd name="connsiteY60" fmla="*/ 221237 h 432511"/>
                <a:gd name="connsiteX61" fmla="*/ 386565 w 551054"/>
                <a:gd name="connsiteY61" fmla="*/ 221237 h 432511"/>
                <a:gd name="connsiteX62" fmla="*/ 330215 w 551054"/>
                <a:gd name="connsiteY62" fmla="*/ 261315 h 432511"/>
                <a:gd name="connsiteX63" fmla="*/ 295721 w 551054"/>
                <a:gd name="connsiteY63" fmla="*/ 420674 h 432511"/>
                <a:gd name="connsiteX64" fmla="*/ 302942 w 551054"/>
                <a:gd name="connsiteY64" fmla="*/ 431907 h 432511"/>
                <a:gd name="connsiteX65" fmla="*/ 302942 w 551054"/>
                <a:gd name="connsiteY65" fmla="*/ 431907 h 432511"/>
                <a:gd name="connsiteX66" fmla="*/ 314251 w 551054"/>
                <a:gd name="connsiteY66" fmla="*/ 424672 h 432511"/>
                <a:gd name="connsiteX67" fmla="*/ 348365 w 551054"/>
                <a:gd name="connsiteY67" fmla="*/ 267026 h 432511"/>
                <a:gd name="connsiteX68" fmla="*/ 386565 w 551054"/>
                <a:gd name="connsiteY68" fmla="*/ 240276 h 432511"/>
                <a:gd name="connsiteX69" fmla="*/ 451373 w 551054"/>
                <a:gd name="connsiteY69" fmla="*/ 240276 h 432511"/>
                <a:gd name="connsiteX70" fmla="*/ 460876 w 551054"/>
                <a:gd name="connsiteY70" fmla="*/ 230757 h 432511"/>
                <a:gd name="connsiteX71" fmla="*/ 460876 w 551054"/>
                <a:gd name="connsiteY71" fmla="*/ 160311 h 432511"/>
                <a:gd name="connsiteX72" fmla="*/ 460305 w 551054"/>
                <a:gd name="connsiteY72" fmla="*/ 160311 h 432511"/>
                <a:gd name="connsiteX73" fmla="*/ 487008 w 551054"/>
                <a:gd name="connsiteY73" fmla="*/ 133561 h 432511"/>
                <a:gd name="connsiteX74" fmla="*/ 487008 w 551054"/>
                <a:gd name="connsiteY74" fmla="*/ 120138 h 432511"/>
                <a:gd name="connsiteX75" fmla="*/ 487008 w 551054"/>
                <a:gd name="connsiteY75" fmla="*/ 120138 h 432511"/>
                <a:gd name="connsiteX76" fmla="*/ 473609 w 551054"/>
                <a:gd name="connsiteY76" fmla="*/ 120138 h 432511"/>
                <a:gd name="connsiteX77" fmla="*/ 425526 w 551054"/>
                <a:gd name="connsiteY77" fmla="*/ 168308 h 432511"/>
                <a:gd name="connsiteX78" fmla="*/ 418874 w 551054"/>
                <a:gd name="connsiteY78" fmla="*/ 171068 h 432511"/>
                <a:gd name="connsiteX79" fmla="*/ 356442 w 551054"/>
                <a:gd name="connsiteY79" fmla="*/ 171068 h 432511"/>
                <a:gd name="connsiteX80" fmla="*/ 333921 w 551054"/>
                <a:gd name="connsiteY80" fmla="*/ 162596 h 432511"/>
                <a:gd name="connsiteX81" fmla="*/ 328029 w 551054"/>
                <a:gd name="connsiteY81" fmla="*/ 152124 h 432511"/>
                <a:gd name="connsiteX82" fmla="*/ 337057 w 551054"/>
                <a:gd name="connsiteY82" fmla="*/ 139749 h 432511"/>
                <a:gd name="connsiteX83" fmla="*/ 386470 w 551054"/>
                <a:gd name="connsiteY83" fmla="*/ 139749 h 432511"/>
                <a:gd name="connsiteX84" fmla="*/ 393122 w 551054"/>
                <a:gd name="connsiteY84" fmla="*/ 136988 h 432511"/>
                <a:gd name="connsiteX85" fmla="*/ 457930 w 551054"/>
                <a:gd name="connsiteY85" fmla="*/ 72159 h 432511"/>
                <a:gd name="connsiteX86" fmla="*/ 464582 w 551054"/>
                <a:gd name="connsiteY86" fmla="*/ 69398 h 432511"/>
                <a:gd name="connsiteX87" fmla="*/ 496890 w 551054"/>
                <a:gd name="connsiteY87" fmla="*/ 69398 h 432511"/>
                <a:gd name="connsiteX88" fmla="*/ 532145 w 551054"/>
                <a:gd name="connsiteY88" fmla="*/ 100051 h 432511"/>
                <a:gd name="connsiteX89" fmla="*/ 532145 w 551054"/>
                <a:gd name="connsiteY89" fmla="*/ 250938 h 432511"/>
                <a:gd name="connsiteX90" fmla="*/ 476840 w 551054"/>
                <a:gd name="connsiteY90" fmla="*/ 301773 h 432511"/>
                <a:gd name="connsiteX91" fmla="*/ 396543 w 551054"/>
                <a:gd name="connsiteY91" fmla="*/ 301773 h 432511"/>
                <a:gd name="connsiteX92" fmla="*/ 387516 w 551054"/>
                <a:gd name="connsiteY92" fmla="*/ 308246 h 432511"/>
                <a:gd name="connsiteX93" fmla="*/ 350265 w 551054"/>
                <a:gd name="connsiteY93" fmla="*/ 420008 h 432511"/>
                <a:gd name="connsiteX94" fmla="*/ 356252 w 551054"/>
                <a:gd name="connsiteY94" fmla="*/ 432002 h 432511"/>
                <a:gd name="connsiteX95" fmla="*/ 356252 w 551054"/>
                <a:gd name="connsiteY95" fmla="*/ 432002 h 432511"/>
                <a:gd name="connsiteX96" fmla="*/ 368225 w 551054"/>
                <a:gd name="connsiteY96" fmla="*/ 426005 h 432511"/>
                <a:gd name="connsiteX97" fmla="*/ 401104 w 551054"/>
                <a:gd name="connsiteY97" fmla="*/ 327286 h 432511"/>
                <a:gd name="connsiteX98" fmla="*/ 410132 w 551054"/>
                <a:gd name="connsiteY98" fmla="*/ 320813 h 432511"/>
                <a:gd name="connsiteX99" fmla="*/ 476745 w 551054"/>
                <a:gd name="connsiteY99" fmla="*/ 320813 h 432511"/>
                <a:gd name="connsiteX100" fmla="*/ 551055 w 551054"/>
                <a:gd name="connsiteY100" fmla="*/ 250938 h 432511"/>
                <a:gd name="connsiteX101" fmla="*/ 551055 w 551054"/>
                <a:gd name="connsiteY101" fmla="*/ 100051 h 432511"/>
                <a:gd name="connsiteX102" fmla="*/ 496795 w 551054"/>
                <a:gd name="connsiteY102" fmla="*/ 50359 h 432511"/>
                <a:gd name="connsiteX103" fmla="*/ 362049 w 551054"/>
                <a:gd name="connsiteY103" fmla="*/ 120709 h 432511"/>
                <a:gd name="connsiteX104" fmla="*/ 349790 w 551054"/>
                <a:gd name="connsiteY104" fmla="*/ 120709 h 432511"/>
                <a:gd name="connsiteX105" fmla="*/ 340288 w 551054"/>
                <a:gd name="connsiteY105" fmla="*/ 111190 h 432511"/>
                <a:gd name="connsiteX106" fmla="*/ 340288 w 551054"/>
                <a:gd name="connsiteY106" fmla="*/ 89389 h 432511"/>
                <a:gd name="connsiteX107" fmla="*/ 330785 w 551054"/>
                <a:gd name="connsiteY107" fmla="*/ 79870 h 432511"/>
                <a:gd name="connsiteX108" fmla="*/ 330785 w 551054"/>
                <a:gd name="connsiteY108" fmla="*/ 79870 h 432511"/>
                <a:gd name="connsiteX109" fmla="*/ 321283 w 551054"/>
                <a:gd name="connsiteY109" fmla="*/ 89389 h 432511"/>
                <a:gd name="connsiteX110" fmla="*/ 321283 w 551054"/>
                <a:gd name="connsiteY110" fmla="*/ 111190 h 432511"/>
                <a:gd name="connsiteX111" fmla="*/ 311780 w 551054"/>
                <a:gd name="connsiteY111" fmla="*/ 120709 h 432511"/>
                <a:gd name="connsiteX112" fmla="*/ 307694 w 551054"/>
                <a:gd name="connsiteY112" fmla="*/ 120709 h 432511"/>
                <a:gd name="connsiteX113" fmla="*/ 306744 w 551054"/>
                <a:gd name="connsiteY113" fmla="*/ 129182 h 432511"/>
                <a:gd name="connsiteX114" fmla="*/ 310069 w 551054"/>
                <a:gd name="connsiteY114" fmla="*/ 158312 h 432511"/>
                <a:gd name="connsiteX115" fmla="*/ 301232 w 551054"/>
                <a:gd name="connsiteY115" fmla="*/ 171068 h 432511"/>
                <a:gd name="connsiteX116" fmla="*/ 245357 w 551054"/>
                <a:gd name="connsiteY116" fmla="*/ 171068 h 432511"/>
                <a:gd name="connsiteX117" fmla="*/ 236519 w 551054"/>
                <a:gd name="connsiteY117" fmla="*/ 158312 h 432511"/>
                <a:gd name="connsiteX118" fmla="*/ 239750 w 551054"/>
                <a:gd name="connsiteY118" fmla="*/ 129182 h 432511"/>
                <a:gd name="connsiteX119" fmla="*/ 238800 w 551054"/>
                <a:gd name="connsiteY119" fmla="*/ 120709 h 432511"/>
                <a:gd name="connsiteX120" fmla="*/ 229297 w 551054"/>
                <a:gd name="connsiteY120" fmla="*/ 120709 h 432511"/>
                <a:gd name="connsiteX121" fmla="*/ 219795 w 551054"/>
                <a:gd name="connsiteY121" fmla="*/ 111190 h 432511"/>
                <a:gd name="connsiteX122" fmla="*/ 219795 w 551054"/>
                <a:gd name="connsiteY122" fmla="*/ 89389 h 432511"/>
                <a:gd name="connsiteX123" fmla="*/ 210292 w 551054"/>
                <a:gd name="connsiteY123" fmla="*/ 79870 h 432511"/>
                <a:gd name="connsiteX124" fmla="*/ 210292 w 551054"/>
                <a:gd name="connsiteY124" fmla="*/ 79870 h 432511"/>
                <a:gd name="connsiteX125" fmla="*/ 200790 w 551054"/>
                <a:gd name="connsiteY125" fmla="*/ 89389 h 432511"/>
                <a:gd name="connsiteX126" fmla="*/ 200790 w 551054"/>
                <a:gd name="connsiteY126" fmla="*/ 111190 h 432511"/>
                <a:gd name="connsiteX127" fmla="*/ 191287 w 551054"/>
                <a:gd name="connsiteY127" fmla="*/ 120709 h 432511"/>
                <a:gd name="connsiteX128" fmla="*/ 178934 w 551054"/>
                <a:gd name="connsiteY128" fmla="*/ 120709 h 432511"/>
                <a:gd name="connsiteX129" fmla="*/ 169431 w 551054"/>
                <a:gd name="connsiteY129" fmla="*/ 111190 h 432511"/>
                <a:gd name="connsiteX130" fmla="*/ 169431 w 551054"/>
                <a:gd name="connsiteY130" fmla="*/ 69874 h 432511"/>
                <a:gd name="connsiteX131" fmla="*/ 270444 w 551054"/>
                <a:gd name="connsiteY131" fmla="*/ 19039 h 432511"/>
                <a:gd name="connsiteX132" fmla="*/ 371361 w 551054"/>
                <a:gd name="connsiteY132" fmla="*/ 69874 h 432511"/>
                <a:gd name="connsiteX133" fmla="*/ 371361 w 551054"/>
                <a:gd name="connsiteY133" fmla="*/ 111190 h 432511"/>
                <a:gd name="connsiteX134" fmla="*/ 361858 w 551054"/>
                <a:gd name="connsiteY134" fmla="*/ 120709 h 4325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Lst>
              <a:rect l="l" t="t" r="r" b="b"/>
              <a:pathLst>
                <a:path w="551054" h="432511">
                  <a:moveTo>
                    <a:pt x="496985" y="50359"/>
                  </a:moveTo>
                  <a:lnTo>
                    <a:pt x="456789" y="50359"/>
                  </a:lnTo>
                  <a:cubicBezTo>
                    <a:pt x="454319" y="50359"/>
                    <a:pt x="451848" y="51311"/>
                    <a:pt x="450138" y="53120"/>
                  </a:cubicBezTo>
                  <a:lnTo>
                    <a:pt x="390556" y="112808"/>
                  </a:lnTo>
                  <a:lnTo>
                    <a:pt x="390556" y="69874"/>
                  </a:lnTo>
                  <a:cubicBezTo>
                    <a:pt x="390556" y="23418"/>
                    <a:pt x="313680" y="0"/>
                    <a:pt x="270634" y="0"/>
                  </a:cubicBezTo>
                  <a:cubicBezTo>
                    <a:pt x="227587" y="0"/>
                    <a:pt x="150616" y="23418"/>
                    <a:pt x="150616" y="69874"/>
                  </a:cubicBezTo>
                  <a:lnTo>
                    <a:pt x="150616" y="107287"/>
                  </a:lnTo>
                  <a:lnTo>
                    <a:pt x="96546" y="53120"/>
                  </a:lnTo>
                  <a:cubicBezTo>
                    <a:pt x="94741" y="51311"/>
                    <a:pt x="92365" y="50359"/>
                    <a:pt x="89894" y="50359"/>
                  </a:cubicBezTo>
                  <a:lnTo>
                    <a:pt x="59201" y="50359"/>
                  </a:lnTo>
                  <a:cubicBezTo>
                    <a:pt x="26702" y="50359"/>
                    <a:pt x="0" y="77014"/>
                    <a:pt x="0" y="109666"/>
                  </a:cubicBezTo>
                  <a:lnTo>
                    <a:pt x="0" y="250938"/>
                  </a:lnTo>
                  <a:cubicBezTo>
                    <a:pt x="0" y="289493"/>
                    <a:pt x="31358" y="320813"/>
                    <a:pt x="69749" y="320813"/>
                  </a:cubicBezTo>
                  <a:lnTo>
                    <a:pt x="136457" y="320813"/>
                  </a:lnTo>
                  <a:cubicBezTo>
                    <a:pt x="140543" y="320813"/>
                    <a:pt x="144154" y="323383"/>
                    <a:pt x="145485" y="327286"/>
                  </a:cubicBezTo>
                  <a:lnTo>
                    <a:pt x="178363" y="426005"/>
                  </a:lnTo>
                  <a:cubicBezTo>
                    <a:pt x="179979" y="430955"/>
                    <a:pt x="185395" y="433621"/>
                    <a:pt x="190337" y="432002"/>
                  </a:cubicBezTo>
                  <a:lnTo>
                    <a:pt x="190337" y="432002"/>
                  </a:lnTo>
                  <a:cubicBezTo>
                    <a:pt x="195278" y="430384"/>
                    <a:pt x="197939" y="424958"/>
                    <a:pt x="196323" y="420008"/>
                  </a:cubicBezTo>
                  <a:lnTo>
                    <a:pt x="159168" y="308246"/>
                  </a:lnTo>
                  <a:cubicBezTo>
                    <a:pt x="157838" y="304344"/>
                    <a:pt x="154227" y="301773"/>
                    <a:pt x="150141" y="301773"/>
                  </a:cubicBezTo>
                  <a:lnTo>
                    <a:pt x="79156" y="301773"/>
                  </a:lnTo>
                  <a:cubicBezTo>
                    <a:pt x="45897" y="301773"/>
                    <a:pt x="18910" y="274737"/>
                    <a:pt x="18910" y="241419"/>
                  </a:cubicBezTo>
                  <a:lnTo>
                    <a:pt x="18910" y="109476"/>
                  </a:lnTo>
                  <a:cubicBezTo>
                    <a:pt x="18910" y="87295"/>
                    <a:pt x="36870" y="69303"/>
                    <a:pt x="59011" y="69303"/>
                  </a:cubicBezTo>
                  <a:lnTo>
                    <a:pt x="81912" y="69303"/>
                  </a:lnTo>
                  <a:cubicBezTo>
                    <a:pt x="84383" y="69303"/>
                    <a:pt x="86854" y="70255"/>
                    <a:pt x="88564" y="72064"/>
                  </a:cubicBezTo>
                  <a:lnTo>
                    <a:pt x="153372" y="136893"/>
                  </a:lnTo>
                  <a:cubicBezTo>
                    <a:pt x="155177" y="138701"/>
                    <a:pt x="157553" y="139653"/>
                    <a:pt x="160024" y="139653"/>
                  </a:cubicBezTo>
                  <a:lnTo>
                    <a:pt x="209532" y="139653"/>
                  </a:lnTo>
                  <a:cubicBezTo>
                    <a:pt x="215899" y="139653"/>
                    <a:pt x="220650" y="145936"/>
                    <a:pt x="218560" y="151934"/>
                  </a:cubicBezTo>
                  <a:cubicBezTo>
                    <a:pt x="217324" y="155646"/>
                    <a:pt x="215424" y="159359"/>
                    <a:pt x="212668" y="162500"/>
                  </a:cubicBezTo>
                  <a:cubicBezTo>
                    <a:pt x="207631" y="168212"/>
                    <a:pt x="200219" y="170973"/>
                    <a:pt x="190052" y="170973"/>
                  </a:cubicBezTo>
                  <a:lnTo>
                    <a:pt x="127620" y="170973"/>
                  </a:lnTo>
                  <a:cubicBezTo>
                    <a:pt x="125149" y="170973"/>
                    <a:pt x="122678" y="170021"/>
                    <a:pt x="120968" y="168212"/>
                  </a:cubicBezTo>
                  <a:lnTo>
                    <a:pt x="72980" y="120138"/>
                  </a:lnTo>
                  <a:cubicBezTo>
                    <a:pt x="69274" y="116425"/>
                    <a:pt x="63287" y="116425"/>
                    <a:pt x="59581" y="120138"/>
                  </a:cubicBezTo>
                  <a:lnTo>
                    <a:pt x="59581" y="120138"/>
                  </a:lnTo>
                  <a:cubicBezTo>
                    <a:pt x="55875" y="123851"/>
                    <a:pt x="55875" y="129848"/>
                    <a:pt x="59581" y="133561"/>
                  </a:cubicBezTo>
                  <a:lnTo>
                    <a:pt x="87519" y="161549"/>
                  </a:lnTo>
                  <a:cubicBezTo>
                    <a:pt x="89324" y="163357"/>
                    <a:pt x="90275" y="165737"/>
                    <a:pt x="90275" y="168212"/>
                  </a:cubicBezTo>
                  <a:lnTo>
                    <a:pt x="90275" y="230757"/>
                  </a:lnTo>
                  <a:cubicBezTo>
                    <a:pt x="90275" y="235992"/>
                    <a:pt x="94551" y="240276"/>
                    <a:pt x="99777" y="240276"/>
                  </a:cubicBezTo>
                  <a:lnTo>
                    <a:pt x="160024" y="240276"/>
                  </a:lnTo>
                  <a:cubicBezTo>
                    <a:pt x="177128" y="240276"/>
                    <a:pt x="192522" y="251033"/>
                    <a:pt x="198319" y="267122"/>
                  </a:cubicBezTo>
                  <a:lnTo>
                    <a:pt x="234524" y="424862"/>
                  </a:lnTo>
                  <a:cubicBezTo>
                    <a:pt x="235664" y="430003"/>
                    <a:pt x="240796" y="433145"/>
                    <a:pt x="245927" y="432002"/>
                  </a:cubicBezTo>
                  <a:lnTo>
                    <a:pt x="245927" y="432002"/>
                  </a:lnTo>
                  <a:cubicBezTo>
                    <a:pt x="251058" y="430765"/>
                    <a:pt x="254194" y="425719"/>
                    <a:pt x="253054" y="420579"/>
                  </a:cubicBezTo>
                  <a:lnTo>
                    <a:pt x="216754" y="262267"/>
                  </a:lnTo>
                  <a:lnTo>
                    <a:pt x="216374" y="261315"/>
                  </a:lnTo>
                  <a:cubicBezTo>
                    <a:pt x="208012" y="237325"/>
                    <a:pt x="185395" y="221237"/>
                    <a:pt x="160024" y="221237"/>
                  </a:cubicBezTo>
                  <a:lnTo>
                    <a:pt x="118782" y="221237"/>
                  </a:lnTo>
                  <a:cubicBezTo>
                    <a:pt x="113556" y="221237"/>
                    <a:pt x="109280" y="216953"/>
                    <a:pt x="109280" y="211717"/>
                  </a:cubicBezTo>
                  <a:lnTo>
                    <a:pt x="109280" y="199437"/>
                  </a:lnTo>
                  <a:cubicBezTo>
                    <a:pt x="109280" y="194201"/>
                    <a:pt x="113556" y="189917"/>
                    <a:pt x="118782" y="189917"/>
                  </a:cubicBezTo>
                  <a:lnTo>
                    <a:pt x="432368" y="189917"/>
                  </a:lnTo>
                  <a:cubicBezTo>
                    <a:pt x="437594" y="189917"/>
                    <a:pt x="441870" y="194201"/>
                    <a:pt x="441870" y="199437"/>
                  </a:cubicBezTo>
                  <a:lnTo>
                    <a:pt x="441870" y="211717"/>
                  </a:lnTo>
                  <a:cubicBezTo>
                    <a:pt x="441870" y="216953"/>
                    <a:pt x="437594" y="221237"/>
                    <a:pt x="432368" y="221237"/>
                  </a:cubicBezTo>
                  <a:lnTo>
                    <a:pt x="386565" y="221237"/>
                  </a:lnTo>
                  <a:cubicBezTo>
                    <a:pt x="361193" y="221237"/>
                    <a:pt x="338577" y="237325"/>
                    <a:pt x="330215" y="261315"/>
                  </a:cubicBezTo>
                  <a:lnTo>
                    <a:pt x="295721" y="420674"/>
                  </a:lnTo>
                  <a:cubicBezTo>
                    <a:pt x="294580" y="425814"/>
                    <a:pt x="297811" y="430860"/>
                    <a:pt x="302942" y="431907"/>
                  </a:cubicBezTo>
                  <a:lnTo>
                    <a:pt x="302942" y="431907"/>
                  </a:lnTo>
                  <a:cubicBezTo>
                    <a:pt x="308074" y="433049"/>
                    <a:pt x="313110" y="429813"/>
                    <a:pt x="314251" y="424672"/>
                  </a:cubicBezTo>
                  <a:lnTo>
                    <a:pt x="348365" y="267026"/>
                  </a:lnTo>
                  <a:cubicBezTo>
                    <a:pt x="354161" y="251033"/>
                    <a:pt x="369461" y="240276"/>
                    <a:pt x="386565" y="240276"/>
                  </a:cubicBezTo>
                  <a:lnTo>
                    <a:pt x="451373" y="240276"/>
                  </a:lnTo>
                  <a:cubicBezTo>
                    <a:pt x="456599" y="240276"/>
                    <a:pt x="460876" y="235992"/>
                    <a:pt x="460876" y="230757"/>
                  </a:cubicBezTo>
                  <a:lnTo>
                    <a:pt x="460876" y="160311"/>
                  </a:lnTo>
                  <a:lnTo>
                    <a:pt x="460305" y="160311"/>
                  </a:lnTo>
                  <a:lnTo>
                    <a:pt x="487008" y="133561"/>
                  </a:lnTo>
                  <a:cubicBezTo>
                    <a:pt x="490714" y="129848"/>
                    <a:pt x="490714" y="123851"/>
                    <a:pt x="487008" y="120138"/>
                  </a:cubicBezTo>
                  <a:lnTo>
                    <a:pt x="487008" y="120138"/>
                  </a:lnTo>
                  <a:cubicBezTo>
                    <a:pt x="483302" y="116425"/>
                    <a:pt x="477315" y="116425"/>
                    <a:pt x="473609" y="120138"/>
                  </a:cubicBezTo>
                  <a:lnTo>
                    <a:pt x="425526" y="168308"/>
                  </a:lnTo>
                  <a:cubicBezTo>
                    <a:pt x="423720" y="170116"/>
                    <a:pt x="421345" y="171068"/>
                    <a:pt x="418874" y="171068"/>
                  </a:cubicBezTo>
                  <a:lnTo>
                    <a:pt x="356442" y="171068"/>
                  </a:lnTo>
                  <a:cubicBezTo>
                    <a:pt x="346369" y="171068"/>
                    <a:pt x="338957" y="168308"/>
                    <a:pt x="333921" y="162596"/>
                  </a:cubicBezTo>
                  <a:cubicBezTo>
                    <a:pt x="331165" y="159549"/>
                    <a:pt x="329265" y="155837"/>
                    <a:pt x="328029" y="152124"/>
                  </a:cubicBezTo>
                  <a:cubicBezTo>
                    <a:pt x="325939" y="146032"/>
                    <a:pt x="330690" y="139749"/>
                    <a:pt x="337057" y="139749"/>
                  </a:cubicBezTo>
                  <a:lnTo>
                    <a:pt x="386470" y="139749"/>
                  </a:lnTo>
                  <a:cubicBezTo>
                    <a:pt x="388941" y="139749"/>
                    <a:pt x="391412" y="138797"/>
                    <a:pt x="393122" y="136988"/>
                  </a:cubicBezTo>
                  <a:lnTo>
                    <a:pt x="457930" y="72159"/>
                  </a:lnTo>
                  <a:cubicBezTo>
                    <a:pt x="459735" y="70350"/>
                    <a:pt x="462111" y="69398"/>
                    <a:pt x="464582" y="69398"/>
                  </a:cubicBezTo>
                  <a:lnTo>
                    <a:pt x="496890" y="69398"/>
                  </a:lnTo>
                  <a:cubicBezTo>
                    <a:pt x="513235" y="69398"/>
                    <a:pt x="532145" y="82821"/>
                    <a:pt x="532145" y="100051"/>
                  </a:cubicBezTo>
                  <a:lnTo>
                    <a:pt x="532145" y="250938"/>
                  </a:lnTo>
                  <a:cubicBezTo>
                    <a:pt x="532145" y="278069"/>
                    <a:pt x="506298" y="301773"/>
                    <a:pt x="476840" y="301773"/>
                  </a:cubicBezTo>
                  <a:lnTo>
                    <a:pt x="396543" y="301773"/>
                  </a:lnTo>
                  <a:cubicBezTo>
                    <a:pt x="392457" y="301773"/>
                    <a:pt x="388846" y="304344"/>
                    <a:pt x="387516" y="308246"/>
                  </a:cubicBezTo>
                  <a:lnTo>
                    <a:pt x="350265" y="420008"/>
                  </a:lnTo>
                  <a:cubicBezTo>
                    <a:pt x="348650" y="424958"/>
                    <a:pt x="351311" y="430384"/>
                    <a:pt x="356252" y="432002"/>
                  </a:cubicBezTo>
                  <a:lnTo>
                    <a:pt x="356252" y="432002"/>
                  </a:lnTo>
                  <a:cubicBezTo>
                    <a:pt x="361193" y="433716"/>
                    <a:pt x="366515" y="430955"/>
                    <a:pt x="368225" y="426005"/>
                  </a:cubicBezTo>
                  <a:lnTo>
                    <a:pt x="401104" y="327286"/>
                  </a:lnTo>
                  <a:cubicBezTo>
                    <a:pt x="402435" y="323383"/>
                    <a:pt x="406046" y="320813"/>
                    <a:pt x="410132" y="320813"/>
                  </a:cubicBezTo>
                  <a:lnTo>
                    <a:pt x="476745" y="320813"/>
                  </a:lnTo>
                  <a:cubicBezTo>
                    <a:pt x="516371" y="320813"/>
                    <a:pt x="551055" y="288160"/>
                    <a:pt x="551055" y="250938"/>
                  </a:cubicBezTo>
                  <a:lnTo>
                    <a:pt x="551055" y="100051"/>
                  </a:lnTo>
                  <a:cubicBezTo>
                    <a:pt x="551055" y="73587"/>
                    <a:pt x="525683" y="50359"/>
                    <a:pt x="496795" y="50359"/>
                  </a:cubicBezTo>
                  <a:close/>
                  <a:moveTo>
                    <a:pt x="362049" y="120709"/>
                  </a:moveTo>
                  <a:lnTo>
                    <a:pt x="349790" y="120709"/>
                  </a:lnTo>
                  <a:cubicBezTo>
                    <a:pt x="344564" y="120709"/>
                    <a:pt x="340288" y="116425"/>
                    <a:pt x="340288" y="111190"/>
                  </a:cubicBezTo>
                  <a:lnTo>
                    <a:pt x="340288" y="89389"/>
                  </a:lnTo>
                  <a:cubicBezTo>
                    <a:pt x="340288" y="84154"/>
                    <a:pt x="336012" y="79870"/>
                    <a:pt x="330785" y="79870"/>
                  </a:cubicBezTo>
                  <a:lnTo>
                    <a:pt x="330785" y="79870"/>
                  </a:lnTo>
                  <a:cubicBezTo>
                    <a:pt x="325559" y="79870"/>
                    <a:pt x="321283" y="84154"/>
                    <a:pt x="321283" y="89389"/>
                  </a:cubicBezTo>
                  <a:lnTo>
                    <a:pt x="321283" y="111190"/>
                  </a:lnTo>
                  <a:cubicBezTo>
                    <a:pt x="321283" y="116425"/>
                    <a:pt x="317006" y="120709"/>
                    <a:pt x="311780" y="120709"/>
                  </a:cubicBezTo>
                  <a:lnTo>
                    <a:pt x="307694" y="120709"/>
                  </a:lnTo>
                  <a:lnTo>
                    <a:pt x="306744" y="129182"/>
                  </a:lnTo>
                  <a:cubicBezTo>
                    <a:pt x="306744" y="129943"/>
                    <a:pt x="305223" y="143937"/>
                    <a:pt x="310069" y="158312"/>
                  </a:cubicBezTo>
                  <a:cubicBezTo>
                    <a:pt x="312160" y="164595"/>
                    <a:pt x="307789" y="171068"/>
                    <a:pt x="301232" y="171068"/>
                  </a:cubicBezTo>
                  <a:lnTo>
                    <a:pt x="245357" y="171068"/>
                  </a:lnTo>
                  <a:cubicBezTo>
                    <a:pt x="238800" y="171068"/>
                    <a:pt x="234429" y="164595"/>
                    <a:pt x="236519" y="158312"/>
                  </a:cubicBezTo>
                  <a:cubicBezTo>
                    <a:pt x="241366" y="143937"/>
                    <a:pt x="239940" y="129943"/>
                    <a:pt x="239750" y="129182"/>
                  </a:cubicBezTo>
                  <a:lnTo>
                    <a:pt x="238800" y="120709"/>
                  </a:lnTo>
                  <a:lnTo>
                    <a:pt x="229297" y="120709"/>
                  </a:lnTo>
                  <a:cubicBezTo>
                    <a:pt x="224071" y="120709"/>
                    <a:pt x="219795" y="116425"/>
                    <a:pt x="219795" y="111190"/>
                  </a:cubicBezTo>
                  <a:lnTo>
                    <a:pt x="219795" y="89389"/>
                  </a:lnTo>
                  <a:cubicBezTo>
                    <a:pt x="219795" y="84154"/>
                    <a:pt x="215519" y="79870"/>
                    <a:pt x="210292" y="79870"/>
                  </a:cubicBezTo>
                  <a:lnTo>
                    <a:pt x="210292" y="79870"/>
                  </a:lnTo>
                  <a:cubicBezTo>
                    <a:pt x="205066" y="79870"/>
                    <a:pt x="200790" y="84154"/>
                    <a:pt x="200790" y="89389"/>
                  </a:cubicBezTo>
                  <a:lnTo>
                    <a:pt x="200790" y="111190"/>
                  </a:lnTo>
                  <a:cubicBezTo>
                    <a:pt x="200790" y="116425"/>
                    <a:pt x="196513" y="120709"/>
                    <a:pt x="191287" y="120709"/>
                  </a:cubicBezTo>
                  <a:lnTo>
                    <a:pt x="178934" y="120709"/>
                  </a:lnTo>
                  <a:cubicBezTo>
                    <a:pt x="173707" y="120709"/>
                    <a:pt x="169431" y="116425"/>
                    <a:pt x="169431" y="111190"/>
                  </a:cubicBezTo>
                  <a:lnTo>
                    <a:pt x="169431" y="69874"/>
                  </a:lnTo>
                  <a:cubicBezTo>
                    <a:pt x="169431" y="38364"/>
                    <a:pt x="234809" y="19039"/>
                    <a:pt x="270444" y="19039"/>
                  </a:cubicBezTo>
                  <a:cubicBezTo>
                    <a:pt x="306078" y="19039"/>
                    <a:pt x="371361" y="38364"/>
                    <a:pt x="371361" y="69874"/>
                  </a:cubicBezTo>
                  <a:lnTo>
                    <a:pt x="371361" y="111190"/>
                  </a:lnTo>
                  <a:cubicBezTo>
                    <a:pt x="371361" y="116425"/>
                    <a:pt x="367085" y="120709"/>
                    <a:pt x="361858" y="120709"/>
                  </a:cubicBezTo>
                  <a:close/>
                </a:path>
              </a:pathLst>
            </a:custGeom>
            <a:solidFill>
              <a:srgbClr val="265A9A"/>
            </a:solidFill>
            <a:ln w="0" cap="flat">
              <a:noFill/>
              <a:prstDash val="solid"/>
              <a:miter/>
            </a:ln>
          </p:spPr>
          <p:txBody>
            <a:bodyPr rtlCol="0" anchor="ctr"/>
            <a:lstStyle/>
            <a:p>
              <a:endParaRPr lang="en-US"/>
            </a:p>
          </p:txBody>
        </p:sp>
        <p:sp>
          <p:nvSpPr>
            <p:cNvPr id="31" name="Freeform 9">
              <a:extLst>
                <a:ext uri="{FF2B5EF4-FFF2-40B4-BE49-F238E27FC236}">
                  <a16:creationId xmlns:a16="http://schemas.microsoft.com/office/drawing/2014/main" id="{85D32D62-2FCA-7F5F-5565-F1BC8365FA45}"/>
                </a:ext>
              </a:extLst>
            </p:cNvPr>
            <p:cNvSpPr/>
            <p:nvPr/>
          </p:nvSpPr>
          <p:spPr>
            <a:xfrm>
              <a:off x="5799433" y="3826622"/>
              <a:ext cx="170191" cy="301296"/>
            </a:xfrm>
            <a:custGeom>
              <a:avLst/>
              <a:gdLst>
                <a:gd name="connsiteX0" fmla="*/ 151186 w 170191"/>
                <a:gd name="connsiteY0" fmla="*/ 191155 h 301297"/>
                <a:gd name="connsiteX1" fmla="*/ 60247 w 170191"/>
                <a:gd name="connsiteY1" fmla="*/ 282258 h 301297"/>
                <a:gd name="connsiteX2" fmla="*/ 0 w 170191"/>
                <a:gd name="connsiteY2" fmla="*/ 282258 h 301297"/>
                <a:gd name="connsiteX3" fmla="*/ 0 w 170191"/>
                <a:gd name="connsiteY3" fmla="*/ 301298 h 301297"/>
                <a:gd name="connsiteX4" fmla="*/ 60247 w 170191"/>
                <a:gd name="connsiteY4" fmla="*/ 301298 h 301297"/>
                <a:gd name="connsiteX5" fmla="*/ 170191 w 170191"/>
                <a:gd name="connsiteY5" fmla="*/ 191155 h 301297"/>
                <a:gd name="connsiteX6" fmla="*/ 170191 w 170191"/>
                <a:gd name="connsiteY6" fmla="*/ 0 h 301297"/>
                <a:gd name="connsiteX7" fmla="*/ 151186 w 170191"/>
                <a:gd name="connsiteY7" fmla="*/ 0 h 301297"/>
                <a:gd name="connsiteX8" fmla="*/ 151186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51186" y="191155"/>
                  </a:moveTo>
                  <a:cubicBezTo>
                    <a:pt x="151186" y="241419"/>
                    <a:pt x="110420" y="282258"/>
                    <a:pt x="60247" y="282258"/>
                  </a:cubicBezTo>
                  <a:lnTo>
                    <a:pt x="0" y="282258"/>
                  </a:lnTo>
                  <a:lnTo>
                    <a:pt x="0" y="301298"/>
                  </a:lnTo>
                  <a:lnTo>
                    <a:pt x="60247" y="301298"/>
                  </a:lnTo>
                  <a:cubicBezTo>
                    <a:pt x="120873" y="301298"/>
                    <a:pt x="170191" y="251891"/>
                    <a:pt x="170191" y="191155"/>
                  </a:cubicBezTo>
                  <a:lnTo>
                    <a:pt x="170191" y="0"/>
                  </a:lnTo>
                  <a:lnTo>
                    <a:pt x="151186" y="0"/>
                  </a:lnTo>
                  <a:lnTo>
                    <a:pt x="151186" y="191155"/>
                  </a:lnTo>
                  <a:close/>
                </a:path>
              </a:pathLst>
            </a:custGeom>
            <a:solidFill>
              <a:srgbClr val="265A9A"/>
            </a:solidFill>
            <a:ln w="0" cap="flat">
              <a:noFill/>
              <a:prstDash val="solid"/>
              <a:miter/>
            </a:ln>
          </p:spPr>
          <p:txBody>
            <a:bodyPr rtlCol="0" anchor="ctr"/>
            <a:lstStyle/>
            <a:p>
              <a:endParaRPr lang="en-US"/>
            </a:p>
          </p:txBody>
        </p:sp>
        <p:sp>
          <p:nvSpPr>
            <p:cNvPr id="32" name="Freeform 10">
              <a:extLst>
                <a:ext uri="{FF2B5EF4-FFF2-40B4-BE49-F238E27FC236}">
                  <a16:creationId xmlns:a16="http://schemas.microsoft.com/office/drawing/2014/main" id="{4E22DECA-1ED3-42BD-362B-0583156809E3}"/>
                </a:ext>
              </a:extLst>
            </p:cNvPr>
            <p:cNvSpPr/>
            <p:nvPr/>
          </p:nvSpPr>
          <p:spPr>
            <a:xfrm>
              <a:off x="5338081" y="3826626"/>
              <a:ext cx="170191" cy="301296"/>
            </a:xfrm>
            <a:custGeom>
              <a:avLst/>
              <a:gdLst>
                <a:gd name="connsiteX0" fmla="*/ 19005 w 170191"/>
                <a:gd name="connsiteY0" fmla="*/ 191155 h 301297"/>
                <a:gd name="connsiteX1" fmla="*/ 19005 w 170191"/>
                <a:gd name="connsiteY1" fmla="*/ 0 h 301297"/>
                <a:gd name="connsiteX2" fmla="*/ 0 w 170191"/>
                <a:gd name="connsiteY2" fmla="*/ 0 h 301297"/>
                <a:gd name="connsiteX3" fmla="*/ 0 w 170191"/>
                <a:gd name="connsiteY3" fmla="*/ 191155 h 301297"/>
                <a:gd name="connsiteX4" fmla="*/ 109945 w 170191"/>
                <a:gd name="connsiteY4" fmla="*/ 301298 h 301297"/>
                <a:gd name="connsiteX5" fmla="*/ 170191 w 170191"/>
                <a:gd name="connsiteY5" fmla="*/ 301298 h 301297"/>
                <a:gd name="connsiteX6" fmla="*/ 170191 w 170191"/>
                <a:gd name="connsiteY6" fmla="*/ 282258 h 301297"/>
                <a:gd name="connsiteX7" fmla="*/ 109945 w 170191"/>
                <a:gd name="connsiteY7" fmla="*/ 282258 h 301297"/>
                <a:gd name="connsiteX8" fmla="*/ 19005 w 170191"/>
                <a:gd name="connsiteY8" fmla="*/ 191155 h 30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0191" h="301297">
                  <a:moveTo>
                    <a:pt x="19005" y="191155"/>
                  </a:moveTo>
                  <a:lnTo>
                    <a:pt x="19005" y="0"/>
                  </a:lnTo>
                  <a:lnTo>
                    <a:pt x="0" y="0"/>
                  </a:lnTo>
                  <a:lnTo>
                    <a:pt x="0" y="191155"/>
                  </a:lnTo>
                  <a:cubicBezTo>
                    <a:pt x="0" y="251891"/>
                    <a:pt x="49318" y="301298"/>
                    <a:pt x="109945" y="301298"/>
                  </a:cubicBezTo>
                  <a:lnTo>
                    <a:pt x="170191" y="301298"/>
                  </a:lnTo>
                  <a:lnTo>
                    <a:pt x="170191" y="282258"/>
                  </a:lnTo>
                  <a:lnTo>
                    <a:pt x="109945" y="282258"/>
                  </a:lnTo>
                  <a:cubicBezTo>
                    <a:pt x="59771" y="282258"/>
                    <a:pt x="19005" y="241419"/>
                    <a:pt x="19005" y="191155"/>
                  </a:cubicBezTo>
                  <a:close/>
                </a:path>
              </a:pathLst>
            </a:custGeom>
            <a:solidFill>
              <a:srgbClr val="265A9A"/>
            </a:solidFill>
            <a:ln w="0" cap="flat">
              <a:noFill/>
              <a:prstDash val="solid"/>
              <a:miter/>
            </a:ln>
          </p:spPr>
          <p:txBody>
            <a:bodyPr rtlCol="0" anchor="ctr"/>
            <a:lstStyle/>
            <a:p>
              <a:endParaRPr lang="en-US"/>
            </a:p>
          </p:txBody>
        </p:sp>
        <p:sp>
          <p:nvSpPr>
            <p:cNvPr id="33" name="Freeform 11">
              <a:extLst>
                <a:ext uri="{FF2B5EF4-FFF2-40B4-BE49-F238E27FC236}">
                  <a16:creationId xmlns:a16="http://schemas.microsoft.com/office/drawing/2014/main" id="{F9183A6E-7EFD-7BE7-D693-AC4BAC3DA1E0}"/>
                </a:ext>
              </a:extLst>
            </p:cNvPr>
            <p:cNvSpPr/>
            <p:nvPr/>
          </p:nvSpPr>
          <p:spPr>
            <a:xfrm>
              <a:off x="5797913" y="3668886"/>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34" name="Freeform 12">
              <a:extLst>
                <a:ext uri="{FF2B5EF4-FFF2-40B4-BE49-F238E27FC236}">
                  <a16:creationId xmlns:a16="http://schemas.microsoft.com/office/drawing/2014/main" id="{284763BB-9115-0429-4A94-9F19B315C1D0}"/>
                </a:ext>
              </a:extLst>
            </p:cNvPr>
            <p:cNvSpPr/>
            <p:nvPr/>
          </p:nvSpPr>
          <p:spPr>
            <a:xfrm>
              <a:off x="5584861" y="361853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sp>
          <p:nvSpPr>
            <p:cNvPr id="35" name="Freeform 13">
              <a:extLst>
                <a:ext uri="{FF2B5EF4-FFF2-40B4-BE49-F238E27FC236}">
                  <a16:creationId xmlns:a16="http://schemas.microsoft.com/office/drawing/2014/main" id="{408CD821-EF11-AFCE-7938-438F3EC2A8D5}"/>
                </a:ext>
              </a:extLst>
            </p:cNvPr>
            <p:cNvSpPr/>
            <p:nvPr/>
          </p:nvSpPr>
          <p:spPr>
            <a:xfrm>
              <a:off x="5366486" y="3668895"/>
              <a:ext cx="137882" cy="134417"/>
            </a:xfrm>
            <a:custGeom>
              <a:avLst/>
              <a:gdLst>
                <a:gd name="connsiteX0" fmla="*/ 68894 w 137882"/>
                <a:gd name="connsiteY0" fmla="*/ 0 h 134417"/>
                <a:gd name="connsiteX1" fmla="*/ 0 w 137882"/>
                <a:gd name="connsiteY1" fmla="*/ 67209 h 134417"/>
                <a:gd name="connsiteX2" fmla="*/ 68894 w 137882"/>
                <a:gd name="connsiteY2" fmla="*/ 134418 h 134417"/>
                <a:gd name="connsiteX3" fmla="*/ 137883 w 137882"/>
                <a:gd name="connsiteY3" fmla="*/ 67209 h 134417"/>
                <a:gd name="connsiteX4" fmla="*/ 68894 w 137882"/>
                <a:gd name="connsiteY4" fmla="*/ 0 h 134417"/>
                <a:gd name="connsiteX5" fmla="*/ 68894 w 137882"/>
                <a:gd name="connsiteY5" fmla="*/ 117568 h 134417"/>
                <a:gd name="connsiteX6" fmla="*/ 16725 w 137882"/>
                <a:gd name="connsiteY6" fmla="*/ 67209 h 134417"/>
                <a:gd name="connsiteX7" fmla="*/ 68894 w 137882"/>
                <a:gd name="connsiteY7" fmla="*/ 16850 h 134417"/>
                <a:gd name="connsiteX8" fmla="*/ 121063 w 137882"/>
                <a:gd name="connsiteY8" fmla="*/ 67209 h 134417"/>
                <a:gd name="connsiteX9" fmla="*/ 68894 w 137882"/>
                <a:gd name="connsiteY9" fmla="*/ 117568 h 134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7882" h="134417">
                  <a:moveTo>
                    <a:pt x="68894" y="0"/>
                  </a:moveTo>
                  <a:cubicBezTo>
                    <a:pt x="30883" y="0"/>
                    <a:pt x="0" y="30177"/>
                    <a:pt x="0" y="67209"/>
                  </a:cubicBezTo>
                  <a:cubicBezTo>
                    <a:pt x="0" y="104240"/>
                    <a:pt x="30883" y="134418"/>
                    <a:pt x="68894" y="134418"/>
                  </a:cubicBezTo>
                  <a:cubicBezTo>
                    <a:pt x="106904" y="134418"/>
                    <a:pt x="137883" y="104240"/>
                    <a:pt x="137883" y="67209"/>
                  </a:cubicBezTo>
                  <a:cubicBezTo>
                    <a:pt x="137883" y="30177"/>
                    <a:pt x="106999" y="0"/>
                    <a:pt x="68894" y="0"/>
                  </a:cubicBezTo>
                  <a:close/>
                  <a:moveTo>
                    <a:pt x="68894" y="117568"/>
                  </a:moveTo>
                  <a:cubicBezTo>
                    <a:pt x="40101" y="117568"/>
                    <a:pt x="16725" y="95006"/>
                    <a:pt x="16725" y="67209"/>
                  </a:cubicBezTo>
                  <a:cubicBezTo>
                    <a:pt x="16725" y="39411"/>
                    <a:pt x="40101" y="16850"/>
                    <a:pt x="68894" y="16850"/>
                  </a:cubicBezTo>
                  <a:cubicBezTo>
                    <a:pt x="97687" y="16850"/>
                    <a:pt x="121063" y="39507"/>
                    <a:pt x="121063" y="67209"/>
                  </a:cubicBezTo>
                  <a:cubicBezTo>
                    <a:pt x="121063" y="94911"/>
                    <a:pt x="97687" y="117568"/>
                    <a:pt x="68894" y="117568"/>
                  </a:cubicBezTo>
                  <a:close/>
                </a:path>
              </a:pathLst>
            </a:custGeom>
            <a:solidFill>
              <a:srgbClr val="265A9A"/>
            </a:solidFill>
            <a:ln w="0" cap="flat">
              <a:noFill/>
              <a:prstDash val="solid"/>
              <a:miter/>
            </a:ln>
          </p:spPr>
          <p:txBody>
            <a:bodyPr rtlCol="0" anchor="ctr"/>
            <a:lstStyle/>
            <a:p>
              <a:endParaRPr lang="en-US"/>
            </a:p>
          </p:txBody>
        </p:sp>
      </p:grpSp>
      <p:grpSp>
        <p:nvGrpSpPr>
          <p:cNvPr id="36" name="Group 35">
            <a:extLst>
              <a:ext uri="{FF2B5EF4-FFF2-40B4-BE49-F238E27FC236}">
                <a16:creationId xmlns:a16="http://schemas.microsoft.com/office/drawing/2014/main" id="{920733AC-01E1-1863-70AC-C157C3873B78}"/>
              </a:ext>
            </a:extLst>
          </p:cNvPr>
          <p:cNvGrpSpPr/>
          <p:nvPr/>
        </p:nvGrpSpPr>
        <p:grpSpPr>
          <a:xfrm>
            <a:off x="9507104" y="4962792"/>
            <a:ext cx="574287" cy="665687"/>
            <a:chOff x="2939704" y="3603316"/>
            <a:chExt cx="445095" cy="429505"/>
          </a:xfrm>
        </p:grpSpPr>
        <p:sp>
          <p:nvSpPr>
            <p:cNvPr id="37" name="Freeform: Shape 36">
              <a:extLst>
                <a:ext uri="{FF2B5EF4-FFF2-40B4-BE49-F238E27FC236}">
                  <a16:creationId xmlns:a16="http://schemas.microsoft.com/office/drawing/2014/main" id="{4C16665B-A0E2-9688-97EC-57902EDECBDF}"/>
                </a:ext>
              </a:extLst>
            </p:cNvPr>
            <p:cNvSpPr/>
            <p:nvPr/>
          </p:nvSpPr>
          <p:spPr>
            <a:xfrm>
              <a:off x="3056592" y="3618571"/>
              <a:ext cx="211095" cy="173647"/>
            </a:xfrm>
            <a:custGeom>
              <a:avLst/>
              <a:gdLst>
                <a:gd name="connsiteX0" fmla="*/ 10457 w 211095"/>
                <a:gd name="connsiteY0" fmla="*/ 78398 h 173647"/>
                <a:gd name="connsiteX1" fmla="*/ 105707 w 211095"/>
                <a:gd name="connsiteY1" fmla="*/ 173648 h 173647"/>
                <a:gd name="connsiteX2" fmla="*/ 200957 w 211095"/>
                <a:gd name="connsiteY2" fmla="*/ 78398 h 173647"/>
                <a:gd name="connsiteX3" fmla="*/ 210482 w 211095"/>
                <a:gd name="connsiteY3" fmla="*/ 40869 h 173647"/>
                <a:gd name="connsiteX4" fmla="*/ 168096 w 211095"/>
                <a:gd name="connsiteY4" fmla="*/ 102 h 173647"/>
                <a:gd name="connsiteX5" fmla="*/ 112660 w 211095"/>
                <a:gd name="connsiteY5" fmla="*/ 31916 h 173647"/>
                <a:gd name="connsiteX6" fmla="*/ 101668 w 211095"/>
                <a:gd name="connsiteY6" fmla="*/ 35117 h 173647"/>
                <a:gd name="connsiteX7" fmla="*/ 98468 w 211095"/>
                <a:gd name="connsiteY7" fmla="*/ 31916 h 173647"/>
                <a:gd name="connsiteX8" fmla="*/ 42937 w 211095"/>
                <a:gd name="connsiteY8" fmla="*/ 102 h 173647"/>
                <a:gd name="connsiteX9" fmla="*/ 551 w 211095"/>
                <a:gd name="connsiteY9" fmla="*/ 40869 h 173647"/>
                <a:gd name="connsiteX10" fmla="*/ 10457 w 211095"/>
                <a:gd name="connsiteY10" fmla="*/ 78398 h 173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11095" h="173647">
                  <a:moveTo>
                    <a:pt x="10457" y="78398"/>
                  </a:moveTo>
                  <a:lnTo>
                    <a:pt x="105707" y="173648"/>
                  </a:lnTo>
                  <a:lnTo>
                    <a:pt x="200957" y="78398"/>
                  </a:lnTo>
                  <a:cubicBezTo>
                    <a:pt x="209168" y="67730"/>
                    <a:pt x="212606" y="54157"/>
                    <a:pt x="210482" y="40869"/>
                  </a:cubicBezTo>
                  <a:cubicBezTo>
                    <a:pt x="206882" y="19429"/>
                    <a:pt x="189660" y="2865"/>
                    <a:pt x="168096" y="102"/>
                  </a:cubicBezTo>
                  <a:cubicBezTo>
                    <a:pt x="144931" y="-1269"/>
                    <a:pt x="123157" y="11228"/>
                    <a:pt x="112660" y="31916"/>
                  </a:cubicBezTo>
                  <a:cubicBezTo>
                    <a:pt x="110508" y="35831"/>
                    <a:pt x="105583" y="37269"/>
                    <a:pt x="101668" y="35117"/>
                  </a:cubicBezTo>
                  <a:cubicBezTo>
                    <a:pt x="100316" y="34374"/>
                    <a:pt x="99211" y="33269"/>
                    <a:pt x="98468" y="31916"/>
                  </a:cubicBezTo>
                  <a:cubicBezTo>
                    <a:pt x="87857" y="11275"/>
                    <a:pt x="66102" y="-1183"/>
                    <a:pt x="42937" y="102"/>
                  </a:cubicBezTo>
                  <a:cubicBezTo>
                    <a:pt x="21382" y="2893"/>
                    <a:pt x="4180" y="19438"/>
                    <a:pt x="551" y="40869"/>
                  </a:cubicBezTo>
                  <a:cubicBezTo>
                    <a:pt x="-1468" y="54214"/>
                    <a:pt x="2113" y="67797"/>
                    <a:pt x="10457" y="78398"/>
                  </a:cubicBezTo>
                  <a:close/>
                </a:path>
              </a:pathLst>
            </a:custGeom>
            <a:solidFill>
              <a:srgbClr val="C7E4F1"/>
            </a:solidFill>
            <a:ln w="9525" cap="flat">
              <a:noFill/>
              <a:prstDash val="solid"/>
              <a:miter/>
            </a:ln>
          </p:spPr>
          <p:txBody>
            <a:bodyPr rtlCol="0" anchor="ctr"/>
            <a:lstStyle/>
            <a:p>
              <a:endParaRPr lang="en-AU" sz="153"/>
            </a:p>
          </p:txBody>
        </p:sp>
        <p:sp>
          <p:nvSpPr>
            <p:cNvPr id="38" name="Freeform: Shape 37">
              <a:extLst>
                <a:ext uri="{FF2B5EF4-FFF2-40B4-BE49-F238E27FC236}">
                  <a16:creationId xmlns:a16="http://schemas.microsoft.com/office/drawing/2014/main" id="{A623AA53-76E9-835A-0834-A533D4981228}"/>
                </a:ext>
              </a:extLst>
            </p:cNvPr>
            <p:cNvSpPr/>
            <p:nvPr/>
          </p:nvSpPr>
          <p:spPr>
            <a:xfrm>
              <a:off x="2989611" y="3973290"/>
              <a:ext cx="154209" cy="44100"/>
            </a:xfrm>
            <a:custGeom>
              <a:avLst/>
              <a:gdLst>
                <a:gd name="connsiteX0" fmla="*/ 0 w 154209"/>
                <a:gd name="connsiteY0" fmla="*/ 0 h 44100"/>
                <a:gd name="connsiteX1" fmla="*/ 154210 w 154209"/>
                <a:gd name="connsiteY1" fmla="*/ 0 h 44100"/>
                <a:gd name="connsiteX2" fmla="*/ 154210 w 154209"/>
                <a:gd name="connsiteY2" fmla="*/ 44101 h 44100"/>
                <a:gd name="connsiteX3" fmla="*/ 0 w 154209"/>
                <a:gd name="connsiteY3" fmla="*/ 44101 h 44100"/>
              </a:gdLst>
              <a:ahLst/>
              <a:cxnLst>
                <a:cxn ang="0">
                  <a:pos x="connsiteX0" y="connsiteY0"/>
                </a:cxn>
                <a:cxn ang="0">
                  <a:pos x="connsiteX1" y="connsiteY1"/>
                </a:cxn>
                <a:cxn ang="0">
                  <a:pos x="connsiteX2" y="connsiteY2"/>
                </a:cxn>
                <a:cxn ang="0">
                  <a:pos x="connsiteX3" y="connsiteY3"/>
                </a:cxn>
              </a:cxnLst>
              <a:rect l="l" t="t" r="r" b="b"/>
              <a:pathLst>
                <a:path w="154209" h="44100">
                  <a:moveTo>
                    <a:pt x="0" y="0"/>
                  </a:moveTo>
                  <a:lnTo>
                    <a:pt x="154210" y="0"/>
                  </a:lnTo>
                  <a:lnTo>
                    <a:pt x="154210" y="44101"/>
                  </a:lnTo>
                  <a:lnTo>
                    <a:pt x="0" y="44101"/>
                  </a:lnTo>
                  <a:close/>
                </a:path>
              </a:pathLst>
            </a:custGeom>
            <a:solidFill>
              <a:srgbClr val="66B9DA"/>
            </a:solidFill>
            <a:ln w="9525" cap="flat">
              <a:noFill/>
              <a:prstDash val="solid"/>
              <a:miter/>
            </a:ln>
          </p:spPr>
          <p:txBody>
            <a:bodyPr rtlCol="0" anchor="ctr"/>
            <a:lstStyle/>
            <a:p>
              <a:endParaRPr lang="en-AU" sz="153"/>
            </a:p>
          </p:txBody>
        </p:sp>
        <p:sp>
          <p:nvSpPr>
            <p:cNvPr id="39" name="Freeform: Shape 38">
              <a:extLst>
                <a:ext uri="{FF2B5EF4-FFF2-40B4-BE49-F238E27FC236}">
                  <a16:creationId xmlns:a16="http://schemas.microsoft.com/office/drawing/2014/main" id="{F0CF8BC5-77AE-23F1-10DC-5BEA29387850}"/>
                </a:ext>
              </a:extLst>
            </p:cNvPr>
            <p:cNvSpPr/>
            <p:nvPr/>
          </p:nvSpPr>
          <p:spPr>
            <a:xfrm>
              <a:off x="3172206" y="3973290"/>
              <a:ext cx="154209" cy="44100"/>
            </a:xfrm>
            <a:custGeom>
              <a:avLst/>
              <a:gdLst>
                <a:gd name="connsiteX0" fmla="*/ 0 w 154209"/>
                <a:gd name="connsiteY0" fmla="*/ 0 h 44100"/>
                <a:gd name="connsiteX1" fmla="*/ 154210 w 154209"/>
                <a:gd name="connsiteY1" fmla="*/ 0 h 44100"/>
                <a:gd name="connsiteX2" fmla="*/ 154210 w 154209"/>
                <a:gd name="connsiteY2" fmla="*/ 44101 h 44100"/>
                <a:gd name="connsiteX3" fmla="*/ 0 w 154209"/>
                <a:gd name="connsiteY3" fmla="*/ 44101 h 44100"/>
              </a:gdLst>
              <a:ahLst/>
              <a:cxnLst>
                <a:cxn ang="0">
                  <a:pos x="connsiteX0" y="connsiteY0"/>
                </a:cxn>
                <a:cxn ang="0">
                  <a:pos x="connsiteX1" y="connsiteY1"/>
                </a:cxn>
                <a:cxn ang="0">
                  <a:pos x="connsiteX2" y="connsiteY2"/>
                </a:cxn>
                <a:cxn ang="0">
                  <a:pos x="connsiteX3" y="connsiteY3"/>
                </a:cxn>
              </a:cxnLst>
              <a:rect l="l" t="t" r="r" b="b"/>
              <a:pathLst>
                <a:path w="154209" h="44100">
                  <a:moveTo>
                    <a:pt x="0" y="0"/>
                  </a:moveTo>
                  <a:lnTo>
                    <a:pt x="154210" y="0"/>
                  </a:lnTo>
                  <a:lnTo>
                    <a:pt x="154210" y="44101"/>
                  </a:lnTo>
                  <a:lnTo>
                    <a:pt x="0" y="44101"/>
                  </a:lnTo>
                  <a:close/>
                </a:path>
              </a:pathLst>
            </a:custGeom>
            <a:solidFill>
              <a:srgbClr val="66B9DA"/>
            </a:solidFill>
            <a:ln w="9525" cap="flat">
              <a:noFill/>
              <a:prstDash val="solid"/>
              <a:miter/>
            </a:ln>
          </p:spPr>
          <p:txBody>
            <a:bodyPr rtlCol="0" anchor="ctr"/>
            <a:lstStyle/>
            <a:p>
              <a:endParaRPr lang="en-AU" sz="153"/>
            </a:p>
          </p:txBody>
        </p:sp>
        <p:sp>
          <p:nvSpPr>
            <p:cNvPr id="40" name="Freeform: Shape 39">
              <a:extLst>
                <a:ext uri="{FF2B5EF4-FFF2-40B4-BE49-F238E27FC236}">
                  <a16:creationId xmlns:a16="http://schemas.microsoft.com/office/drawing/2014/main" id="{DBC1845B-EC15-54E9-92BD-80D43BD5137B}"/>
                </a:ext>
              </a:extLst>
            </p:cNvPr>
            <p:cNvSpPr/>
            <p:nvPr/>
          </p:nvSpPr>
          <p:spPr>
            <a:xfrm>
              <a:off x="3040912" y="3603316"/>
              <a:ext cx="242211" cy="207858"/>
            </a:xfrm>
            <a:custGeom>
              <a:avLst/>
              <a:gdLst>
                <a:gd name="connsiteX0" fmla="*/ 121388 w 242211"/>
                <a:gd name="connsiteY0" fmla="*/ 207858 h 207858"/>
                <a:gd name="connsiteX1" fmla="*/ 115863 w 242211"/>
                <a:gd name="connsiteY1" fmla="*/ 205572 h 207858"/>
                <a:gd name="connsiteX2" fmla="*/ 14898 w 242211"/>
                <a:gd name="connsiteY2" fmla="*/ 105083 h 207858"/>
                <a:gd name="connsiteX3" fmla="*/ 13851 w 242211"/>
                <a:gd name="connsiteY3" fmla="*/ 104036 h 207858"/>
                <a:gd name="connsiteX4" fmla="*/ 24500 w 242211"/>
                <a:gd name="connsiteY4" fmla="*/ 13605 h 207858"/>
                <a:gd name="connsiteX5" fmla="*/ 56713 w 242211"/>
                <a:gd name="connsiteY5" fmla="*/ 213 h 207858"/>
                <a:gd name="connsiteX6" fmla="*/ 121102 w 242211"/>
                <a:gd name="connsiteY6" fmla="*/ 28788 h 207858"/>
                <a:gd name="connsiteX7" fmla="*/ 185491 w 242211"/>
                <a:gd name="connsiteY7" fmla="*/ 213 h 207858"/>
                <a:gd name="connsiteX8" fmla="*/ 241746 w 242211"/>
                <a:gd name="connsiteY8" fmla="*/ 71822 h 207858"/>
                <a:gd name="connsiteX9" fmla="*/ 228354 w 242211"/>
                <a:gd name="connsiteY9" fmla="*/ 104036 h 207858"/>
                <a:gd name="connsiteX10" fmla="*/ 227210 w 242211"/>
                <a:gd name="connsiteY10" fmla="*/ 105179 h 207858"/>
                <a:gd name="connsiteX11" fmla="*/ 126626 w 242211"/>
                <a:gd name="connsiteY11" fmla="*/ 205763 h 207858"/>
                <a:gd name="connsiteX12" fmla="*/ 121388 w 242211"/>
                <a:gd name="connsiteY12" fmla="*/ 207858 h 207858"/>
                <a:gd name="connsiteX13" fmla="*/ 26138 w 242211"/>
                <a:gd name="connsiteY13" fmla="*/ 93558 h 207858"/>
                <a:gd name="connsiteX14" fmla="*/ 121388 w 242211"/>
                <a:gd name="connsiteY14" fmla="*/ 188808 h 207858"/>
                <a:gd name="connsiteX15" fmla="*/ 216638 w 242211"/>
                <a:gd name="connsiteY15" fmla="*/ 93558 h 207858"/>
                <a:gd name="connsiteX16" fmla="*/ 226163 w 242211"/>
                <a:gd name="connsiteY16" fmla="*/ 56030 h 207858"/>
                <a:gd name="connsiteX17" fmla="*/ 183776 w 242211"/>
                <a:gd name="connsiteY17" fmla="*/ 15263 h 207858"/>
                <a:gd name="connsiteX18" fmla="*/ 128341 w 242211"/>
                <a:gd name="connsiteY18" fmla="*/ 47076 h 207858"/>
                <a:gd name="connsiteX19" fmla="*/ 117349 w 242211"/>
                <a:gd name="connsiteY19" fmla="*/ 50276 h 207858"/>
                <a:gd name="connsiteX20" fmla="*/ 114149 w 242211"/>
                <a:gd name="connsiteY20" fmla="*/ 47076 h 207858"/>
                <a:gd name="connsiteX21" fmla="*/ 58618 w 242211"/>
                <a:gd name="connsiteY21" fmla="*/ 15263 h 207858"/>
                <a:gd name="connsiteX22" fmla="*/ 16232 w 242211"/>
                <a:gd name="connsiteY22" fmla="*/ 56030 h 207858"/>
                <a:gd name="connsiteX23" fmla="*/ 26138 w 242211"/>
                <a:gd name="connsiteY23" fmla="*/ 93653 h 2078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242211" h="207858">
                  <a:moveTo>
                    <a:pt x="121388" y="207858"/>
                  </a:moveTo>
                  <a:cubicBezTo>
                    <a:pt x="119321" y="207858"/>
                    <a:pt x="117330" y="207039"/>
                    <a:pt x="115863" y="205572"/>
                  </a:cubicBezTo>
                  <a:lnTo>
                    <a:pt x="14898" y="105083"/>
                  </a:lnTo>
                  <a:lnTo>
                    <a:pt x="13851" y="104036"/>
                  </a:lnTo>
                  <a:cubicBezTo>
                    <a:pt x="-8181" y="76118"/>
                    <a:pt x="-3418" y="35637"/>
                    <a:pt x="24500" y="13605"/>
                  </a:cubicBezTo>
                  <a:cubicBezTo>
                    <a:pt x="33805" y="6261"/>
                    <a:pt x="44950" y="1623"/>
                    <a:pt x="56713" y="213"/>
                  </a:cubicBezTo>
                  <a:cubicBezTo>
                    <a:pt x="81602" y="-1616"/>
                    <a:pt x="105767" y="9100"/>
                    <a:pt x="121102" y="28788"/>
                  </a:cubicBezTo>
                  <a:cubicBezTo>
                    <a:pt x="136409" y="9062"/>
                    <a:pt x="160593" y="-1673"/>
                    <a:pt x="185491" y="213"/>
                  </a:cubicBezTo>
                  <a:cubicBezTo>
                    <a:pt x="220800" y="4452"/>
                    <a:pt x="245984" y="36513"/>
                    <a:pt x="241746" y="71822"/>
                  </a:cubicBezTo>
                  <a:cubicBezTo>
                    <a:pt x="240326" y="83585"/>
                    <a:pt x="235697" y="94730"/>
                    <a:pt x="228354" y="104036"/>
                  </a:cubicBezTo>
                  <a:lnTo>
                    <a:pt x="227210" y="105179"/>
                  </a:lnTo>
                  <a:lnTo>
                    <a:pt x="126626" y="205763"/>
                  </a:lnTo>
                  <a:cubicBezTo>
                    <a:pt x="125198" y="207087"/>
                    <a:pt x="123331" y="207839"/>
                    <a:pt x="121388" y="207858"/>
                  </a:cubicBezTo>
                  <a:close/>
                  <a:moveTo>
                    <a:pt x="26138" y="93558"/>
                  </a:moveTo>
                  <a:lnTo>
                    <a:pt x="121388" y="188808"/>
                  </a:lnTo>
                  <a:lnTo>
                    <a:pt x="216638" y="93558"/>
                  </a:lnTo>
                  <a:cubicBezTo>
                    <a:pt x="224848" y="82890"/>
                    <a:pt x="228287" y="69317"/>
                    <a:pt x="226163" y="56030"/>
                  </a:cubicBezTo>
                  <a:cubicBezTo>
                    <a:pt x="222562" y="34589"/>
                    <a:pt x="205341" y="18025"/>
                    <a:pt x="183776" y="15263"/>
                  </a:cubicBezTo>
                  <a:cubicBezTo>
                    <a:pt x="160612" y="13891"/>
                    <a:pt x="138838" y="26388"/>
                    <a:pt x="128341" y="47076"/>
                  </a:cubicBezTo>
                  <a:cubicBezTo>
                    <a:pt x="126188" y="50991"/>
                    <a:pt x="121264" y="52429"/>
                    <a:pt x="117349" y="50276"/>
                  </a:cubicBezTo>
                  <a:cubicBezTo>
                    <a:pt x="115997" y="49533"/>
                    <a:pt x="114892" y="48429"/>
                    <a:pt x="114149" y="47076"/>
                  </a:cubicBezTo>
                  <a:cubicBezTo>
                    <a:pt x="103538" y="26435"/>
                    <a:pt x="81783" y="13977"/>
                    <a:pt x="58618" y="15263"/>
                  </a:cubicBezTo>
                  <a:cubicBezTo>
                    <a:pt x="37063" y="18053"/>
                    <a:pt x="19861" y="34598"/>
                    <a:pt x="16232" y="56030"/>
                  </a:cubicBezTo>
                  <a:cubicBezTo>
                    <a:pt x="14184" y="69403"/>
                    <a:pt x="17765" y="83023"/>
                    <a:pt x="26138" y="93653"/>
                  </a:cubicBezTo>
                  <a:close/>
                </a:path>
              </a:pathLst>
            </a:custGeom>
            <a:solidFill>
              <a:srgbClr val="265998"/>
            </a:solidFill>
            <a:ln w="9525" cap="flat">
              <a:noFill/>
              <a:prstDash val="solid"/>
              <a:miter/>
            </a:ln>
          </p:spPr>
          <p:txBody>
            <a:bodyPr rtlCol="0" anchor="ctr"/>
            <a:lstStyle/>
            <a:p>
              <a:endParaRPr lang="en-AU" sz="153"/>
            </a:p>
          </p:txBody>
        </p:sp>
        <p:sp>
          <p:nvSpPr>
            <p:cNvPr id="41" name="Freeform: Shape 40">
              <a:extLst>
                <a:ext uri="{FF2B5EF4-FFF2-40B4-BE49-F238E27FC236}">
                  <a16:creationId xmlns:a16="http://schemas.microsoft.com/office/drawing/2014/main" id="{A8F3D6F8-B14A-91EC-278F-D518DB7000CA}"/>
                </a:ext>
              </a:extLst>
            </p:cNvPr>
            <p:cNvSpPr/>
            <p:nvPr/>
          </p:nvSpPr>
          <p:spPr>
            <a:xfrm>
              <a:off x="3072669" y="3634485"/>
              <a:ext cx="37337" cy="37433"/>
            </a:xfrm>
            <a:custGeom>
              <a:avLst/>
              <a:gdLst>
                <a:gd name="connsiteX0" fmla="*/ 15431 w 37337"/>
                <a:gd name="connsiteY0" fmla="*/ 37433 h 37433"/>
                <a:gd name="connsiteX1" fmla="*/ 0 w 37337"/>
                <a:gd name="connsiteY1" fmla="*/ 37433 h 37433"/>
                <a:gd name="connsiteX2" fmla="*/ 37338 w 37337"/>
                <a:gd name="connsiteY2" fmla="*/ 0 h 37433"/>
                <a:gd name="connsiteX3" fmla="*/ 37338 w 37337"/>
                <a:gd name="connsiteY3" fmla="*/ 15526 h 37433"/>
                <a:gd name="connsiteX4" fmla="*/ 15431 w 37337"/>
                <a:gd name="connsiteY4" fmla="*/ 37433 h 374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337" h="37433">
                  <a:moveTo>
                    <a:pt x="15431" y="37433"/>
                  </a:moveTo>
                  <a:lnTo>
                    <a:pt x="0" y="37433"/>
                  </a:lnTo>
                  <a:cubicBezTo>
                    <a:pt x="0" y="16793"/>
                    <a:pt x="16697" y="57"/>
                    <a:pt x="37338" y="0"/>
                  </a:cubicBezTo>
                  <a:lnTo>
                    <a:pt x="37338" y="15526"/>
                  </a:lnTo>
                  <a:cubicBezTo>
                    <a:pt x="25260" y="15573"/>
                    <a:pt x="15478" y="25356"/>
                    <a:pt x="15431" y="37433"/>
                  </a:cubicBezTo>
                  <a:close/>
                </a:path>
              </a:pathLst>
            </a:custGeom>
            <a:solidFill>
              <a:srgbClr val="265998"/>
            </a:solidFill>
            <a:ln w="9525" cap="flat">
              <a:noFill/>
              <a:prstDash val="solid"/>
              <a:miter/>
            </a:ln>
          </p:spPr>
          <p:txBody>
            <a:bodyPr rtlCol="0" anchor="ctr"/>
            <a:lstStyle/>
            <a:p>
              <a:endParaRPr lang="en-AU" sz="153"/>
            </a:p>
          </p:txBody>
        </p:sp>
        <p:sp>
          <p:nvSpPr>
            <p:cNvPr id="42" name="Freeform: Shape 41">
              <a:extLst>
                <a:ext uri="{FF2B5EF4-FFF2-40B4-BE49-F238E27FC236}">
                  <a16:creationId xmlns:a16="http://schemas.microsoft.com/office/drawing/2014/main" id="{3CF56D54-E39B-E406-3456-DC483B8DC49D}"/>
                </a:ext>
              </a:extLst>
            </p:cNvPr>
            <p:cNvSpPr/>
            <p:nvPr/>
          </p:nvSpPr>
          <p:spPr>
            <a:xfrm>
              <a:off x="3299266" y="3677479"/>
              <a:ext cx="85533" cy="295810"/>
            </a:xfrm>
            <a:custGeom>
              <a:avLst/>
              <a:gdLst>
                <a:gd name="connsiteX0" fmla="*/ 15434 w 85533"/>
                <a:gd name="connsiteY0" fmla="*/ 295811 h 295810"/>
                <a:gd name="connsiteX1" fmla="*/ 3 w 85533"/>
                <a:gd name="connsiteY1" fmla="*/ 295811 h 295810"/>
                <a:gd name="connsiteX2" fmla="*/ 3 w 85533"/>
                <a:gd name="connsiteY2" fmla="*/ 274475 h 295810"/>
                <a:gd name="connsiteX3" fmla="*/ 5909 w 85533"/>
                <a:gd name="connsiteY3" fmla="*/ 259521 h 295810"/>
                <a:gd name="connsiteX4" fmla="*/ 63630 w 85533"/>
                <a:gd name="connsiteY4" fmla="*/ 186178 h 295810"/>
                <a:gd name="connsiteX5" fmla="*/ 68583 w 85533"/>
                <a:gd name="connsiteY5" fmla="*/ 165699 h 295810"/>
                <a:gd name="connsiteX6" fmla="*/ 63344 w 85533"/>
                <a:gd name="connsiteY6" fmla="*/ 16633 h 295810"/>
                <a:gd name="connsiteX7" fmla="*/ 62677 w 85533"/>
                <a:gd name="connsiteY7" fmla="*/ 15871 h 295810"/>
                <a:gd name="connsiteX8" fmla="*/ 61725 w 85533"/>
                <a:gd name="connsiteY8" fmla="*/ 15871 h 295810"/>
                <a:gd name="connsiteX9" fmla="*/ 49343 w 85533"/>
                <a:gd name="connsiteY9" fmla="*/ 52923 h 295810"/>
                <a:gd name="connsiteX10" fmla="*/ 49343 w 85533"/>
                <a:gd name="connsiteY10" fmla="*/ 54638 h 295810"/>
                <a:gd name="connsiteX11" fmla="*/ 36389 w 85533"/>
                <a:gd name="connsiteY11" fmla="*/ 129599 h 295810"/>
                <a:gd name="connsiteX12" fmla="*/ 22006 w 85533"/>
                <a:gd name="connsiteY12" fmla="*/ 123789 h 295810"/>
                <a:gd name="connsiteX13" fmla="*/ 33912 w 85533"/>
                <a:gd name="connsiteY13" fmla="*/ 53495 h 295810"/>
                <a:gd name="connsiteX14" fmla="*/ 33912 w 85533"/>
                <a:gd name="connsiteY14" fmla="*/ 51399 h 295810"/>
                <a:gd name="connsiteX15" fmla="*/ 55343 w 85533"/>
                <a:gd name="connsiteY15" fmla="*/ 1679 h 295810"/>
                <a:gd name="connsiteX16" fmla="*/ 69821 w 85533"/>
                <a:gd name="connsiteY16" fmla="*/ 1679 h 295810"/>
                <a:gd name="connsiteX17" fmla="*/ 78489 w 85533"/>
                <a:gd name="connsiteY17" fmla="*/ 13299 h 295810"/>
                <a:gd name="connsiteX18" fmla="*/ 84014 w 85533"/>
                <a:gd name="connsiteY18" fmla="*/ 166271 h 295810"/>
                <a:gd name="connsiteX19" fmla="*/ 75727 w 85533"/>
                <a:gd name="connsiteY19" fmla="*/ 195512 h 295810"/>
                <a:gd name="connsiteX20" fmla="*/ 17529 w 85533"/>
                <a:gd name="connsiteY20" fmla="*/ 269427 h 295810"/>
                <a:gd name="connsiteX21" fmla="*/ 15338 w 85533"/>
                <a:gd name="connsiteY21" fmla="*/ 273903 h 2958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85533" h="295810">
                  <a:moveTo>
                    <a:pt x="15434" y="295811"/>
                  </a:moveTo>
                  <a:lnTo>
                    <a:pt x="3" y="295811"/>
                  </a:lnTo>
                  <a:lnTo>
                    <a:pt x="3" y="274475"/>
                  </a:lnTo>
                  <a:cubicBezTo>
                    <a:pt x="-92" y="268902"/>
                    <a:pt x="2032" y="263521"/>
                    <a:pt x="5909" y="259521"/>
                  </a:cubicBezTo>
                  <a:lnTo>
                    <a:pt x="63630" y="186178"/>
                  </a:lnTo>
                  <a:cubicBezTo>
                    <a:pt x="65659" y="179453"/>
                    <a:pt x="67316" y="172614"/>
                    <a:pt x="68583" y="165699"/>
                  </a:cubicBezTo>
                  <a:cubicBezTo>
                    <a:pt x="73726" y="69973"/>
                    <a:pt x="63440" y="17204"/>
                    <a:pt x="63344" y="16633"/>
                  </a:cubicBezTo>
                  <a:cubicBezTo>
                    <a:pt x="63287" y="16271"/>
                    <a:pt x="63030" y="15976"/>
                    <a:pt x="62677" y="15871"/>
                  </a:cubicBezTo>
                  <a:lnTo>
                    <a:pt x="61725" y="15871"/>
                  </a:lnTo>
                  <a:cubicBezTo>
                    <a:pt x="52676" y="19871"/>
                    <a:pt x="50390" y="42160"/>
                    <a:pt x="49343" y="52923"/>
                  </a:cubicBezTo>
                  <a:lnTo>
                    <a:pt x="49343" y="54638"/>
                  </a:lnTo>
                  <a:cubicBezTo>
                    <a:pt x="49343" y="56257"/>
                    <a:pt x="47057" y="103025"/>
                    <a:pt x="36389" y="129599"/>
                  </a:cubicBezTo>
                  <a:lnTo>
                    <a:pt x="22006" y="123789"/>
                  </a:lnTo>
                  <a:cubicBezTo>
                    <a:pt x="31531" y="99691"/>
                    <a:pt x="33817" y="53971"/>
                    <a:pt x="33912" y="53495"/>
                  </a:cubicBezTo>
                  <a:lnTo>
                    <a:pt x="33912" y="51399"/>
                  </a:lnTo>
                  <a:cubicBezTo>
                    <a:pt x="35436" y="35683"/>
                    <a:pt x="38103" y="9394"/>
                    <a:pt x="55343" y="1679"/>
                  </a:cubicBezTo>
                  <a:cubicBezTo>
                    <a:pt x="59915" y="-560"/>
                    <a:pt x="65249" y="-560"/>
                    <a:pt x="69821" y="1679"/>
                  </a:cubicBezTo>
                  <a:cubicBezTo>
                    <a:pt x="74374" y="3984"/>
                    <a:pt x="77575" y="8279"/>
                    <a:pt x="78489" y="13299"/>
                  </a:cubicBezTo>
                  <a:cubicBezTo>
                    <a:pt x="78965" y="15395"/>
                    <a:pt x="89348" y="68259"/>
                    <a:pt x="84014" y="166271"/>
                  </a:cubicBezTo>
                  <a:cubicBezTo>
                    <a:pt x="82690" y="176367"/>
                    <a:pt x="79899" y="186216"/>
                    <a:pt x="75727" y="195512"/>
                  </a:cubicBezTo>
                  <a:lnTo>
                    <a:pt x="17529" y="269427"/>
                  </a:lnTo>
                  <a:cubicBezTo>
                    <a:pt x="16224" y="270560"/>
                    <a:pt x="15434" y="272179"/>
                    <a:pt x="15338" y="273903"/>
                  </a:cubicBezTo>
                  <a:close/>
                </a:path>
              </a:pathLst>
            </a:custGeom>
            <a:solidFill>
              <a:schemeClr val="bg2"/>
            </a:solidFill>
            <a:ln w="9525" cap="flat">
              <a:noFill/>
              <a:prstDash val="solid"/>
              <a:miter/>
            </a:ln>
          </p:spPr>
          <p:txBody>
            <a:bodyPr rtlCol="0" anchor="ctr"/>
            <a:lstStyle/>
            <a:p>
              <a:endParaRPr lang="en-AU" sz="153"/>
            </a:p>
          </p:txBody>
        </p:sp>
        <p:sp>
          <p:nvSpPr>
            <p:cNvPr id="43" name="Freeform: Shape 42">
              <a:extLst>
                <a:ext uri="{FF2B5EF4-FFF2-40B4-BE49-F238E27FC236}">
                  <a16:creationId xmlns:a16="http://schemas.microsoft.com/office/drawing/2014/main" id="{734C6E94-02F1-F9E5-F621-CBD00FB50E96}"/>
                </a:ext>
              </a:extLst>
            </p:cNvPr>
            <p:cNvSpPr/>
            <p:nvPr/>
          </p:nvSpPr>
          <p:spPr>
            <a:xfrm>
              <a:off x="3199066" y="3794548"/>
              <a:ext cx="145198" cy="178837"/>
            </a:xfrm>
            <a:custGeom>
              <a:avLst/>
              <a:gdLst>
                <a:gd name="connsiteX0" fmla="*/ 15526 w 145198"/>
                <a:gd name="connsiteY0" fmla="*/ 178837 h 178837"/>
                <a:gd name="connsiteX1" fmla="*/ 0 w 145198"/>
                <a:gd name="connsiteY1" fmla="*/ 178837 h 178837"/>
                <a:gd name="connsiteX2" fmla="*/ 667 w 145198"/>
                <a:gd name="connsiteY2" fmla="*/ 138737 h 178837"/>
                <a:gd name="connsiteX3" fmla="*/ 26289 w 145198"/>
                <a:gd name="connsiteY3" fmla="*/ 82158 h 178837"/>
                <a:gd name="connsiteX4" fmla="*/ 29909 w 145198"/>
                <a:gd name="connsiteY4" fmla="*/ 79301 h 178837"/>
                <a:gd name="connsiteX5" fmla="*/ 33147 w 145198"/>
                <a:gd name="connsiteY5" fmla="*/ 76919 h 178837"/>
                <a:gd name="connsiteX6" fmla="*/ 46006 w 145198"/>
                <a:gd name="connsiteY6" fmla="*/ 67966 h 178837"/>
                <a:gd name="connsiteX7" fmla="*/ 47530 w 145198"/>
                <a:gd name="connsiteY7" fmla="*/ 66728 h 178837"/>
                <a:gd name="connsiteX8" fmla="*/ 96488 w 145198"/>
                <a:gd name="connsiteY8" fmla="*/ 12054 h 178837"/>
                <a:gd name="connsiteX9" fmla="*/ 114586 w 145198"/>
                <a:gd name="connsiteY9" fmla="*/ 434 h 178837"/>
                <a:gd name="connsiteX10" fmla="*/ 131731 w 145198"/>
                <a:gd name="connsiteY10" fmla="*/ 2815 h 178837"/>
                <a:gd name="connsiteX11" fmla="*/ 132969 w 145198"/>
                <a:gd name="connsiteY11" fmla="*/ 3386 h 178837"/>
                <a:gd name="connsiteX12" fmla="*/ 133731 w 145198"/>
                <a:gd name="connsiteY12" fmla="*/ 3863 h 178837"/>
                <a:gd name="connsiteX13" fmla="*/ 135065 w 145198"/>
                <a:gd name="connsiteY13" fmla="*/ 4720 h 178837"/>
                <a:gd name="connsiteX14" fmla="*/ 139827 w 145198"/>
                <a:gd name="connsiteY14" fmla="*/ 41772 h 178837"/>
                <a:gd name="connsiteX15" fmla="*/ 110585 w 145198"/>
                <a:gd name="connsiteY15" fmla="*/ 83968 h 178837"/>
                <a:gd name="connsiteX16" fmla="*/ 87059 w 145198"/>
                <a:gd name="connsiteY16" fmla="*/ 125497 h 178837"/>
                <a:gd name="connsiteX17" fmla="*/ 77534 w 145198"/>
                <a:gd name="connsiteY17" fmla="*/ 113019 h 178837"/>
                <a:gd name="connsiteX18" fmla="*/ 94679 w 145198"/>
                <a:gd name="connsiteY18" fmla="*/ 82158 h 178837"/>
                <a:gd name="connsiteX19" fmla="*/ 96012 w 145198"/>
                <a:gd name="connsiteY19" fmla="*/ 77110 h 178837"/>
                <a:gd name="connsiteX20" fmla="*/ 126492 w 145198"/>
                <a:gd name="connsiteY20" fmla="*/ 33295 h 178837"/>
                <a:gd name="connsiteX21" fmla="*/ 126492 w 145198"/>
                <a:gd name="connsiteY21" fmla="*/ 17674 h 178837"/>
                <a:gd name="connsiteX22" fmla="*/ 125063 w 145198"/>
                <a:gd name="connsiteY22" fmla="*/ 16817 h 178837"/>
                <a:gd name="connsiteX23" fmla="*/ 117253 w 145198"/>
                <a:gd name="connsiteY23" fmla="*/ 15674 h 178837"/>
                <a:gd name="connsiteX24" fmla="*/ 109157 w 145198"/>
                <a:gd name="connsiteY24" fmla="*/ 20817 h 178837"/>
                <a:gd name="connsiteX25" fmla="*/ 57531 w 145198"/>
                <a:gd name="connsiteY25" fmla="*/ 78539 h 178837"/>
                <a:gd name="connsiteX26" fmla="*/ 55341 w 145198"/>
                <a:gd name="connsiteY26" fmla="*/ 80349 h 178837"/>
                <a:gd name="connsiteX27" fmla="*/ 54483 w 145198"/>
                <a:gd name="connsiteY27" fmla="*/ 80920 h 178837"/>
                <a:gd name="connsiteX28" fmla="*/ 42291 w 145198"/>
                <a:gd name="connsiteY28" fmla="*/ 89397 h 178837"/>
                <a:gd name="connsiteX29" fmla="*/ 38862 w 145198"/>
                <a:gd name="connsiteY29" fmla="*/ 91874 h 178837"/>
                <a:gd name="connsiteX30" fmla="*/ 36291 w 145198"/>
                <a:gd name="connsiteY30" fmla="*/ 93969 h 178837"/>
                <a:gd name="connsiteX31" fmla="*/ 16097 w 145198"/>
                <a:gd name="connsiteY31" fmla="*/ 139023 h 1788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45198" h="178837">
                  <a:moveTo>
                    <a:pt x="15526" y="178837"/>
                  </a:moveTo>
                  <a:lnTo>
                    <a:pt x="0" y="178837"/>
                  </a:lnTo>
                  <a:lnTo>
                    <a:pt x="667" y="138737"/>
                  </a:lnTo>
                  <a:cubicBezTo>
                    <a:pt x="781" y="117096"/>
                    <a:pt x="10097" y="96522"/>
                    <a:pt x="26289" y="82158"/>
                  </a:cubicBezTo>
                  <a:lnTo>
                    <a:pt x="29909" y="79301"/>
                  </a:lnTo>
                  <a:lnTo>
                    <a:pt x="33147" y="76919"/>
                  </a:lnTo>
                  <a:cubicBezTo>
                    <a:pt x="36957" y="74062"/>
                    <a:pt x="41243" y="70919"/>
                    <a:pt x="46006" y="67966"/>
                  </a:cubicBezTo>
                  <a:lnTo>
                    <a:pt x="47530" y="66728"/>
                  </a:lnTo>
                  <a:cubicBezTo>
                    <a:pt x="65980" y="50526"/>
                    <a:pt x="82420" y="32171"/>
                    <a:pt x="96488" y="12054"/>
                  </a:cubicBezTo>
                  <a:cubicBezTo>
                    <a:pt x="100708" y="5901"/>
                    <a:pt x="107233" y="1710"/>
                    <a:pt x="114586" y="434"/>
                  </a:cubicBezTo>
                  <a:cubicBezTo>
                    <a:pt x="120406" y="-605"/>
                    <a:pt x="126407" y="234"/>
                    <a:pt x="131731" y="2815"/>
                  </a:cubicBezTo>
                  <a:cubicBezTo>
                    <a:pt x="132169" y="2948"/>
                    <a:pt x="132588" y="3139"/>
                    <a:pt x="132969" y="3386"/>
                  </a:cubicBezTo>
                  <a:lnTo>
                    <a:pt x="133731" y="3863"/>
                  </a:lnTo>
                  <a:lnTo>
                    <a:pt x="135065" y="4720"/>
                  </a:lnTo>
                  <a:cubicBezTo>
                    <a:pt x="146438" y="13740"/>
                    <a:pt x="148542" y="30171"/>
                    <a:pt x="139827" y="41772"/>
                  </a:cubicBezTo>
                  <a:lnTo>
                    <a:pt x="110585" y="83968"/>
                  </a:lnTo>
                  <a:cubicBezTo>
                    <a:pt x="109576" y="100703"/>
                    <a:pt x="100889" y="116029"/>
                    <a:pt x="87059" y="125497"/>
                  </a:cubicBezTo>
                  <a:lnTo>
                    <a:pt x="77534" y="113019"/>
                  </a:lnTo>
                  <a:cubicBezTo>
                    <a:pt x="87954" y="106161"/>
                    <a:pt x="94364" y="94636"/>
                    <a:pt x="94679" y="82158"/>
                  </a:cubicBezTo>
                  <a:cubicBezTo>
                    <a:pt x="94574" y="80377"/>
                    <a:pt x="95041" y="78605"/>
                    <a:pt x="96012" y="77110"/>
                  </a:cubicBezTo>
                  <a:lnTo>
                    <a:pt x="126492" y="33295"/>
                  </a:lnTo>
                  <a:cubicBezTo>
                    <a:pt x="128111" y="30533"/>
                    <a:pt x="131826" y="21579"/>
                    <a:pt x="126492" y="17674"/>
                  </a:cubicBezTo>
                  <a:lnTo>
                    <a:pt x="125063" y="16817"/>
                  </a:lnTo>
                  <a:cubicBezTo>
                    <a:pt x="122654" y="15588"/>
                    <a:pt x="119910" y="15188"/>
                    <a:pt x="117253" y="15674"/>
                  </a:cubicBezTo>
                  <a:cubicBezTo>
                    <a:pt x="113976" y="16255"/>
                    <a:pt x="111071" y="18103"/>
                    <a:pt x="109157" y="20817"/>
                  </a:cubicBezTo>
                  <a:cubicBezTo>
                    <a:pt x="94336" y="42068"/>
                    <a:pt x="77000" y="61451"/>
                    <a:pt x="57531" y="78539"/>
                  </a:cubicBezTo>
                  <a:lnTo>
                    <a:pt x="55341" y="80349"/>
                  </a:lnTo>
                  <a:lnTo>
                    <a:pt x="54483" y="80920"/>
                  </a:lnTo>
                  <a:cubicBezTo>
                    <a:pt x="50102" y="83587"/>
                    <a:pt x="46101" y="86540"/>
                    <a:pt x="42291" y="89397"/>
                  </a:cubicBezTo>
                  <a:lnTo>
                    <a:pt x="38862" y="91874"/>
                  </a:lnTo>
                  <a:cubicBezTo>
                    <a:pt x="37957" y="92512"/>
                    <a:pt x="37100" y="93217"/>
                    <a:pt x="36291" y="93969"/>
                  </a:cubicBezTo>
                  <a:cubicBezTo>
                    <a:pt x="23441" y="105418"/>
                    <a:pt x="16088" y="121811"/>
                    <a:pt x="16097" y="139023"/>
                  </a:cubicBezTo>
                  <a:close/>
                </a:path>
              </a:pathLst>
            </a:custGeom>
            <a:solidFill>
              <a:schemeClr val="bg2"/>
            </a:solidFill>
            <a:ln w="9525" cap="flat">
              <a:noFill/>
              <a:prstDash val="solid"/>
              <a:miter/>
            </a:ln>
          </p:spPr>
          <p:txBody>
            <a:bodyPr rtlCol="0" anchor="ctr"/>
            <a:lstStyle/>
            <a:p>
              <a:endParaRPr lang="en-AU" sz="153"/>
            </a:p>
          </p:txBody>
        </p:sp>
        <p:sp>
          <p:nvSpPr>
            <p:cNvPr id="44" name="Freeform: Shape 43">
              <a:extLst>
                <a:ext uri="{FF2B5EF4-FFF2-40B4-BE49-F238E27FC236}">
                  <a16:creationId xmlns:a16="http://schemas.microsoft.com/office/drawing/2014/main" id="{37DA40FF-1F50-4C2B-831A-63993D2FE3A9}"/>
                </a:ext>
              </a:extLst>
            </p:cNvPr>
            <p:cNvSpPr/>
            <p:nvPr/>
          </p:nvSpPr>
          <p:spPr>
            <a:xfrm>
              <a:off x="3172206" y="3965479"/>
              <a:ext cx="169354" cy="67341"/>
            </a:xfrm>
            <a:custGeom>
              <a:avLst/>
              <a:gdLst>
                <a:gd name="connsiteX0" fmla="*/ 161544 w 169354"/>
                <a:gd name="connsiteY0" fmla="*/ 67342 h 67341"/>
                <a:gd name="connsiteX1" fmla="*/ 7715 w 169354"/>
                <a:gd name="connsiteY1" fmla="*/ 67342 h 67341"/>
                <a:gd name="connsiteX2" fmla="*/ 0 w 169354"/>
                <a:gd name="connsiteY2" fmla="*/ 59627 h 67341"/>
                <a:gd name="connsiteX3" fmla="*/ 0 w 169354"/>
                <a:gd name="connsiteY3" fmla="*/ 59627 h 67341"/>
                <a:gd name="connsiteX4" fmla="*/ 0 w 169354"/>
                <a:gd name="connsiteY4" fmla="*/ 7811 h 67341"/>
                <a:gd name="connsiteX5" fmla="*/ 7715 w 169354"/>
                <a:gd name="connsiteY5" fmla="*/ 0 h 67341"/>
                <a:gd name="connsiteX6" fmla="*/ 161544 w 169354"/>
                <a:gd name="connsiteY6" fmla="*/ 0 h 67341"/>
                <a:gd name="connsiteX7" fmla="*/ 169354 w 169354"/>
                <a:gd name="connsiteY7" fmla="*/ 7715 h 67341"/>
                <a:gd name="connsiteX8" fmla="*/ 169354 w 169354"/>
                <a:gd name="connsiteY8" fmla="*/ 7715 h 67341"/>
                <a:gd name="connsiteX9" fmla="*/ 169354 w 169354"/>
                <a:gd name="connsiteY9" fmla="*/ 59531 h 67341"/>
                <a:gd name="connsiteX10" fmla="*/ 161544 w 169354"/>
                <a:gd name="connsiteY10" fmla="*/ 67246 h 67341"/>
                <a:gd name="connsiteX11" fmla="*/ 15812 w 169354"/>
                <a:gd name="connsiteY11" fmla="*/ 15526 h 67341"/>
                <a:gd name="connsiteX12" fmla="*/ 15812 w 169354"/>
                <a:gd name="connsiteY12" fmla="*/ 51911 h 67341"/>
                <a:gd name="connsiteX13" fmla="*/ 153829 w 169354"/>
                <a:gd name="connsiteY13" fmla="*/ 51911 h 67341"/>
                <a:gd name="connsiteX14" fmla="*/ 153829 w 169354"/>
                <a:gd name="connsiteY14" fmla="*/ 15526 h 67341"/>
                <a:gd name="connsiteX15" fmla="*/ 15526 w 169354"/>
                <a:gd name="connsiteY15" fmla="*/ 15526 h 673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9354" h="67341">
                  <a:moveTo>
                    <a:pt x="161544" y="67342"/>
                  </a:moveTo>
                  <a:lnTo>
                    <a:pt x="7715" y="67342"/>
                  </a:lnTo>
                  <a:cubicBezTo>
                    <a:pt x="3458" y="67342"/>
                    <a:pt x="0" y="63884"/>
                    <a:pt x="0" y="59627"/>
                  </a:cubicBezTo>
                  <a:lnTo>
                    <a:pt x="0" y="59627"/>
                  </a:lnTo>
                  <a:lnTo>
                    <a:pt x="0" y="7811"/>
                  </a:lnTo>
                  <a:cubicBezTo>
                    <a:pt x="0" y="3534"/>
                    <a:pt x="3438" y="48"/>
                    <a:pt x="7715" y="0"/>
                  </a:cubicBezTo>
                  <a:lnTo>
                    <a:pt x="161544" y="0"/>
                  </a:lnTo>
                  <a:cubicBezTo>
                    <a:pt x="165821" y="0"/>
                    <a:pt x="169307" y="3439"/>
                    <a:pt x="169354" y="7715"/>
                  </a:cubicBezTo>
                  <a:lnTo>
                    <a:pt x="169354" y="7715"/>
                  </a:lnTo>
                  <a:lnTo>
                    <a:pt x="169354" y="59531"/>
                  </a:lnTo>
                  <a:cubicBezTo>
                    <a:pt x="169307" y="63808"/>
                    <a:pt x="165821" y="67246"/>
                    <a:pt x="161544" y="67246"/>
                  </a:cubicBezTo>
                  <a:close/>
                  <a:moveTo>
                    <a:pt x="15812" y="15526"/>
                  </a:moveTo>
                  <a:lnTo>
                    <a:pt x="15812" y="51911"/>
                  </a:lnTo>
                  <a:lnTo>
                    <a:pt x="153829" y="51911"/>
                  </a:lnTo>
                  <a:lnTo>
                    <a:pt x="153829" y="15526"/>
                  </a:lnTo>
                  <a:lnTo>
                    <a:pt x="15526" y="15526"/>
                  </a:lnTo>
                  <a:close/>
                </a:path>
              </a:pathLst>
            </a:custGeom>
            <a:solidFill>
              <a:srgbClr val="265998"/>
            </a:solidFill>
            <a:ln w="9525" cap="flat">
              <a:noFill/>
              <a:prstDash val="solid"/>
              <a:miter/>
            </a:ln>
          </p:spPr>
          <p:txBody>
            <a:bodyPr rtlCol="0" anchor="ctr"/>
            <a:lstStyle/>
            <a:p>
              <a:endParaRPr lang="en-AU" sz="153"/>
            </a:p>
          </p:txBody>
        </p:sp>
        <p:sp>
          <p:nvSpPr>
            <p:cNvPr id="45" name="Freeform: Shape 44">
              <a:extLst>
                <a:ext uri="{FF2B5EF4-FFF2-40B4-BE49-F238E27FC236}">
                  <a16:creationId xmlns:a16="http://schemas.microsoft.com/office/drawing/2014/main" id="{94D201C1-19BA-9808-E0CD-89DDDA2A5531}"/>
                </a:ext>
              </a:extLst>
            </p:cNvPr>
            <p:cNvSpPr/>
            <p:nvPr/>
          </p:nvSpPr>
          <p:spPr>
            <a:xfrm>
              <a:off x="2939704" y="3677898"/>
              <a:ext cx="85816" cy="295392"/>
            </a:xfrm>
            <a:custGeom>
              <a:avLst/>
              <a:gdLst>
                <a:gd name="connsiteX0" fmla="*/ 85816 w 85816"/>
                <a:gd name="connsiteY0" fmla="*/ 295392 h 295392"/>
                <a:gd name="connsiteX1" fmla="*/ 70195 w 85816"/>
                <a:gd name="connsiteY1" fmla="*/ 295392 h 295392"/>
                <a:gd name="connsiteX2" fmla="*/ 70195 w 85816"/>
                <a:gd name="connsiteY2" fmla="*/ 274056 h 295392"/>
                <a:gd name="connsiteX3" fmla="*/ 68576 w 85816"/>
                <a:gd name="connsiteY3" fmla="*/ 270341 h 295392"/>
                <a:gd name="connsiteX4" fmla="*/ 9711 w 85816"/>
                <a:gd name="connsiteY4" fmla="*/ 195570 h 295392"/>
                <a:gd name="connsiteX5" fmla="*/ 1520 w 85816"/>
                <a:gd name="connsiteY5" fmla="*/ 166424 h 295392"/>
                <a:gd name="connsiteX6" fmla="*/ 7044 w 85816"/>
                <a:gd name="connsiteY6" fmla="*/ 13357 h 295392"/>
                <a:gd name="connsiteX7" fmla="*/ 26523 w 85816"/>
                <a:gd name="connsiteY7" fmla="*/ 317 h 295392"/>
                <a:gd name="connsiteX8" fmla="*/ 30285 w 85816"/>
                <a:gd name="connsiteY8" fmla="*/ 1546 h 295392"/>
                <a:gd name="connsiteX9" fmla="*/ 51621 w 85816"/>
                <a:gd name="connsiteY9" fmla="*/ 51171 h 295392"/>
                <a:gd name="connsiteX10" fmla="*/ 51621 w 85816"/>
                <a:gd name="connsiteY10" fmla="*/ 52886 h 295392"/>
                <a:gd name="connsiteX11" fmla="*/ 63528 w 85816"/>
                <a:gd name="connsiteY11" fmla="*/ 123561 h 295392"/>
                <a:gd name="connsiteX12" fmla="*/ 49145 w 85816"/>
                <a:gd name="connsiteY12" fmla="*/ 129371 h 295392"/>
                <a:gd name="connsiteX13" fmla="*/ 36191 w 85816"/>
                <a:gd name="connsiteY13" fmla="*/ 54029 h 295392"/>
                <a:gd name="connsiteX14" fmla="*/ 36191 w 85816"/>
                <a:gd name="connsiteY14" fmla="*/ 52695 h 295392"/>
                <a:gd name="connsiteX15" fmla="*/ 23904 w 85816"/>
                <a:gd name="connsiteY15" fmla="*/ 15643 h 295392"/>
                <a:gd name="connsiteX16" fmla="*/ 22570 w 85816"/>
                <a:gd name="connsiteY16" fmla="*/ 15643 h 295392"/>
                <a:gd name="connsiteX17" fmla="*/ 21999 w 85816"/>
                <a:gd name="connsiteY17" fmla="*/ 16405 h 295392"/>
                <a:gd name="connsiteX18" fmla="*/ 16760 w 85816"/>
                <a:gd name="connsiteY18" fmla="*/ 165566 h 295392"/>
                <a:gd name="connsiteX19" fmla="*/ 21999 w 85816"/>
                <a:gd name="connsiteY19" fmla="*/ 186426 h 295392"/>
                <a:gd name="connsiteX20" fmla="*/ 79911 w 85816"/>
                <a:gd name="connsiteY20" fmla="*/ 260054 h 295392"/>
                <a:gd name="connsiteX21" fmla="*/ 85435 w 85816"/>
                <a:gd name="connsiteY21" fmla="*/ 274056 h 2953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85816" h="295392">
                  <a:moveTo>
                    <a:pt x="85816" y="295392"/>
                  </a:moveTo>
                  <a:lnTo>
                    <a:pt x="70195" y="295392"/>
                  </a:lnTo>
                  <a:lnTo>
                    <a:pt x="70195" y="274056"/>
                  </a:lnTo>
                  <a:cubicBezTo>
                    <a:pt x="70214" y="272646"/>
                    <a:pt x="69624" y="271294"/>
                    <a:pt x="68576" y="270341"/>
                  </a:cubicBezTo>
                  <a:lnTo>
                    <a:pt x="9711" y="195570"/>
                  </a:lnTo>
                  <a:cubicBezTo>
                    <a:pt x="5606" y="186293"/>
                    <a:pt x="2844" y="176482"/>
                    <a:pt x="1520" y="166424"/>
                  </a:cubicBezTo>
                  <a:cubicBezTo>
                    <a:pt x="-3814" y="68412"/>
                    <a:pt x="6568" y="15548"/>
                    <a:pt x="7044" y="13357"/>
                  </a:cubicBezTo>
                  <a:cubicBezTo>
                    <a:pt x="8826" y="4375"/>
                    <a:pt x="17541" y="-1455"/>
                    <a:pt x="26523" y="317"/>
                  </a:cubicBezTo>
                  <a:cubicBezTo>
                    <a:pt x="27818" y="574"/>
                    <a:pt x="29085" y="984"/>
                    <a:pt x="30285" y="1546"/>
                  </a:cubicBezTo>
                  <a:cubicBezTo>
                    <a:pt x="47430" y="9166"/>
                    <a:pt x="50097" y="35455"/>
                    <a:pt x="51621" y="51171"/>
                  </a:cubicBezTo>
                  <a:lnTo>
                    <a:pt x="51621" y="52886"/>
                  </a:lnTo>
                  <a:cubicBezTo>
                    <a:pt x="51621" y="53743"/>
                    <a:pt x="53812" y="99463"/>
                    <a:pt x="63528" y="123561"/>
                  </a:cubicBezTo>
                  <a:lnTo>
                    <a:pt x="49145" y="129371"/>
                  </a:lnTo>
                  <a:cubicBezTo>
                    <a:pt x="38477" y="102797"/>
                    <a:pt x="36286" y="56029"/>
                    <a:pt x="36191" y="54029"/>
                  </a:cubicBezTo>
                  <a:lnTo>
                    <a:pt x="36191" y="52695"/>
                  </a:lnTo>
                  <a:cubicBezTo>
                    <a:pt x="35143" y="41932"/>
                    <a:pt x="32952" y="19643"/>
                    <a:pt x="23904" y="15643"/>
                  </a:cubicBezTo>
                  <a:lnTo>
                    <a:pt x="22570" y="15643"/>
                  </a:lnTo>
                  <a:lnTo>
                    <a:pt x="21999" y="16405"/>
                  </a:lnTo>
                  <a:cubicBezTo>
                    <a:pt x="21999" y="16976"/>
                    <a:pt x="11521" y="69745"/>
                    <a:pt x="16760" y="165566"/>
                  </a:cubicBezTo>
                  <a:cubicBezTo>
                    <a:pt x="18046" y="172624"/>
                    <a:pt x="19798" y="179597"/>
                    <a:pt x="21999" y="186426"/>
                  </a:cubicBezTo>
                  <a:lnTo>
                    <a:pt x="79911" y="260054"/>
                  </a:lnTo>
                  <a:cubicBezTo>
                    <a:pt x="83511" y="263817"/>
                    <a:pt x="85502" y="268846"/>
                    <a:pt x="85435" y="274056"/>
                  </a:cubicBezTo>
                  <a:close/>
                </a:path>
              </a:pathLst>
            </a:custGeom>
            <a:solidFill>
              <a:schemeClr val="bg2"/>
            </a:solidFill>
            <a:ln w="9525" cap="flat">
              <a:noFill/>
              <a:prstDash val="solid"/>
              <a:miter/>
            </a:ln>
          </p:spPr>
          <p:txBody>
            <a:bodyPr rtlCol="0" anchor="ctr"/>
            <a:lstStyle/>
            <a:p>
              <a:endParaRPr lang="en-AU" sz="153"/>
            </a:p>
          </p:txBody>
        </p:sp>
        <p:sp>
          <p:nvSpPr>
            <p:cNvPr id="46" name="Freeform: Shape 45">
              <a:extLst>
                <a:ext uri="{FF2B5EF4-FFF2-40B4-BE49-F238E27FC236}">
                  <a16:creationId xmlns:a16="http://schemas.microsoft.com/office/drawing/2014/main" id="{2518AD89-54E7-4F59-E7F0-3502244CA4FC}"/>
                </a:ext>
              </a:extLst>
            </p:cNvPr>
            <p:cNvSpPr/>
            <p:nvPr/>
          </p:nvSpPr>
          <p:spPr>
            <a:xfrm>
              <a:off x="2979855" y="3794272"/>
              <a:ext cx="145011" cy="179112"/>
            </a:xfrm>
            <a:custGeom>
              <a:avLst/>
              <a:gdLst>
                <a:gd name="connsiteX0" fmla="*/ 129867 w 145011"/>
                <a:gd name="connsiteY0" fmla="*/ 179113 h 179112"/>
                <a:gd name="connsiteX1" fmla="*/ 129200 w 145011"/>
                <a:gd name="connsiteY1" fmla="*/ 139012 h 179112"/>
                <a:gd name="connsiteX2" fmla="*/ 109007 w 145011"/>
                <a:gd name="connsiteY2" fmla="*/ 93959 h 179112"/>
                <a:gd name="connsiteX3" fmla="*/ 106435 w 145011"/>
                <a:gd name="connsiteY3" fmla="*/ 91864 h 179112"/>
                <a:gd name="connsiteX4" fmla="*/ 103006 w 145011"/>
                <a:gd name="connsiteY4" fmla="*/ 89387 h 179112"/>
                <a:gd name="connsiteX5" fmla="*/ 90909 w 145011"/>
                <a:gd name="connsiteY5" fmla="*/ 80910 h 179112"/>
                <a:gd name="connsiteX6" fmla="*/ 89957 w 145011"/>
                <a:gd name="connsiteY6" fmla="*/ 80339 h 179112"/>
                <a:gd name="connsiteX7" fmla="*/ 88052 w 145011"/>
                <a:gd name="connsiteY7" fmla="*/ 78719 h 179112"/>
                <a:gd name="connsiteX8" fmla="*/ 36141 w 145011"/>
                <a:gd name="connsiteY8" fmla="*/ 20807 h 179112"/>
                <a:gd name="connsiteX9" fmla="*/ 28140 w 145011"/>
                <a:gd name="connsiteY9" fmla="*/ 15664 h 179112"/>
                <a:gd name="connsiteX10" fmla="*/ 20139 w 145011"/>
                <a:gd name="connsiteY10" fmla="*/ 16902 h 179112"/>
                <a:gd name="connsiteX11" fmla="*/ 18424 w 145011"/>
                <a:gd name="connsiteY11" fmla="*/ 17950 h 179112"/>
                <a:gd name="connsiteX12" fmla="*/ 18424 w 145011"/>
                <a:gd name="connsiteY12" fmla="*/ 33571 h 179112"/>
                <a:gd name="connsiteX13" fmla="*/ 48618 w 145011"/>
                <a:gd name="connsiteY13" fmla="*/ 77100 h 179112"/>
                <a:gd name="connsiteX14" fmla="*/ 49952 w 145011"/>
                <a:gd name="connsiteY14" fmla="*/ 82148 h 179112"/>
                <a:gd name="connsiteX15" fmla="*/ 67097 w 145011"/>
                <a:gd name="connsiteY15" fmla="*/ 113009 h 179112"/>
                <a:gd name="connsiteX16" fmla="*/ 57572 w 145011"/>
                <a:gd name="connsiteY16" fmla="*/ 125487 h 179112"/>
                <a:gd name="connsiteX17" fmla="*/ 34045 w 145011"/>
                <a:gd name="connsiteY17" fmla="*/ 83958 h 179112"/>
                <a:gd name="connsiteX18" fmla="*/ 5470 w 145011"/>
                <a:gd name="connsiteY18" fmla="*/ 42048 h 179112"/>
                <a:gd name="connsiteX19" fmla="*/ 9566 w 145011"/>
                <a:gd name="connsiteY19" fmla="*/ 4996 h 179112"/>
                <a:gd name="connsiteX20" fmla="*/ 11376 w 145011"/>
                <a:gd name="connsiteY20" fmla="*/ 3853 h 179112"/>
                <a:gd name="connsiteX21" fmla="*/ 12042 w 145011"/>
                <a:gd name="connsiteY21" fmla="*/ 3377 h 179112"/>
                <a:gd name="connsiteX22" fmla="*/ 13281 w 145011"/>
                <a:gd name="connsiteY22" fmla="*/ 2805 h 179112"/>
                <a:gd name="connsiteX23" fmla="*/ 30521 w 145011"/>
                <a:gd name="connsiteY23" fmla="*/ 424 h 179112"/>
                <a:gd name="connsiteX24" fmla="*/ 48523 w 145011"/>
                <a:gd name="connsiteY24" fmla="*/ 12044 h 179112"/>
                <a:gd name="connsiteX25" fmla="*/ 97672 w 145011"/>
                <a:gd name="connsiteY25" fmla="*/ 66908 h 179112"/>
                <a:gd name="connsiteX26" fmla="*/ 99006 w 145011"/>
                <a:gd name="connsiteY26" fmla="*/ 67956 h 179112"/>
                <a:gd name="connsiteX27" fmla="*/ 111864 w 145011"/>
                <a:gd name="connsiteY27" fmla="*/ 76910 h 179112"/>
                <a:gd name="connsiteX28" fmla="*/ 115198 w 145011"/>
                <a:gd name="connsiteY28" fmla="*/ 79291 h 179112"/>
                <a:gd name="connsiteX29" fmla="*/ 118722 w 145011"/>
                <a:gd name="connsiteY29" fmla="*/ 82148 h 179112"/>
                <a:gd name="connsiteX30" fmla="*/ 144345 w 145011"/>
                <a:gd name="connsiteY30" fmla="*/ 138727 h 179112"/>
                <a:gd name="connsiteX31" fmla="*/ 145011 w 145011"/>
                <a:gd name="connsiteY31" fmla="*/ 178827 h 1791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45011" h="179112">
                  <a:moveTo>
                    <a:pt x="129867" y="179113"/>
                  </a:moveTo>
                  <a:lnTo>
                    <a:pt x="129200" y="139012"/>
                  </a:lnTo>
                  <a:cubicBezTo>
                    <a:pt x="129257" y="121791"/>
                    <a:pt x="121904" y="105380"/>
                    <a:pt x="109007" y="93959"/>
                  </a:cubicBezTo>
                  <a:lnTo>
                    <a:pt x="106435" y="91864"/>
                  </a:lnTo>
                  <a:lnTo>
                    <a:pt x="103006" y="89387"/>
                  </a:lnTo>
                  <a:cubicBezTo>
                    <a:pt x="99196" y="86530"/>
                    <a:pt x="95196" y="83577"/>
                    <a:pt x="90909" y="80910"/>
                  </a:cubicBezTo>
                  <a:lnTo>
                    <a:pt x="89957" y="80339"/>
                  </a:lnTo>
                  <a:lnTo>
                    <a:pt x="88052" y="78719"/>
                  </a:lnTo>
                  <a:cubicBezTo>
                    <a:pt x="68487" y="61574"/>
                    <a:pt x="51057" y="42124"/>
                    <a:pt x="36141" y="20807"/>
                  </a:cubicBezTo>
                  <a:cubicBezTo>
                    <a:pt x="34255" y="18112"/>
                    <a:pt x="31378" y="16264"/>
                    <a:pt x="28140" y="15664"/>
                  </a:cubicBezTo>
                  <a:cubicBezTo>
                    <a:pt x="25406" y="15197"/>
                    <a:pt x="22596" y="15635"/>
                    <a:pt x="20139" y="16902"/>
                  </a:cubicBezTo>
                  <a:lnTo>
                    <a:pt x="18424" y="17950"/>
                  </a:lnTo>
                  <a:cubicBezTo>
                    <a:pt x="13185" y="21569"/>
                    <a:pt x="16900" y="30523"/>
                    <a:pt x="18424" y="33571"/>
                  </a:cubicBezTo>
                  <a:lnTo>
                    <a:pt x="48618" y="77100"/>
                  </a:lnTo>
                  <a:cubicBezTo>
                    <a:pt x="49676" y="78557"/>
                    <a:pt x="50152" y="80358"/>
                    <a:pt x="49952" y="82148"/>
                  </a:cubicBezTo>
                  <a:cubicBezTo>
                    <a:pt x="50266" y="94626"/>
                    <a:pt x="56677" y="106151"/>
                    <a:pt x="67097" y="113009"/>
                  </a:cubicBezTo>
                  <a:lnTo>
                    <a:pt x="57572" y="125487"/>
                  </a:lnTo>
                  <a:cubicBezTo>
                    <a:pt x="43742" y="116019"/>
                    <a:pt x="35055" y="100694"/>
                    <a:pt x="34045" y="83958"/>
                  </a:cubicBezTo>
                  <a:lnTo>
                    <a:pt x="5470" y="42048"/>
                  </a:lnTo>
                  <a:cubicBezTo>
                    <a:pt x="-2055" y="29951"/>
                    <a:pt x="-2817" y="13473"/>
                    <a:pt x="9566" y="4996"/>
                  </a:cubicBezTo>
                  <a:lnTo>
                    <a:pt x="11376" y="3853"/>
                  </a:lnTo>
                  <a:lnTo>
                    <a:pt x="12042" y="3377"/>
                  </a:lnTo>
                  <a:lnTo>
                    <a:pt x="13281" y="2805"/>
                  </a:lnTo>
                  <a:cubicBezTo>
                    <a:pt x="18643" y="233"/>
                    <a:pt x="24663" y="-595"/>
                    <a:pt x="30521" y="424"/>
                  </a:cubicBezTo>
                  <a:cubicBezTo>
                    <a:pt x="37836" y="1729"/>
                    <a:pt x="44323" y="5910"/>
                    <a:pt x="48523" y="12044"/>
                  </a:cubicBezTo>
                  <a:cubicBezTo>
                    <a:pt x="62649" y="32237"/>
                    <a:pt x="79156" y="50649"/>
                    <a:pt x="97672" y="66908"/>
                  </a:cubicBezTo>
                  <a:lnTo>
                    <a:pt x="99006" y="67956"/>
                  </a:lnTo>
                  <a:cubicBezTo>
                    <a:pt x="103768" y="70909"/>
                    <a:pt x="108054" y="74052"/>
                    <a:pt x="111864" y="76910"/>
                  </a:cubicBezTo>
                  <a:lnTo>
                    <a:pt x="115198" y="79291"/>
                  </a:lnTo>
                  <a:lnTo>
                    <a:pt x="118722" y="82148"/>
                  </a:lnTo>
                  <a:cubicBezTo>
                    <a:pt x="134915" y="96512"/>
                    <a:pt x="144230" y="117086"/>
                    <a:pt x="144345" y="138727"/>
                  </a:cubicBezTo>
                  <a:lnTo>
                    <a:pt x="145011" y="178827"/>
                  </a:lnTo>
                  <a:close/>
                </a:path>
              </a:pathLst>
            </a:custGeom>
            <a:solidFill>
              <a:schemeClr val="bg2"/>
            </a:solidFill>
            <a:ln w="9525" cap="flat">
              <a:noFill/>
              <a:prstDash val="solid"/>
              <a:miter/>
            </a:ln>
          </p:spPr>
          <p:txBody>
            <a:bodyPr rtlCol="0" anchor="ctr"/>
            <a:lstStyle/>
            <a:p>
              <a:endParaRPr lang="en-AU" sz="153"/>
            </a:p>
          </p:txBody>
        </p:sp>
        <p:sp>
          <p:nvSpPr>
            <p:cNvPr id="47" name="Freeform: Shape 46">
              <a:extLst>
                <a:ext uri="{FF2B5EF4-FFF2-40B4-BE49-F238E27FC236}">
                  <a16:creationId xmlns:a16="http://schemas.microsoft.com/office/drawing/2014/main" id="{F8D61495-09DD-08E9-16F7-83DF1BCABB82}"/>
                </a:ext>
              </a:extLst>
            </p:cNvPr>
            <p:cNvSpPr/>
            <p:nvPr/>
          </p:nvSpPr>
          <p:spPr>
            <a:xfrm>
              <a:off x="2983039" y="3965575"/>
              <a:ext cx="169070" cy="67246"/>
            </a:xfrm>
            <a:custGeom>
              <a:avLst/>
              <a:gdLst>
                <a:gd name="connsiteX0" fmla="*/ 161354 w 169070"/>
                <a:gd name="connsiteY0" fmla="*/ 67246 h 67246"/>
                <a:gd name="connsiteX1" fmla="*/ 7811 w 169070"/>
                <a:gd name="connsiteY1" fmla="*/ 67246 h 67246"/>
                <a:gd name="connsiteX2" fmla="*/ 2286 w 169070"/>
                <a:gd name="connsiteY2" fmla="*/ 64961 h 67246"/>
                <a:gd name="connsiteX3" fmla="*/ 0 w 169070"/>
                <a:gd name="connsiteY3" fmla="*/ 59531 h 67246"/>
                <a:gd name="connsiteX4" fmla="*/ 0 w 169070"/>
                <a:gd name="connsiteY4" fmla="*/ 7715 h 67246"/>
                <a:gd name="connsiteX5" fmla="*/ 0 w 169070"/>
                <a:gd name="connsiteY5" fmla="*/ 7715 h 67246"/>
                <a:gd name="connsiteX6" fmla="*/ 7811 w 169070"/>
                <a:gd name="connsiteY6" fmla="*/ 0 h 67246"/>
                <a:gd name="connsiteX7" fmla="*/ 161354 w 169070"/>
                <a:gd name="connsiteY7" fmla="*/ 0 h 67246"/>
                <a:gd name="connsiteX8" fmla="*/ 166783 w 169070"/>
                <a:gd name="connsiteY8" fmla="*/ 2286 h 67246"/>
                <a:gd name="connsiteX9" fmla="*/ 169069 w 169070"/>
                <a:gd name="connsiteY9" fmla="*/ 7811 h 67246"/>
                <a:gd name="connsiteX10" fmla="*/ 169069 w 169070"/>
                <a:gd name="connsiteY10" fmla="*/ 59627 h 67246"/>
                <a:gd name="connsiteX11" fmla="*/ 169069 w 169070"/>
                <a:gd name="connsiteY11" fmla="*/ 59627 h 67246"/>
                <a:gd name="connsiteX12" fmla="*/ 161354 w 169070"/>
                <a:gd name="connsiteY12" fmla="*/ 67246 h 67246"/>
                <a:gd name="connsiteX13" fmla="*/ 137351 w 169070"/>
                <a:gd name="connsiteY13" fmla="*/ 51721 h 67246"/>
                <a:gd name="connsiteX14" fmla="*/ 153543 w 169070"/>
                <a:gd name="connsiteY14" fmla="*/ 51721 h 67246"/>
                <a:gd name="connsiteX15" fmla="*/ 153543 w 169070"/>
                <a:gd name="connsiteY15" fmla="*/ 15335 h 67246"/>
                <a:gd name="connsiteX16" fmla="*/ 15526 w 169070"/>
                <a:gd name="connsiteY16" fmla="*/ 15335 h 67246"/>
                <a:gd name="connsiteX17" fmla="*/ 15526 w 169070"/>
                <a:gd name="connsiteY17" fmla="*/ 51721 h 672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9070" h="67246">
                  <a:moveTo>
                    <a:pt x="161354" y="67246"/>
                  </a:moveTo>
                  <a:lnTo>
                    <a:pt x="7811" y="67246"/>
                  </a:lnTo>
                  <a:cubicBezTo>
                    <a:pt x="5744" y="67228"/>
                    <a:pt x="3762" y="66408"/>
                    <a:pt x="2286" y="64961"/>
                  </a:cubicBezTo>
                  <a:cubicBezTo>
                    <a:pt x="848" y="63522"/>
                    <a:pt x="29" y="61569"/>
                    <a:pt x="0" y="59531"/>
                  </a:cubicBezTo>
                  <a:lnTo>
                    <a:pt x="0" y="7715"/>
                  </a:lnTo>
                  <a:lnTo>
                    <a:pt x="0" y="7715"/>
                  </a:lnTo>
                  <a:cubicBezTo>
                    <a:pt x="48" y="3438"/>
                    <a:pt x="3534" y="0"/>
                    <a:pt x="7811" y="0"/>
                  </a:cubicBezTo>
                  <a:lnTo>
                    <a:pt x="161354" y="0"/>
                  </a:lnTo>
                  <a:cubicBezTo>
                    <a:pt x="163392" y="28"/>
                    <a:pt x="165345" y="848"/>
                    <a:pt x="166783" y="2286"/>
                  </a:cubicBezTo>
                  <a:cubicBezTo>
                    <a:pt x="168288" y="3724"/>
                    <a:pt x="169116" y="5734"/>
                    <a:pt x="169069" y="7811"/>
                  </a:cubicBezTo>
                  <a:lnTo>
                    <a:pt x="169069" y="59627"/>
                  </a:lnTo>
                  <a:lnTo>
                    <a:pt x="169069" y="59627"/>
                  </a:lnTo>
                  <a:cubicBezTo>
                    <a:pt x="169021" y="63846"/>
                    <a:pt x="165573" y="67246"/>
                    <a:pt x="161354" y="67246"/>
                  </a:cubicBezTo>
                  <a:close/>
                  <a:moveTo>
                    <a:pt x="137351" y="51721"/>
                  </a:moveTo>
                  <a:lnTo>
                    <a:pt x="153543" y="51721"/>
                  </a:lnTo>
                  <a:lnTo>
                    <a:pt x="153543" y="15335"/>
                  </a:lnTo>
                  <a:lnTo>
                    <a:pt x="15526" y="15335"/>
                  </a:lnTo>
                  <a:lnTo>
                    <a:pt x="15526" y="51721"/>
                  </a:lnTo>
                  <a:close/>
                </a:path>
              </a:pathLst>
            </a:custGeom>
            <a:solidFill>
              <a:srgbClr val="265998"/>
            </a:solidFill>
            <a:ln w="9525" cap="flat">
              <a:noFill/>
              <a:prstDash val="solid"/>
              <a:miter/>
            </a:ln>
          </p:spPr>
          <p:txBody>
            <a:bodyPr rtlCol="0" anchor="ctr"/>
            <a:lstStyle/>
            <a:p>
              <a:endParaRPr lang="en-AU" sz="153"/>
            </a:p>
          </p:txBody>
        </p:sp>
        <p:sp>
          <p:nvSpPr>
            <p:cNvPr id="48" name="Freeform: Shape 47">
              <a:extLst>
                <a:ext uri="{FF2B5EF4-FFF2-40B4-BE49-F238E27FC236}">
                  <a16:creationId xmlns:a16="http://schemas.microsoft.com/office/drawing/2014/main" id="{BF4BB2B2-E36C-E89F-2660-1F87F1020DAC}"/>
                </a:ext>
              </a:extLst>
            </p:cNvPr>
            <p:cNvSpPr/>
            <p:nvPr/>
          </p:nvSpPr>
          <p:spPr>
            <a:xfrm>
              <a:off x="2947606" y="4017295"/>
              <a:ext cx="428910" cy="15525"/>
            </a:xfrm>
            <a:custGeom>
              <a:avLst/>
              <a:gdLst>
                <a:gd name="connsiteX0" fmla="*/ 0 w 428910"/>
                <a:gd name="connsiteY0" fmla="*/ 0 h 15525"/>
                <a:gd name="connsiteX1" fmla="*/ 428911 w 428910"/>
                <a:gd name="connsiteY1" fmla="*/ 0 h 15525"/>
                <a:gd name="connsiteX2" fmla="*/ 428911 w 428910"/>
                <a:gd name="connsiteY2" fmla="*/ 15526 h 15525"/>
                <a:gd name="connsiteX3" fmla="*/ 0 w 428910"/>
                <a:gd name="connsiteY3" fmla="*/ 15526 h 15525"/>
              </a:gdLst>
              <a:ahLst/>
              <a:cxnLst>
                <a:cxn ang="0">
                  <a:pos x="connsiteX0" y="connsiteY0"/>
                </a:cxn>
                <a:cxn ang="0">
                  <a:pos x="connsiteX1" y="connsiteY1"/>
                </a:cxn>
                <a:cxn ang="0">
                  <a:pos x="connsiteX2" y="connsiteY2"/>
                </a:cxn>
                <a:cxn ang="0">
                  <a:pos x="connsiteX3" y="connsiteY3"/>
                </a:cxn>
              </a:cxnLst>
              <a:rect l="l" t="t" r="r" b="b"/>
              <a:pathLst>
                <a:path w="428910" h="15525">
                  <a:moveTo>
                    <a:pt x="0" y="0"/>
                  </a:moveTo>
                  <a:lnTo>
                    <a:pt x="428911" y="0"/>
                  </a:lnTo>
                  <a:lnTo>
                    <a:pt x="428911" y="15526"/>
                  </a:lnTo>
                  <a:lnTo>
                    <a:pt x="0" y="15526"/>
                  </a:lnTo>
                  <a:close/>
                </a:path>
              </a:pathLst>
            </a:custGeom>
            <a:solidFill>
              <a:srgbClr val="265998"/>
            </a:solidFill>
            <a:ln w="9525" cap="flat">
              <a:noFill/>
              <a:prstDash val="solid"/>
              <a:miter/>
            </a:ln>
          </p:spPr>
          <p:txBody>
            <a:bodyPr rtlCol="0" anchor="ctr"/>
            <a:lstStyle/>
            <a:p>
              <a:endParaRPr lang="en-AU" sz="153"/>
            </a:p>
          </p:txBody>
        </p:sp>
      </p:grpSp>
      <p:sp>
        <p:nvSpPr>
          <p:cNvPr id="3" name="Slide Number Placeholder 2">
            <a:extLst>
              <a:ext uri="{FF2B5EF4-FFF2-40B4-BE49-F238E27FC236}">
                <a16:creationId xmlns:a16="http://schemas.microsoft.com/office/drawing/2014/main" id="{1D976A0A-15E4-BE98-F418-7964EE3BFFE2}"/>
              </a:ext>
            </a:extLst>
          </p:cNvPr>
          <p:cNvSpPr>
            <a:spLocks noGrp="1"/>
          </p:cNvSpPr>
          <p:nvPr>
            <p:ph type="sldNum" sz="quarter" idx="4"/>
          </p:nvPr>
        </p:nvSpPr>
        <p:spPr/>
        <p:txBody>
          <a:bodyPr/>
          <a:lstStyle/>
          <a:p>
            <a:fld id="{3FE8A0A5-0893-3B4E-9EB9-FE67329D76D6}" type="slidenum">
              <a:rPr lang="en-US" smtClean="0"/>
              <a:pPr/>
              <a:t>38</a:t>
            </a:fld>
            <a:endParaRPr lang="en-US"/>
          </a:p>
        </p:txBody>
      </p:sp>
    </p:spTree>
    <p:extLst>
      <p:ext uri="{BB962C8B-B14F-4D97-AF65-F5344CB8AC3E}">
        <p14:creationId xmlns:p14="http://schemas.microsoft.com/office/powerpoint/2010/main" val="233593637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F2C943-49FE-4FE9-E17E-6571EBB232C1}"/>
            </a:ext>
          </a:extLst>
        </p:cNvPr>
        <p:cNvGrpSpPr/>
        <p:nvPr/>
      </p:nvGrpSpPr>
      <p:grpSpPr>
        <a:xfrm>
          <a:off x="0" y="0"/>
          <a:ext cx="0" cy="0"/>
          <a:chOff x="0" y="0"/>
          <a:chExt cx="0" cy="0"/>
        </a:xfrm>
      </p:grpSpPr>
      <p:sp>
        <p:nvSpPr>
          <p:cNvPr id="80" name="Rectangle 79">
            <a:extLst>
              <a:ext uri="{FF2B5EF4-FFF2-40B4-BE49-F238E27FC236}">
                <a16:creationId xmlns:a16="http://schemas.microsoft.com/office/drawing/2014/main" id="{7495AB9A-9782-4885-4741-C3D759A537EC}"/>
              </a:ext>
            </a:extLst>
          </p:cNvPr>
          <p:cNvSpPr/>
          <p:nvPr/>
        </p:nvSpPr>
        <p:spPr>
          <a:xfrm>
            <a:off x="0" y="1268760"/>
            <a:ext cx="12192000" cy="4740154"/>
          </a:xfrm>
          <a:prstGeom prst="rect">
            <a:avLst/>
          </a:prstGeom>
          <a:solidFill>
            <a:schemeClr val="bg1">
              <a:lumMod val="9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itle 1">
            <a:extLst>
              <a:ext uri="{FF2B5EF4-FFF2-40B4-BE49-F238E27FC236}">
                <a16:creationId xmlns:a16="http://schemas.microsoft.com/office/drawing/2014/main" id="{F777C243-330E-E705-0F14-DC3DBFE0FA9F}"/>
              </a:ext>
            </a:extLst>
          </p:cNvPr>
          <p:cNvSpPr>
            <a:spLocks noGrp="1"/>
          </p:cNvSpPr>
          <p:nvPr>
            <p:ph type="ctrTitle"/>
          </p:nvPr>
        </p:nvSpPr>
        <p:spPr>
          <a:xfrm>
            <a:off x="569995" y="507635"/>
            <a:ext cx="11082431" cy="515848"/>
          </a:xfrm>
        </p:spPr>
        <p:txBody>
          <a:bodyPr>
            <a:normAutofit/>
          </a:bodyPr>
          <a:lstStyle/>
          <a:p>
            <a:r>
              <a:rPr lang="en-US"/>
              <a:t>Support the workforce to improve consumer outcomes</a:t>
            </a:r>
            <a:endParaRPr lang="en-AU"/>
          </a:p>
        </p:txBody>
      </p:sp>
      <p:grpSp>
        <p:nvGrpSpPr>
          <p:cNvPr id="4" name="Group 3">
            <a:extLst>
              <a:ext uri="{FF2B5EF4-FFF2-40B4-BE49-F238E27FC236}">
                <a16:creationId xmlns:a16="http://schemas.microsoft.com/office/drawing/2014/main" id="{12E7729D-D59A-B8CC-D55F-8814632B2BAB}"/>
              </a:ext>
            </a:extLst>
          </p:cNvPr>
          <p:cNvGrpSpPr/>
          <p:nvPr/>
        </p:nvGrpSpPr>
        <p:grpSpPr>
          <a:xfrm>
            <a:off x="787689" y="1530422"/>
            <a:ext cx="10616622" cy="4216830"/>
            <a:chOff x="1035804" y="1530422"/>
            <a:chExt cx="10616622" cy="4216830"/>
          </a:xfrm>
        </p:grpSpPr>
        <p:grpSp>
          <p:nvGrpSpPr>
            <p:cNvPr id="47" name="Group 46">
              <a:extLst>
                <a:ext uri="{FF2B5EF4-FFF2-40B4-BE49-F238E27FC236}">
                  <a16:creationId xmlns:a16="http://schemas.microsoft.com/office/drawing/2014/main" id="{D3707365-6310-9F15-8EA6-4E0F9A20CDE5}"/>
                </a:ext>
              </a:extLst>
            </p:cNvPr>
            <p:cNvGrpSpPr/>
            <p:nvPr/>
          </p:nvGrpSpPr>
          <p:grpSpPr>
            <a:xfrm>
              <a:off x="1035804" y="1530422"/>
              <a:ext cx="10616622" cy="4216830"/>
              <a:chOff x="-1" y="683381"/>
              <a:chExt cx="6116593" cy="1629173"/>
            </a:xfrm>
          </p:grpSpPr>
          <p:sp>
            <p:nvSpPr>
              <p:cNvPr id="13" name="Rectangle 12">
                <a:extLst>
                  <a:ext uri="{FF2B5EF4-FFF2-40B4-BE49-F238E27FC236}">
                    <a16:creationId xmlns:a16="http://schemas.microsoft.com/office/drawing/2014/main" id="{949760C0-5E9E-9475-7194-45131CA69780}"/>
                  </a:ext>
                </a:extLst>
              </p:cNvPr>
              <p:cNvSpPr/>
              <p:nvPr/>
            </p:nvSpPr>
            <p:spPr>
              <a:xfrm>
                <a:off x="10356" y="1124554"/>
                <a:ext cx="3024000" cy="118800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720">
                  <a:latin typeface="Open Sans" panose="020B0606030504020204" pitchFamily="34" charset="0"/>
                  <a:ea typeface="Open Sans" panose="020B0606030504020204" pitchFamily="34" charset="0"/>
                  <a:cs typeface="Open Sans" panose="020B0606030504020204" pitchFamily="34" charset="0"/>
                </a:endParaRPr>
              </a:p>
            </p:txBody>
          </p:sp>
          <p:sp>
            <p:nvSpPr>
              <p:cNvPr id="14" name="Rectangle 13">
                <a:extLst>
                  <a:ext uri="{FF2B5EF4-FFF2-40B4-BE49-F238E27FC236}">
                    <a16:creationId xmlns:a16="http://schemas.microsoft.com/office/drawing/2014/main" id="{3BD766D6-14A3-18F7-0E46-18D4BCB0878D}"/>
                  </a:ext>
                </a:extLst>
              </p:cNvPr>
              <p:cNvSpPr/>
              <p:nvPr/>
            </p:nvSpPr>
            <p:spPr>
              <a:xfrm>
                <a:off x="3092592" y="1118604"/>
                <a:ext cx="3024000" cy="11880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2720">
                  <a:latin typeface="Open Sans" panose="020B0606030504020204" pitchFamily="34" charset="0"/>
                  <a:ea typeface="Open Sans" panose="020B0606030504020204" pitchFamily="34" charset="0"/>
                  <a:cs typeface="Open Sans" panose="020B0606030504020204" pitchFamily="34" charset="0"/>
                </a:endParaRPr>
              </a:p>
            </p:txBody>
          </p:sp>
          <p:sp>
            <p:nvSpPr>
              <p:cNvPr id="15" name="Rectangle 14">
                <a:extLst>
                  <a:ext uri="{FF2B5EF4-FFF2-40B4-BE49-F238E27FC236}">
                    <a16:creationId xmlns:a16="http://schemas.microsoft.com/office/drawing/2014/main" id="{A6A3FADB-A452-AF16-31A7-AA1967E0CF4E}"/>
                  </a:ext>
                </a:extLst>
              </p:cNvPr>
              <p:cNvSpPr/>
              <p:nvPr/>
            </p:nvSpPr>
            <p:spPr>
              <a:xfrm>
                <a:off x="-1" y="683381"/>
                <a:ext cx="3024000" cy="38292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a:latin typeface="Open Sans" panose="020B0606030504020204" pitchFamily="34" charset="0"/>
                    <a:ea typeface="Open Sans" panose="020B0606030504020204" pitchFamily="34" charset="0"/>
                    <a:cs typeface="Open Sans" panose="020B0606030504020204" pitchFamily="34" charset="0"/>
                  </a:rPr>
                  <a:t>Support Implementation of the National Mental Health Workforce Strategy</a:t>
                </a:r>
                <a:endParaRPr lang="en-AU" b="1">
                  <a:latin typeface="Open Sans" panose="020B0606030504020204" pitchFamily="34" charset="0"/>
                  <a:ea typeface="Open Sans" panose="020B0606030504020204" pitchFamily="34" charset="0"/>
                  <a:cs typeface="Open Sans" panose="020B0606030504020204" pitchFamily="34" charset="0"/>
                </a:endParaRPr>
              </a:p>
            </p:txBody>
          </p:sp>
          <p:sp>
            <p:nvSpPr>
              <p:cNvPr id="16" name="Rectangle 15">
                <a:extLst>
                  <a:ext uri="{FF2B5EF4-FFF2-40B4-BE49-F238E27FC236}">
                    <a16:creationId xmlns:a16="http://schemas.microsoft.com/office/drawing/2014/main" id="{5FF71A6C-9953-1A16-D41C-E94C3557AFB4}"/>
                  </a:ext>
                </a:extLst>
              </p:cNvPr>
              <p:cNvSpPr/>
              <p:nvPr/>
            </p:nvSpPr>
            <p:spPr>
              <a:xfrm>
                <a:off x="3092592" y="683381"/>
                <a:ext cx="3024000" cy="3829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a:latin typeface="Open Sans" panose="020B0606030504020204" pitchFamily="34" charset="0"/>
                    <a:ea typeface="Open Sans" panose="020B0606030504020204" pitchFamily="34" charset="0"/>
                    <a:cs typeface="Open Sans" panose="020B0606030504020204" pitchFamily="34" charset="0"/>
                  </a:rPr>
                  <a:t>Develop a nationally consistent scope</a:t>
                </a:r>
                <a:br>
                  <a:rPr lang="en-US" b="1">
                    <a:latin typeface="Open Sans" panose="020B0606030504020204" pitchFamily="34" charset="0"/>
                    <a:ea typeface="Open Sans" panose="020B0606030504020204" pitchFamily="34" charset="0"/>
                    <a:cs typeface="Open Sans" panose="020B0606030504020204" pitchFamily="34" charset="0"/>
                  </a:rPr>
                </a:br>
                <a:r>
                  <a:rPr lang="en-US" b="1">
                    <a:latin typeface="Open Sans" panose="020B0606030504020204" pitchFamily="34" charset="0"/>
                    <a:ea typeface="Open Sans" panose="020B0606030504020204" pitchFamily="34" charset="0"/>
                    <a:cs typeface="Open Sans" panose="020B0606030504020204" pitchFamily="34" charset="0"/>
                  </a:rPr>
                  <a:t> of practice for peer workers</a:t>
                </a:r>
                <a:endParaRPr lang="en-AU" b="1">
                  <a:latin typeface="Open Sans" panose="020B0606030504020204" pitchFamily="34" charset="0"/>
                  <a:ea typeface="Open Sans" panose="020B0606030504020204" pitchFamily="34" charset="0"/>
                  <a:cs typeface="Open Sans" panose="020B0606030504020204" pitchFamily="34" charset="0"/>
                </a:endParaRPr>
              </a:p>
            </p:txBody>
          </p:sp>
          <p:sp>
            <p:nvSpPr>
              <p:cNvPr id="17" name="Rectangle 16">
                <a:extLst>
                  <a:ext uri="{FF2B5EF4-FFF2-40B4-BE49-F238E27FC236}">
                    <a16:creationId xmlns:a16="http://schemas.microsoft.com/office/drawing/2014/main" id="{9EBFE2BD-1BB6-9782-85F8-20E73C7ED0A3}"/>
                  </a:ext>
                </a:extLst>
              </p:cNvPr>
              <p:cNvSpPr/>
              <p:nvPr/>
            </p:nvSpPr>
            <p:spPr>
              <a:xfrm>
                <a:off x="162311" y="1265742"/>
                <a:ext cx="1824150" cy="9484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t" anchorCtr="0"/>
              <a:lstStyle/>
              <a:p>
                <a:pPr marL="171450" indent="-171450" defTabSz="1036198">
                  <a:spcAft>
                    <a:spcPts val="400"/>
                  </a:spcAft>
                  <a:buFont typeface="Arial" panose="020B0604020202020204" pitchFamily="34" charset="0"/>
                  <a:buChar char="•"/>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Clear commitments and timelines to support priority actions under the strategy</a:t>
                </a:r>
              </a:p>
              <a:p>
                <a:pPr marL="171450" indent="-171450" defTabSz="1036198">
                  <a:spcAft>
                    <a:spcPts val="400"/>
                  </a:spcAft>
                  <a:buFont typeface="Arial" panose="020B0604020202020204" pitchFamily="34" charset="0"/>
                  <a:buChar char="•"/>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Explicit delineation of responsibility and funding of workforce initiatives</a:t>
                </a:r>
              </a:p>
            </p:txBody>
          </p:sp>
          <p:sp>
            <p:nvSpPr>
              <p:cNvPr id="27" name="Rectangle 26">
                <a:extLst>
                  <a:ext uri="{FF2B5EF4-FFF2-40B4-BE49-F238E27FC236}">
                    <a16:creationId xmlns:a16="http://schemas.microsoft.com/office/drawing/2014/main" id="{A5F69155-DF34-3DA4-759E-914465FDE15E}"/>
                  </a:ext>
                </a:extLst>
              </p:cNvPr>
              <p:cNvSpPr/>
              <p:nvPr/>
            </p:nvSpPr>
            <p:spPr>
              <a:xfrm>
                <a:off x="3264973" y="1253874"/>
                <a:ext cx="1788559" cy="9484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t" anchorCtr="0"/>
              <a:lstStyle/>
              <a:p>
                <a:pPr defTabSz="1036198">
                  <a:spcAft>
                    <a:spcPts val="400"/>
                  </a:spcAft>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A scope of practice would:</a:t>
                </a:r>
              </a:p>
              <a:p>
                <a:pPr marL="171450" indent="-171450" defTabSz="1036198">
                  <a:spcAft>
                    <a:spcPts val="400"/>
                  </a:spcAft>
                  <a:buFont typeface="Arial" panose="020B0604020202020204" pitchFamily="34" charset="0"/>
                  <a:buChar char="•"/>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promote safer work practices</a:t>
                </a:r>
              </a:p>
              <a:p>
                <a:pPr marL="171450" indent="-171450" defTabSz="1036198">
                  <a:spcAft>
                    <a:spcPts val="400"/>
                  </a:spcAft>
                  <a:buFont typeface="Arial" panose="020B0604020202020204" pitchFamily="34" charset="0"/>
                  <a:buChar char="•"/>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contribute to better outcomes for people accessing peer support</a:t>
                </a:r>
              </a:p>
              <a:p>
                <a:pPr marL="171450" indent="-171450" defTabSz="1036198">
                  <a:spcAft>
                    <a:spcPts val="400"/>
                  </a:spcAft>
                  <a:buFont typeface="Arial" panose="020B0604020202020204" pitchFamily="34" charset="0"/>
                  <a:buChar char="•"/>
                  <a:defRPr/>
                </a:pPr>
                <a:r>
                  <a:rPr lang="en-AU" sz="1600">
                    <a:solidFill>
                      <a:schemeClr val="tx1"/>
                    </a:solidFill>
                    <a:latin typeface="Open Sans" panose="020B0606030504020204" pitchFamily="34" charset="0"/>
                    <a:ea typeface="Open Sans" panose="020B0606030504020204" pitchFamily="34" charset="0"/>
                    <a:cs typeface="Open Sans" panose="020B0606030504020204" pitchFamily="34" charset="0"/>
                  </a:rPr>
                  <a:t>improve public understanding of profession</a:t>
                </a:r>
              </a:p>
            </p:txBody>
          </p:sp>
        </p:grpSp>
        <p:grpSp>
          <p:nvGrpSpPr>
            <p:cNvPr id="48" name="Group 47">
              <a:extLst>
                <a:ext uri="{FF2B5EF4-FFF2-40B4-BE49-F238E27FC236}">
                  <a16:creationId xmlns:a16="http://schemas.microsoft.com/office/drawing/2014/main" id="{BD3BF83E-9F52-1F98-6695-1CAF8F2908FE}"/>
                </a:ext>
              </a:extLst>
            </p:cNvPr>
            <p:cNvGrpSpPr/>
            <p:nvPr/>
          </p:nvGrpSpPr>
          <p:grpSpPr>
            <a:xfrm>
              <a:off x="10165354" y="3343391"/>
              <a:ext cx="1042747" cy="891308"/>
              <a:chOff x="-547862" y="268288"/>
              <a:chExt cx="305131" cy="284976"/>
            </a:xfrm>
          </p:grpSpPr>
          <p:sp>
            <p:nvSpPr>
              <p:cNvPr id="49" name="Freeform 2">
                <a:extLst>
                  <a:ext uri="{FF2B5EF4-FFF2-40B4-BE49-F238E27FC236}">
                    <a16:creationId xmlns:a16="http://schemas.microsoft.com/office/drawing/2014/main" id="{27011414-0C38-AE19-AFDB-18CB0AC7CFEC}"/>
                  </a:ext>
                </a:extLst>
              </p:cNvPr>
              <p:cNvSpPr/>
              <p:nvPr/>
            </p:nvSpPr>
            <p:spPr>
              <a:xfrm>
                <a:off x="-440512" y="280580"/>
                <a:ext cx="89979" cy="117721"/>
              </a:xfrm>
              <a:custGeom>
                <a:avLst/>
                <a:gdLst>
                  <a:gd name="connsiteX0" fmla="*/ 89857 w 89979"/>
                  <a:gd name="connsiteY0" fmla="*/ 28375 h 117721"/>
                  <a:gd name="connsiteX1" fmla="*/ 56832 w 89979"/>
                  <a:gd name="connsiteY1" fmla="*/ 28375 h 117721"/>
                  <a:gd name="connsiteX2" fmla="*/ 51216 w 89979"/>
                  <a:gd name="connsiteY2" fmla="*/ 24645 h 117721"/>
                  <a:gd name="connsiteX3" fmla="*/ 52498 w 89979"/>
                  <a:gd name="connsiteY3" fmla="*/ 17979 h 117721"/>
                  <a:gd name="connsiteX4" fmla="*/ 55489 w 89979"/>
                  <a:gd name="connsiteY4" fmla="*/ 10580 h 117721"/>
                  <a:gd name="connsiteX5" fmla="*/ 44928 w 89979"/>
                  <a:gd name="connsiteY5" fmla="*/ 0 h 117721"/>
                  <a:gd name="connsiteX6" fmla="*/ 34368 w 89979"/>
                  <a:gd name="connsiteY6" fmla="*/ 10580 h 117721"/>
                  <a:gd name="connsiteX7" fmla="*/ 37359 w 89979"/>
                  <a:gd name="connsiteY7" fmla="*/ 17979 h 117721"/>
                  <a:gd name="connsiteX8" fmla="*/ 38641 w 89979"/>
                  <a:gd name="connsiteY8" fmla="*/ 24645 h 117721"/>
                  <a:gd name="connsiteX9" fmla="*/ 33025 w 89979"/>
                  <a:gd name="connsiteY9" fmla="*/ 28375 h 117721"/>
                  <a:gd name="connsiteX10" fmla="*/ 0 w 89979"/>
                  <a:gd name="connsiteY10" fmla="*/ 28375 h 117721"/>
                  <a:gd name="connsiteX11" fmla="*/ 0 w 89979"/>
                  <a:gd name="connsiteY11" fmla="*/ 102738 h 117721"/>
                  <a:gd name="connsiteX12" fmla="*/ 6593 w 89979"/>
                  <a:gd name="connsiteY12" fmla="*/ 106714 h 117721"/>
                  <a:gd name="connsiteX13" fmla="*/ 22342 w 89979"/>
                  <a:gd name="connsiteY13" fmla="*/ 110689 h 117721"/>
                  <a:gd name="connsiteX14" fmla="*/ 44990 w 89979"/>
                  <a:gd name="connsiteY14" fmla="*/ 89346 h 117721"/>
                  <a:gd name="connsiteX15" fmla="*/ 67759 w 89979"/>
                  <a:gd name="connsiteY15" fmla="*/ 112156 h 117721"/>
                  <a:gd name="connsiteX16" fmla="*/ 67088 w 89979"/>
                  <a:gd name="connsiteY16" fmla="*/ 117721 h 117721"/>
                  <a:gd name="connsiteX17" fmla="*/ 80639 w 89979"/>
                  <a:gd name="connsiteY17" fmla="*/ 117721 h 117721"/>
                  <a:gd name="connsiteX18" fmla="*/ 89979 w 89979"/>
                  <a:gd name="connsiteY18" fmla="*/ 101638 h 117721"/>
                  <a:gd name="connsiteX19" fmla="*/ 89979 w 89979"/>
                  <a:gd name="connsiteY19" fmla="*/ 28314 h 1177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9979" h="117721">
                    <a:moveTo>
                      <a:pt x="89857" y="28375"/>
                    </a:moveTo>
                    <a:lnTo>
                      <a:pt x="56832" y="28375"/>
                    </a:lnTo>
                    <a:cubicBezTo>
                      <a:pt x="54390" y="28375"/>
                      <a:pt x="52132" y="26908"/>
                      <a:pt x="51216" y="24645"/>
                    </a:cubicBezTo>
                    <a:cubicBezTo>
                      <a:pt x="50300" y="22382"/>
                      <a:pt x="50789" y="19753"/>
                      <a:pt x="52498" y="17979"/>
                    </a:cubicBezTo>
                    <a:cubicBezTo>
                      <a:pt x="54451" y="15961"/>
                      <a:pt x="55489" y="13393"/>
                      <a:pt x="55489" y="10580"/>
                    </a:cubicBezTo>
                    <a:cubicBezTo>
                      <a:pt x="55489" y="4709"/>
                      <a:pt x="50728" y="0"/>
                      <a:pt x="44928" y="0"/>
                    </a:cubicBezTo>
                    <a:cubicBezTo>
                      <a:pt x="39129" y="0"/>
                      <a:pt x="34368" y="4770"/>
                      <a:pt x="34368" y="10580"/>
                    </a:cubicBezTo>
                    <a:cubicBezTo>
                      <a:pt x="34368" y="13331"/>
                      <a:pt x="35467" y="15961"/>
                      <a:pt x="37359" y="17979"/>
                    </a:cubicBezTo>
                    <a:cubicBezTo>
                      <a:pt x="39068" y="19753"/>
                      <a:pt x="39557" y="22382"/>
                      <a:pt x="38641" y="24645"/>
                    </a:cubicBezTo>
                    <a:cubicBezTo>
                      <a:pt x="37664" y="26908"/>
                      <a:pt x="35467" y="28375"/>
                      <a:pt x="33025" y="28375"/>
                    </a:cubicBezTo>
                    <a:lnTo>
                      <a:pt x="0" y="28375"/>
                    </a:lnTo>
                    <a:lnTo>
                      <a:pt x="0" y="102738"/>
                    </a:lnTo>
                    <a:cubicBezTo>
                      <a:pt x="1770" y="104634"/>
                      <a:pt x="3968" y="106102"/>
                      <a:pt x="6593" y="106714"/>
                    </a:cubicBezTo>
                    <a:lnTo>
                      <a:pt x="22342" y="110689"/>
                    </a:lnTo>
                    <a:cubicBezTo>
                      <a:pt x="23136" y="98825"/>
                      <a:pt x="32903" y="89346"/>
                      <a:pt x="44990" y="89346"/>
                    </a:cubicBezTo>
                    <a:cubicBezTo>
                      <a:pt x="57076" y="89346"/>
                      <a:pt x="67759" y="99558"/>
                      <a:pt x="67759" y="112156"/>
                    </a:cubicBezTo>
                    <a:cubicBezTo>
                      <a:pt x="67759" y="114052"/>
                      <a:pt x="67515" y="115887"/>
                      <a:pt x="67088" y="117721"/>
                    </a:cubicBezTo>
                    <a:lnTo>
                      <a:pt x="80639" y="117721"/>
                    </a:lnTo>
                    <a:cubicBezTo>
                      <a:pt x="83264" y="113012"/>
                      <a:pt x="86500" y="107509"/>
                      <a:pt x="89979" y="101638"/>
                    </a:cubicBezTo>
                    <a:lnTo>
                      <a:pt x="89979" y="28314"/>
                    </a:lnTo>
                    <a:close/>
                  </a:path>
                </a:pathLst>
              </a:custGeom>
              <a:solidFill>
                <a:schemeClr val="accent1">
                  <a:lumMod val="20000"/>
                  <a:lumOff val="80000"/>
                </a:schemeClr>
              </a:solidFill>
              <a:ln w="6096" cap="flat">
                <a:noFill/>
                <a:prstDash val="solid"/>
                <a:miter/>
              </a:ln>
            </p:spPr>
            <p:txBody>
              <a:bodyPr rtlCol="0" anchor="ctr"/>
              <a:lstStyle/>
              <a:p>
                <a:endParaRPr lang="en-AU"/>
              </a:p>
            </p:txBody>
          </p:sp>
          <p:grpSp>
            <p:nvGrpSpPr>
              <p:cNvPr id="50" name="Graphic 2">
                <a:extLst>
                  <a:ext uri="{FF2B5EF4-FFF2-40B4-BE49-F238E27FC236}">
                    <a16:creationId xmlns:a16="http://schemas.microsoft.com/office/drawing/2014/main" id="{9FE6908C-55D6-C314-25A1-CB1FFC4199C2}"/>
                  </a:ext>
                </a:extLst>
              </p:cNvPr>
              <p:cNvGrpSpPr/>
              <p:nvPr/>
            </p:nvGrpSpPr>
            <p:grpSpPr>
              <a:xfrm>
                <a:off x="-547862" y="268288"/>
                <a:ext cx="305131" cy="284976"/>
                <a:chOff x="-585010" y="1395049"/>
                <a:chExt cx="305131" cy="284976"/>
              </a:xfrm>
              <a:solidFill>
                <a:srgbClr val="265A9A"/>
              </a:solidFill>
            </p:grpSpPr>
            <p:sp>
              <p:nvSpPr>
                <p:cNvPr id="51" name="Freeform 4">
                  <a:extLst>
                    <a:ext uri="{FF2B5EF4-FFF2-40B4-BE49-F238E27FC236}">
                      <a16:creationId xmlns:a16="http://schemas.microsoft.com/office/drawing/2014/main" id="{33704289-2215-1BE6-33EA-B4237A4C2A70}"/>
                    </a:ext>
                  </a:extLst>
                </p:cNvPr>
                <p:cNvSpPr/>
                <p:nvPr/>
              </p:nvSpPr>
              <p:spPr>
                <a:xfrm>
                  <a:off x="-489869" y="1395049"/>
                  <a:ext cx="114396" cy="40606"/>
                </a:xfrm>
                <a:custGeom>
                  <a:avLst/>
                  <a:gdLst>
                    <a:gd name="connsiteX0" fmla="*/ 108170 w 114396"/>
                    <a:gd name="connsiteY0" fmla="*/ 40606 h 40606"/>
                    <a:gd name="connsiteX1" fmla="*/ 69041 w 114396"/>
                    <a:gd name="connsiteY1" fmla="*/ 40606 h 40606"/>
                    <a:gd name="connsiteX2" fmla="*/ 63425 w 114396"/>
                    <a:gd name="connsiteY2" fmla="*/ 36876 h 40606"/>
                    <a:gd name="connsiteX3" fmla="*/ 64707 w 114396"/>
                    <a:gd name="connsiteY3" fmla="*/ 30210 h 40606"/>
                    <a:gd name="connsiteX4" fmla="*/ 67698 w 114396"/>
                    <a:gd name="connsiteY4" fmla="*/ 22810 h 40606"/>
                    <a:gd name="connsiteX5" fmla="*/ 57137 w 114396"/>
                    <a:gd name="connsiteY5" fmla="*/ 12231 h 40606"/>
                    <a:gd name="connsiteX6" fmla="*/ 46577 w 114396"/>
                    <a:gd name="connsiteY6" fmla="*/ 22810 h 40606"/>
                    <a:gd name="connsiteX7" fmla="*/ 49568 w 114396"/>
                    <a:gd name="connsiteY7" fmla="*/ 30210 h 40606"/>
                    <a:gd name="connsiteX8" fmla="*/ 50850 w 114396"/>
                    <a:gd name="connsiteY8" fmla="*/ 36876 h 40606"/>
                    <a:gd name="connsiteX9" fmla="*/ 45234 w 114396"/>
                    <a:gd name="connsiteY9" fmla="*/ 40606 h 40606"/>
                    <a:gd name="connsiteX10" fmla="*/ 6104 w 114396"/>
                    <a:gd name="connsiteY10" fmla="*/ 40606 h 40606"/>
                    <a:gd name="connsiteX11" fmla="*/ 0 w 114396"/>
                    <a:gd name="connsiteY11" fmla="*/ 34491 h 40606"/>
                    <a:gd name="connsiteX12" fmla="*/ 6104 w 114396"/>
                    <a:gd name="connsiteY12" fmla="*/ 28375 h 40606"/>
                    <a:gd name="connsiteX13" fmla="*/ 35100 w 114396"/>
                    <a:gd name="connsiteY13" fmla="*/ 28375 h 40606"/>
                    <a:gd name="connsiteX14" fmla="*/ 34429 w 114396"/>
                    <a:gd name="connsiteY14" fmla="*/ 22810 h 40606"/>
                    <a:gd name="connsiteX15" fmla="*/ 57198 w 114396"/>
                    <a:gd name="connsiteY15" fmla="*/ 0 h 40606"/>
                    <a:gd name="connsiteX16" fmla="*/ 79968 w 114396"/>
                    <a:gd name="connsiteY16" fmla="*/ 22810 h 40606"/>
                    <a:gd name="connsiteX17" fmla="*/ 79296 w 114396"/>
                    <a:gd name="connsiteY17" fmla="*/ 28375 h 40606"/>
                    <a:gd name="connsiteX18" fmla="*/ 108292 w 114396"/>
                    <a:gd name="connsiteY18" fmla="*/ 28375 h 40606"/>
                    <a:gd name="connsiteX19" fmla="*/ 114397 w 114396"/>
                    <a:gd name="connsiteY19" fmla="*/ 34491 h 40606"/>
                    <a:gd name="connsiteX20" fmla="*/ 108292 w 114396"/>
                    <a:gd name="connsiteY20" fmla="*/ 40606 h 406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14396" h="40606">
                      <a:moveTo>
                        <a:pt x="108170" y="40606"/>
                      </a:moveTo>
                      <a:lnTo>
                        <a:pt x="69041" y="40606"/>
                      </a:lnTo>
                      <a:cubicBezTo>
                        <a:pt x="66599" y="40606"/>
                        <a:pt x="64340" y="39139"/>
                        <a:pt x="63425" y="36876"/>
                      </a:cubicBezTo>
                      <a:cubicBezTo>
                        <a:pt x="62509" y="34613"/>
                        <a:pt x="62998" y="31984"/>
                        <a:pt x="64707" y="30210"/>
                      </a:cubicBezTo>
                      <a:cubicBezTo>
                        <a:pt x="66660" y="28192"/>
                        <a:pt x="67698" y="25623"/>
                        <a:pt x="67698" y="22810"/>
                      </a:cubicBezTo>
                      <a:cubicBezTo>
                        <a:pt x="67698" y="16940"/>
                        <a:pt x="62936" y="12231"/>
                        <a:pt x="57137" y="12231"/>
                      </a:cubicBezTo>
                      <a:cubicBezTo>
                        <a:pt x="51338" y="12231"/>
                        <a:pt x="46577" y="17001"/>
                        <a:pt x="46577" y="22810"/>
                      </a:cubicBezTo>
                      <a:cubicBezTo>
                        <a:pt x="46577" y="25562"/>
                        <a:pt x="47675" y="28192"/>
                        <a:pt x="49568" y="30210"/>
                      </a:cubicBezTo>
                      <a:cubicBezTo>
                        <a:pt x="51277" y="31984"/>
                        <a:pt x="51765" y="34613"/>
                        <a:pt x="50850" y="36876"/>
                      </a:cubicBezTo>
                      <a:cubicBezTo>
                        <a:pt x="49873" y="39139"/>
                        <a:pt x="47675" y="40606"/>
                        <a:pt x="45234" y="40606"/>
                      </a:cubicBezTo>
                      <a:lnTo>
                        <a:pt x="6104" y="40606"/>
                      </a:lnTo>
                      <a:cubicBezTo>
                        <a:pt x="2747" y="40606"/>
                        <a:pt x="0" y="37854"/>
                        <a:pt x="0" y="34491"/>
                      </a:cubicBezTo>
                      <a:cubicBezTo>
                        <a:pt x="0" y="31127"/>
                        <a:pt x="2747" y="28375"/>
                        <a:pt x="6104" y="28375"/>
                      </a:cubicBezTo>
                      <a:lnTo>
                        <a:pt x="35100" y="28375"/>
                      </a:lnTo>
                      <a:cubicBezTo>
                        <a:pt x="34673" y="26602"/>
                        <a:pt x="34429" y="24706"/>
                        <a:pt x="34429" y="22810"/>
                      </a:cubicBezTo>
                      <a:cubicBezTo>
                        <a:pt x="34429" y="10213"/>
                        <a:pt x="44623" y="0"/>
                        <a:pt x="57198" y="0"/>
                      </a:cubicBezTo>
                      <a:cubicBezTo>
                        <a:pt x="69773" y="0"/>
                        <a:pt x="79968" y="10213"/>
                        <a:pt x="79968" y="22810"/>
                      </a:cubicBezTo>
                      <a:cubicBezTo>
                        <a:pt x="79968" y="24706"/>
                        <a:pt x="79724" y="26541"/>
                        <a:pt x="79296" y="28375"/>
                      </a:cubicBezTo>
                      <a:lnTo>
                        <a:pt x="108292" y="28375"/>
                      </a:lnTo>
                      <a:cubicBezTo>
                        <a:pt x="111650" y="28375"/>
                        <a:pt x="114397" y="31127"/>
                        <a:pt x="114397" y="34491"/>
                      </a:cubicBezTo>
                      <a:cubicBezTo>
                        <a:pt x="114397" y="37854"/>
                        <a:pt x="111650" y="40606"/>
                        <a:pt x="108292" y="40606"/>
                      </a:cubicBezTo>
                      <a:close/>
                    </a:path>
                  </a:pathLst>
                </a:custGeom>
                <a:solidFill>
                  <a:srgbClr val="265A9A"/>
                </a:solidFill>
                <a:ln w="6096" cap="flat">
                  <a:noFill/>
                  <a:prstDash val="solid"/>
                  <a:miter/>
                </a:ln>
              </p:spPr>
              <p:txBody>
                <a:bodyPr rtlCol="0" anchor="ctr"/>
                <a:lstStyle/>
                <a:p>
                  <a:endParaRPr lang="en-AU"/>
                </a:p>
              </p:txBody>
            </p:sp>
            <p:sp>
              <p:nvSpPr>
                <p:cNvPr id="52" name="Freeform 5">
                  <a:extLst>
                    <a:ext uri="{FF2B5EF4-FFF2-40B4-BE49-F238E27FC236}">
                      <a16:creationId xmlns:a16="http://schemas.microsoft.com/office/drawing/2014/main" id="{B079C039-B545-1081-16F8-E4D083AFE8DB}"/>
                    </a:ext>
                  </a:extLst>
                </p:cNvPr>
                <p:cNvSpPr/>
                <p:nvPr/>
              </p:nvSpPr>
              <p:spPr>
                <a:xfrm>
                  <a:off x="-455440" y="1496686"/>
                  <a:ext cx="68247" cy="40606"/>
                </a:xfrm>
                <a:custGeom>
                  <a:avLst/>
                  <a:gdLst>
                    <a:gd name="connsiteX0" fmla="*/ 62082 w 68247"/>
                    <a:gd name="connsiteY0" fmla="*/ 40606 h 40606"/>
                    <a:gd name="connsiteX1" fmla="*/ 34612 w 68247"/>
                    <a:gd name="connsiteY1" fmla="*/ 40606 h 40606"/>
                    <a:gd name="connsiteX2" fmla="*/ 28996 w 68247"/>
                    <a:gd name="connsiteY2" fmla="*/ 36876 h 40606"/>
                    <a:gd name="connsiteX3" fmla="*/ 30278 w 68247"/>
                    <a:gd name="connsiteY3" fmla="*/ 30210 h 40606"/>
                    <a:gd name="connsiteX4" fmla="*/ 33269 w 68247"/>
                    <a:gd name="connsiteY4" fmla="*/ 22810 h 40606"/>
                    <a:gd name="connsiteX5" fmla="*/ 22708 w 68247"/>
                    <a:gd name="connsiteY5" fmla="*/ 12231 h 40606"/>
                    <a:gd name="connsiteX6" fmla="*/ 12148 w 68247"/>
                    <a:gd name="connsiteY6" fmla="*/ 22810 h 40606"/>
                    <a:gd name="connsiteX7" fmla="*/ 13247 w 68247"/>
                    <a:gd name="connsiteY7" fmla="*/ 27519 h 40606"/>
                    <a:gd name="connsiteX8" fmla="*/ 10561 w 68247"/>
                    <a:gd name="connsiteY8" fmla="*/ 35714 h 40606"/>
                    <a:gd name="connsiteX9" fmla="*/ 2381 w 68247"/>
                    <a:gd name="connsiteY9" fmla="*/ 33023 h 40606"/>
                    <a:gd name="connsiteX10" fmla="*/ 0 w 68247"/>
                    <a:gd name="connsiteY10" fmla="*/ 22810 h 40606"/>
                    <a:gd name="connsiteX11" fmla="*/ 22769 w 68247"/>
                    <a:gd name="connsiteY11" fmla="*/ 0 h 40606"/>
                    <a:gd name="connsiteX12" fmla="*/ 45539 w 68247"/>
                    <a:gd name="connsiteY12" fmla="*/ 22810 h 40606"/>
                    <a:gd name="connsiteX13" fmla="*/ 44867 w 68247"/>
                    <a:gd name="connsiteY13" fmla="*/ 28375 h 40606"/>
                    <a:gd name="connsiteX14" fmla="*/ 62143 w 68247"/>
                    <a:gd name="connsiteY14" fmla="*/ 28375 h 40606"/>
                    <a:gd name="connsiteX15" fmla="*/ 68247 w 68247"/>
                    <a:gd name="connsiteY15" fmla="*/ 34491 h 40606"/>
                    <a:gd name="connsiteX16" fmla="*/ 62143 w 68247"/>
                    <a:gd name="connsiteY16" fmla="*/ 40606 h 406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8247" h="40606">
                      <a:moveTo>
                        <a:pt x="62082" y="40606"/>
                      </a:moveTo>
                      <a:lnTo>
                        <a:pt x="34612" y="40606"/>
                      </a:lnTo>
                      <a:cubicBezTo>
                        <a:pt x="32170" y="40606"/>
                        <a:pt x="29912" y="39138"/>
                        <a:pt x="28996" y="36876"/>
                      </a:cubicBezTo>
                      <a:cubicBezTo>
                        <a:pt x="28080" y="34613"/>
                        <a:pt x="28569" y="31983"/>
                        <a:pt x="30278" y="30210"/>
                      </a:cubicBezTo>
                      <a:cubicBezTo>
                        <a:pt x="32231" y="28192"/>
                        <a:pt x="33269" y="25623"/>
                        <a:pt x="33269" y="22810"/>
                      </a:cubicBezTo>
                      <a:cubicBezTo>
                        <a:pt x="33269" y="16940"/>
                        <a:pt x="28508" y="12231"/>
                        <a:pt x="22708" y="12231"/>
                      </a:cubicBezTo>
                      <a:cubicBezTo>
                        <a:pt x="16909" y="12231"/>
                        <a:pt x="12148" y="17001"/>
                        <a:pt x="12148" y="22810"/>
                      </a:cubicBezTo>
                      <a:cubicBezTo>
                        <a:pt x="12148" y="24462"/>
                        <a:pt x="12514" y="26051"/>
                        <a:pt x="13247" y="27519"/>
                      </a:cubicBezTo>
                      <a:cubicBezTo>
                        <a:pt x="14773" y="30516"/>
                        <a:pt x="13552" y="34185"/>
                        <a:pt x="10561" y="35714"/>
                      </a:cubicBezTo>
                      <a:cubicBezTo>
                        <a:pt x="7508" y="37243"/>
                        <a:pt x="3907" y="36020"/>
                        <a:pt x="2381" y="33023"/>
                      </a:cubicBezTo>
                      <a:cubicBezTo>
                        <a:pt x="794" y="29904"/>
                        <a:pt x="0" y="26357"/>
                        <a:pt x="0" y="22810"/>
                      </a:cubicBezTo>
                      <a:cubicBezTo>
                        <a:pt x="0" y="10213"/>
                        <a:pt x="10194" y="0"/>
                        <a:pt x="22769" y="0"/>
                      </a:cubicBezTo>
                      <a:cubicBezTo>
                        <a:pt x="35345" y="0"/>
                        <a:pt x="45539" y="10213"/>
                        <a:pt x="45539" y="22810"/>
                      </a:cubicBezTo>
                      <a:cubicBezTo>
                        <a:pt x="45539" y="24706"/>
                        <a:pt x="45295" y="26541"/>
                        <a:pt x="44867" y="28375"/>
                      </a:cubicBezTo>
                      <a:lnTo>
                        <a:pt x="62143" y="28375"/>
                      </a:lnTo>
                      <a:cubicBezTo>
                        <a:pt x="65500" y="28375"/>
                        <a:pt x="68247" y="31127"/>
                        <a:pt x="68247" y="34491"/>
                      </a:cubicBezTo>
                      <a:cubicBezTo>
                        <a:pt x="68247" y="37854"/>
                        <a:pt x="65500" y="40606"/>
                        <a:pt x="62143" y="40606"/>
                      </a:cubicBezTo>
                      <a:close/>
                    </a:path>
                  </a:pathLst>
                </a:custGeom>
                <a:solidFill>
                  <a:srgbClr val="265A9A"/>
                </a:solidFill>
                <a:ln w="6096" cap="flat">
                  <a:noFill/>
                  <a:prstDash val="solid"/>
                  <a:miter/>
                </a:ln>
              </p:spPr>
              <p:txBody>
                <a:bodyPr rtlCol="0" anchor="ctr"/>
                <a:lstStyle/>
                <a:p>
                  <a:endParaRPr lang="en-AU"/>
                </a:p>
              </p:txBody>
            </p:sp>
            <p:sp>
              <p:nvSpPr>
                <p:cNvPr id="53" name="Freeform 6">
                  <a:extLst>
                    <a:ext uri="{FF2B5EF4-FFF2-40B4-BE49-F238E27FC236}">
                      <a16:creationId xmlns:a16="http://schemas.microsoft.com/office/drawing/2014/main" id="{D6A5BC7D-7849-D12D-241B-B6C2DDAE899F}"/>
                    </a:ext>
                  </a:extLst>
                </p:cNvPr>
                <p:cNvSpPr/>
                <p:nvPr/>
              </p:nvSpPr>
              <p:spPr>
                <a:xfrm>
                  <a:off x="-489930" y="1429539"/>
                  <a:ext cx="12208" cy="82680"/>
                </a:xfrm>
                <a:custGeom>
                  <a:avLst/>
                  <a:gdLst>
                    <a:gd name="connsiteX0" fmla="*/ 0 w 12208"/>
                    <a:gd name="connsiteY0" fmla="*/ 0 h 82680"/>
                    <a:gd name="connsiteX1" fmla="*/ 12209 w 12208"/>
                    <a:gd name="connsiteY1" fmla="*/ 0 h 82680"/>
                    <a:gd name="connsiteX2" fmla="*/ 12209 w 12208"/>
                    <a:gd name="connsiteY2" fmla="*/ 82680 h 82680"/>
                    <a:gd name="connsiteX3" fmla="*/ 0 w 12208"/>
                    <a:gd name="connsiteY3" fmla="*/ 82680 h 82680"/>
                  </a:gdLst>
                  <a:ahLst/>
                  <a:cxnLst>
                    <a:cxn ang="0">
                      <a:pos x="connsiteX0" y="connsiteY0"/>
                    </a:cxn>
                    <a:cxn ang="0">
                      <a:pos x="connsiteX1" y="connsiteY1"/>
                    </a:cxn>
                    <a:cxn ang="0">
                      <a:pos x="connsiteX2" y="connsiteY2"/>
                    </a:cxn>
                    <a:cxn ang="0">
                      <a:pos x="connsiteX3" y="connsiteY3"/>
                    </a:cxn>
                  </a:cxnLst>
                  <a:rect l="l" t="t" r="r" b="b"/>
                  <a:pathLst>
                    <a:path w="12208" h="82680">
                      <a:moveTo>
                        <a:pt x="0" y="0"/>
                      </a:moveTo>
                      <a:lnTo>
                        <a:pt x="12209" y="0"/>
                      </a:lnTo>
                      <a:lnTo>
                        <a:pt x="12209" y="82680"/>
                      </a:lnTo>
                      <a:lnTo>
                        <a:pt x="0" y="82680"/>
                      </a:lnTo>
                      <a:close/>
                    </a:path>
                  </a:pathLst>
                </a:custGeom>
                <a:solidFill>
                  <a:srgbClr val="265A9A"/>
                </a:solidFill>
                <a:ln w="6096" cap="flat">
                  <a:noFill/>
                  <a:prstDash val="solid"/>
                  <a:miter/>
                </a:ln>
              </p:spPr>
              <p:txBody>
                <a:bodyPr rtlCol="0" anchor="ctr"/>
                <a:lstStyle/>
                <a:p>
                  <a:endParaRPr lang="en-AU"/>
                </a:p>
              </p:txBody>
            </p:sp>
            <p:sp>
              <p:nvSpPr>
                <p:cNvPr id="54" name="Freeform 7">
                  <a:extLst>
                    <a:ext uri="{FF2B5EF4-FFF2-40B4-BE49-F238E27FC236}">
                      <a16:creationId xmlns:a16="http://schemas.microsoft.com/office/drawing/2014/main" id="{53F88CBE-091B-835D-2880-38FD0D821DE5}"/>
                    </a:ext>
                  </a:extLst>
                </p:cNvPr>
                <p:cNvSpPr/>
                <p:nvPr/>
              </p:nvSpPr>
              <p:spPr>
                <a:xfrm>
                  <a:off x="-387803" y="1429539"/>
                  <a:ext cx="12208" cy="83413"/>
                </a:xfrm>
                <a:custGeom>
                  <a:avLst/>
                  <a:gdLst>
                    <a:gd name="connsiteX0" fmla="*/ 0 w 12208"/>
                    <a:gd name="connsiteY0" fmla="*/ 0 h 83413"/>
                    <a:gd name="connsiteX1" fmla="*/ 12209 w 12208"/>
                    <a:gd name="connsiteY1" fmla="*/ 0 h 83413"/>
                    <a:gd name="connsiteX2" fmla="*/ 12209 w 12208"/>
                    <a:gd name="connsiteY2" fmla="*/ 83414 h 83413"/>
                    <a:gd name="connsiteX3" fmla="*/ 0 w 12208"/>
                    <a:gd name="connsiteY3" fmla="*/ 83414 h 83413"/>
                  </a:gdLst>
                  <a:ahLst/>
                  <a:cxnLst>
                    <a:cxn ang="0">
                      <a:pos x="connsiteX0" y="connsiteY0"/>
                    </a:cxn>
                    <a:cxn ang="0">
                      <a:pos x="connsiteX1" y="connsiteY1"/>
                    </a:cxn>
                    <a:cxn ang="0">
                      <a:pos x="connsiteX2" y="connsiteY2"/>
                    </a:cxn>
                    <a:cxn ang="0">
                      <a:pos x="connsiteX3" y="connsiteY3"/>
                    </a:cxn>
                  </a:cxnLst>
                  <a:rect l="l" t="t" r="r" b="b"/>
                  <a:pathLst>
                    <a:path w="12208" h="83413">
                      <a:moveTo>
                        <a:pt x="0" y="0"/>
                      </a:moveTo>
                      <a:lnTo>
                        <a:pt x="12209" y="0"/>
                      </a:lnTo>
                      <a:lnTo>
                        <a:pt x="12209" y="83414"/>
                      </a:lnTo>
                      <a:lnTo>
                        <a:pt x="0" y="83414"/>
                      </a:lnTo>
                      <a:close/>
                    </a:path>
                  </a:pathLst>
                </a:custGeom>
                <a:solidFill>
                  <a:srgbClr val="265A9A"/>
                </a:solidFill>
                <a:ln w="6096" cap="flat">
                  <a:noFill/>
                  <a:prstDash val="solid"/>
                  <a:miter/>
                </a:ln>
              </p:spPr>
              <p:txBody>
                <a:bodyPr rtlCol="0" anchor="ctr"/>
                <a:lstStyle/>
                <a:p>
                  <a:endParaRPr lang="en-AU"/>
                </a:p>
              </p:txBody>
            </p:sp>
            <p:grpSp>
              <p:nvGrpSpPr>
                <p:cNvPr id="55" name="Graphic 2">
                  <a:extLst>
                    <a:ext uri="{FF2B5EF4-FFF2-40B4-BE49-F238E27FC236}">
                      <a16:creationId xmlns:a16="http://schemas.microsoft.com/office/drawing/2014/main" id="{96FD9397-3E97-A8CF-9B5A-B33D763EFD92}"/>
                    </a:ext>
                  </a:extLst>
                </p:cNvPr>
                <p:cNvGrpSpPr/>
                <p:nvPr/>
              </p:nvGrpSpPr>
              <p:grpSpPr>
                <a:xfrm>
                  <a:off x="-585010" y="1395354"/>
                  <a:ext cx="147423" cy="281247"/>
                  <a:chOff x="-585010" y="1395354"/>
                  <a:chExt cx="147423" cy="281247"/>
                </a:xfrm>
                <a:solidFill>
                  <a:srgbClr val="265A9A"/>
                </a:solidFill>
              </p:grpSpPr>
              <p:sp>
                <p:nvSpPr>
                  <p:cNvPr id="61" name="Freeform 14">
                    <a:extLst>
                      <a:ext uri="{FF2B5EF4-FFF2-40B4-BE49-F238E27FC236}">
                        <a16:creationId xmlns:a16="http://schemas.microsoft.com/office/drawing/2014/main" id="{C2FD89D0-EB6F-CEC0-ECD9-2159D89DEE00}"/>
                      </a:ext>
                    </a:extLst>
                  </p:cNvPr>
                  <p:cNvSpPr/>
                  <p:nvPr/>
                </p:nvSpPr>
                <p:spPr>
                  <a:xfrm>
                    <a:off x="-585010" y="1567499"/>
                    <a:ext cx="62972" cy="108980"/>
                  </a:xfrm>
                  <a:custGeom>
                    <a:avLst/>
                    <a:gdLst>
                      <a:gd name="connsiteX0" fmla="*/ 25490 w 62972"/>
                      <a:gd name="connsiteY0" fmla="*/ 108980 h 108980"/>
                      <a:gd name="connsiteX1" fmla="*/ 15906 w 62972"/>
                      <a:gd name="connsiteY1" fmla="*/ 108980 h 108980"/>
                      <a:gd name="connsiteX2" fmla="*/ 2721 w 62972"/>
                      <a:gd name="connsiteY2" fmla="*/ 101947 h 108980"/>
                      <a:gd name="connsiteX3" fmla="*/ 1195 w 62972"/>
                      <a:gd name="connsiteY3" fmla="*/ 87087 h 108980"/>
                      <a:gd name="connsiteX4" fmla="*/ 13281 w 62972"/>
                      <a:gd name="connsiteY4" fmla="*/ 57550 h 108980"/>
                      <a:gd name="connsiteX5" fmla="*/ 14075 w 62972"/>
                      <a:gd name="connsiteY5" fmla="*/ 54798 h 108980"/>
                      <a:gd name="connsiteX6" fmla="*/ 21461 w 62972"/>
                      <a:gd name="connsiteY6" fmla="*/ 5202 h 108980"/>
                      <a:gd name="connsiteX7" fmla="*/ 28420 w 62972"/>
                      <a:gd name="connsiteY7" fmla="*/ 65 h 108980"/>
                      <a:gd name="connsiteX8" fmla="*/ 33548 w 62972"/>
                      <a:gd name="connsiteY8" fmla="*/ 7037 h 108980"/>
                      <a:gd name="connsiteX9" fmla="*/ 26162 w 62972"/>
                      <a:gd name="connsiteY9" fmla="*/ 56816 h 108980"/>
                      <a:gd name="connsiteX10" fmla="*/ 24636 w 62972"/>
                      <a:gd name="connsiteY10" fmla="*/ 62197 h 108980"/>
                      <a:gd name="connsiteX11" fmla="*/ 12610 w 62972"/>
                      <a:gd name="connsiteY11" fmla="*/ 91735 h 108980"/>
                      <a:gd name="connsiteX12" fmla="*/ 12976 w 62972"/>
                      <a:gd name="connsiteY12" fmla="*/ 95159 h 108980"/>
                      <a:gd name="connsiteX13" fmla="*/ 16028 w 62972"/>
                      <a:gd name="connsiteY13" fmla="*/ 96749 h 108980"/>
                      <a:gd name="connsiteX14" fmla="*/ 25612 w 62972"/>
                      <a:gd name="connsiteY14" fmla="*/ 96749 h 108980"/>
                      <a:gd name="connsiteX15" fmla="*/ 28909 w 62972"/>
                      <a:gd name="connsiteY15" fmla="*/ 94609 h 108980"/>
                      <a:gd name="connsiteX16" fmla="*/ 43376 w 62972"/>
                      <a:gd name="connsiteY16" fmla="*/ 62809 h 108980"/>
                      <a:gd name="connsiteX17" fmla="*/ 44109 w 62972"/>
                      <a:gd name="connsiteY17" fmla="*/ 60669 h 108980"/>
                      <a:gd name="connsiteX18" fmla="*/ 50885 w 62972"/>
                      <a:gd name="connsiteY18" fmla="*/ 27584 h 108980"/>
                      <a:gd name="connsiteX19" fmla="*/ 58088 w 62972"/>
                      <a:gd name="connsiteY19" fmla="*/ 22814 h 108980"/>
                      <a:gd name="connsiteX20" fmla="*/ 62849 w 62972"/>
                      <a:gd name="connsiteY20" fmla="*/ 30030 h 108980"/>
                      <a:gd name="connsiteX21" fmla="*/ 56012 w 62972"/>
                      <a:gd name="connsiteY21" fmla="*/ 63420 h 108980"/>
                      <a:gd name="connsiteX22" fmla="*/ 54486 w 62972"/>
                      <a:gd name="connsiteY22" fmla="*/ 67824 h 108980"/>
                      <a:gd name="connsiteX23" fmla="*/ 40019 w 62972"/>
                      <a:gd name="connsiteY23" fmla="*/ 99685 h 108980"/>
                      <a:gd name="connsiteX24" fmla="*/ 25612 w 62972"/>
                      <a:gd name="connsiteY24" fmla="*/ 108980 h 1089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2972" h="108980">
                        <a:moveTo>
                          <a:pt x="25490" y="108980"/>
                        </a:moveTo>
                        <a:lnTo>
                          <a:pt x="15906" y="108980"/>
                        </a:lnTo>
                        <a:cubicBezTo>
                          <a:pt x="10595" y="108980"/>
                          <a:pt x="5712" y="106351"/>
                          <a:pt x="2721" y="101947"/>
                        </a:cubicBezTo>
                        <a:cubicBezTo>
                          <a:pt x="-270" y="97544"/>
                          <a:pt x="-820" y="91979"/>
                          <a:pt x="1195" y="87087"/>
                        </a:cubicBezTo>
                        <a:lnTo>
                          <a:pt x="13281" y="57550"/>
                        </a:lnTo>
                        <a:cubicBezTo>
                          <a:pt x="13648" y="56693"/>
                          <a:pt x="13892" y="55776"/>
                          <a:pt x="14075" y="54798"/>
                        </a:cubicBezTo>
                        <a:lnTo>
                          <a:pt x="21461" y="5202"/>
                        </a:lnTo>
                        <a:cubicBezTo>
                          <a:pt x="21950" y="1900"/>
                          <a:pt x="25002" y="-424"/>
                          <a:pt x="28420" y="65"/>
                        </a:cubicBezTo>
                        <a:cubicBezTo>
                          <a:pt x="31778" y="554"/>
                          <a:pt x="34036" y="3673"/>
                          <a:pt x="33548" y="7037"/>
                        </a:cubicBezTo>
                        <a:lnTo>
                          <a:pt x="26162" y="56816"/>
                        </a:lnTo>
                        <a:cubicBezTo>
                          <a:pt x="25795" y="58773"/>
                          <a:pt x="25307" y="60546"/>
                          <a:pt x="24636" y="62197"/>
                        </a:cubicBezTo>
                        <a:lnTo>
                          <a:pt x="12610" y="91735"/>
                        </a:lnTo>
                        <a:cubicBezTo>
                          <a:pt x="11938" y="93386"/>
                          <a:pt x="12610" y="94670"/>
                          <a:pt x="12976" y="95159"/>
                        </a:cubicBezTo>
                        <a:cubicBezTo>
                          <a:pt x="13281" y="95649"/>
                          <a:pt x="14258" y="96749"/>
                          <a:pt x="16028" y="96749"/>
                        </a:cubicBezTo>
                        <a:lnTo>
                          <a:pt x="25612" y="96749"/>
                        </a:lnTo>
                        <a:cubicBezTo>
                          <a:pt x="27016" y="96749"/>
                          <a:pt x="28359" y="95893"/>
                          <a:pt x="28909" y="94609"/>
                        </a:cubicBezTo>
                        <a:lnTo>
                          <a:pt x="43376" y="62809"/>
                        </a:lnTo>
                        <a:cubicBezTo>
                          <a:pt x="43681" y="62136"/>
                          <a:pt x="43926" y="61402"/>
                          <a:pt x="44109" y="60669"/>
                        </a:cubicBezTo>
                        <a:lnTo>
                          <a:pt x="50885" y="27584"/>
                        </a:lnTo>
                        <a:cubicBezTo>
                          <a:pt x="51556" y="24282"/>
                          <a:pt x="54791" y="22142"/>
                          <a:pt x="58088" y="22814"/>
                        </a:cubicBezTo>
                        <a:cubicBezTo>
                          <a:pt x="61384" y="23487"/>
                          <a:pt x="63521" y="26728"/>
                          <a:pt x="62849" y="30030"/>
                        </a:cubicBezTo>
                        <a:lnTo>
                          <a:pt x="56012" y="63420"/>
                        </a:lnTo>
                        <a:cubicBezTo>
                          <a:pt x="55585" y="65133"/>
                          <a:pt x="55097" y="66539"/>
                          <a:pt x="54486" y="67824"/>
                        </a:cubicBezTo>
                        <a:lnTo>
                          <a:pt x="40019" y="99685"/>
                        </a:lnTo>
                        <a:cubicBezTo>
                          <a:pt x="37455" y="105311"/>
                          <a:pt x="31778" y="108980"/>
                          <a:pt x="25612" y="108980"/>
                        </a:cubicBezTo>
                        <a:close/>
                      </a:path>
                    </a:pathLst>
                  </a:custGeom>
                  <a:solidFill>
                    <a:srgbClr val="265A9A"/>
                  </a:solidFill>
                  <a:ln w="6096" cap="flat">
                    <a:noFill/>
                    <a:prstDash val="solid"/>
                    <a:miter/>
                  </a:ln>
                </p:spPr>
                <p:txBody>
                  <a:bodyPr rtlCol="0" anchor="ctr"/>
                  <a:lstStyle/>
                  <a:p>
                    <a:endParaRPr lang="en-AU"/>
                  </a:p>
                </p:txBody>
              </p:sp>
              <p:sp>
                <p:nvSpPr>
                  <p:cNvPr id="62" name="Freeform 15">
                    <a:extLst>
                      <a:ext uri="{FF2B5EF4-FFF2-40B4-BE49-F238E27FC236}">
                        <a16:creationId xmlns:a16="http://schemas.microsoft.com/office/drawing/2014/main" id="{54A011C0-19CA-C0F0-F306-2EB7DD550308}"/>
                      </a:ext>
                    </a:extLst>
                  </p:cNvPr>
                  <p:cNvSpPr/>
                  <p:nvPr/>
                </p:nvSpPr>
                <p:spPr>
                  <a:xfrm>
                    <a:off x="-563271" y="1536987"/>
                    <a:ext cx="111197" cy="139614"/>
                  </a:xfrm>
                  <a:custGeom>
                    <a:avLst/>
                    <a:gdLst>
                      <a:gd name="connsiteX0" fmla="*/ 95317 w 111197"/>
                      <a:gd name="connsiteY0" fmla="*/ 139492 h 139614"/>
                      <a:gd name="connsiteX1" fmla="*/ 83963 w 111197"/>
                      <a:gd name="connsiteY1" fmla="*/ 139492 h 139614"/>
                      <a:gd name="connsiteX2" fmla="*/ 68885 w 111197"/>
                      <a:gd name="connsiteY2" fmla="*/ 128423 h 139614"/>
                      <a:gd name="connsiteX3" fmla="*/ 55394 w 111197"/>
                      <a:gd name="connsiteY3" fmla="*/ 85860 h 139614"/>
                      <a:gd name="connsiteX4" fmla="*/ 50877 w 111197"/>
                      <a:gd name="connsiteY4" fmla="*/ 79317 h 139614"/>
                      <a:gd name="connsiteX5" fmla="*/ 2347 w 111197"/>
                      <a:gd name="connsiteY5" fmla="*/ 41401 h 139614"/>
                      <a:gd name="connsiteX6" fmla="*/ 1309 w 111197"/>
                      <a:gd name="connsiteY6" fmla="*/ 32840 h 139614"/>
                      <a:gd name="connsiteX7" fmla="*/ 9855 w 111197"/>
                      <a:gd name="connsiteY7" fmla="*/ 31800 h 139614"/>
                      <a:gd name="connsiteX8" fmla="*/ 58385 w 111197"/>
                      <a:gd name="connsiteY8" fmla="*/ 69715 h 139614"/>
                      <a:gd name="connsiteX9" fmla="*/ 67053 w 111197"/>
                      <a:gd name="connsiteY9" fmla="*/ 82191 h 139614"/>
                      <a:gd name="connsiteX10" fmla="*/ 80544 w 111197"/>
                      <a:gd name="connsiteY10" fmla="*/ 124754 h 139614"/>
                      <a:gd name="connsiteX11" fmla="*/ 84024 w 111197"/>
                      <a:gd name="connsiteY11" fmla="*/ 127322 h 139614"/>
                      <a:gd name="connsiteX12" fmla="*/ 95378 w 111197"/>
                      <a:gd name="connsiteY12" fmla="*/ 127322 h 139614"/>
                      <a:gd name="connsiteX13" fmla="*/ 98308 w 111197"/>
                      <a:gd name="connsiteY13" fmla="*/ 125855 h 139614"/>
                      <a:gd name="connsiteX14" fmla="*/ 98857 w 111197"/>
                      <a:gd name="connsiteY14" fmla="*/ 122613 h 139614"/>
                      <a:gd name="connsiteX15" fmla="*/ 83474 w 111197"/>
                      <a:gd name="connsiteY15" fmla="*/ 73874 h 139614"/>
                      <a:gd name="connsiteX16" fmla="*/ 80666 w 111197"/>
                      <a:gd name="connsiteY16" fmla="*/ 68982 h 139614"/>
                      <a:gd name="connsiteX17" fmla="*/ 64184 w 111197"/>
                      <a:gd name="connsiteY17" fmla="*/ 50513 h 139614"/>
                      <a:gd name="connsiteX18" fmla="*/ 60155 w 111197"/>
                      <a:gd name="connsiteY18" fmla="*/ 39933 h 139614"/>
                      <a:gd name="connsiteX19" fmla="*/ 60155 w 111197"/>
                      <a:gd name="connsiteY19" fmla="*/ 6115 h 139614"/>
                      <a:gd name="connsiteX20" fmla="*/ 66260 w 111197"/>
                      <a:gd name="connsiteY20" fmla="*/ 0 h 139614"/>
                      <a:gd name="connsiteX21" fmla="*/ 72364 w 111197"/>
                      <a:gd name="connsiteY21" fmla="*/ 6115 h 139614"/>
                      <a:gd name="connsiteX22" fmla="*/ 72364 w 111197"/>
                      <a:gd name="connsiteY22" fmla="*/ 39933 h 139614"/>
                      <a:gd name="connsiteX23" fmla="*/ 73280 w 111197"/>
                      <a:gd name="connsiteY23" fmla="*/ 42380 h 139614"/>
                      <a:gd name="connsiteX24" fmla="*/ 89762 w 111197"/>
                      <a:gd name="connsiteY24" fmla="*/ 60848 h 139614"/>
                      <a:gd name="connsiteX25" fmla="*/ 95073 w 111197"/>
                      <a:gd name="connsiteY25" fmla="*/ 70205 h 139614"/>
                      <a:gd name="connsiteX26" fmla="*/ 110456 w 111197"/>
                      <a:gd name="connsiteY26" fmla="*/ 118944 h 139614"/>
                      <a:gd name="connsiteX27" fmla="*/ 108136 w 111197"/>
                      <a:gd name="connsiteY27" fmla="*/ 133132 h 139614"/>
                      <a:gd name="connsiteX28" fmla="*/ 95317 w 111197"/>
                      <a:gd name="connsiteY28" fmla="*/ 139614 h 139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11197" h="139614">
                        <a:moveTo>
                          <a:pt x="95317" y="139492"/>
                        </a:moveTo>
                        <a:lnTo>
                          <a:pt x="83963" y="139492"/>
                        </a:lnTo>
                        <a:cubicBezTo>
                          <a:pt x="77004" y="139492"/>
                          <a:pt x="70960" y="135028"/>
                          <a:pt x="68885" y="128423"/>
                        </a:cubicBezTo>
                        <a:lnTo>
                          <a:pt x="55394" y="85860"/>
                        </a:lnTo>
                        <a:cubicBezTo>
                          <a:pt x="54600" y="83292"/>
                          <a:pt x="53013" y="81029"/>
                          <a:pt x="50877" y="79317"/>
                        </a:cubicBezTo>
                        <a:lnTo>
                          <a:pt x="2347" y="41401"/>
                        </a:lnTo>
                        <a:cubicBezTo>
                          <a:pt x="-339" y="39322"/>
                          <a:pt x="-767" y="35469"/>
                          <a:pt x="1309" y="32840"/>
                        </a:cubicBezTo>
                        <a:cubicBezTo>
                          <a:pt x="3384" y="30149"/>
                          <a:pt x="7230" y="29721"/>
                          <a:pt x="9855" y="31800"/>
                        </a:cubicBezTo>
                        <a:lnTo>
                          <a:pt x="58385" y="69715"/>
                        </a:lnTo>
                        <a:cubicBezTo>
                          <a:pt x="62475" y="72895"/>
                          <a:pt x="65466" y="77237"/>
                          <a:pt x="67053" y="82191"/>
                        </a:cubicBezTo>
                        <a:lnTo>
                          <a:pt x="80544" y="124754"/>
                        </a:lnTo>
                        <a:cubicBezTo>
                          <a:pt x="81032" y="126283"/>
                          <a:pt x="82436" y="127322"/>
                          <a:pt x="84024" y="127322"/>
                        </a:cubicBezTo>
                        <a:lnTo>
                          <a:pt x="95378" y="127322"/>
                        </a:lnTo>
                        <a:cubicBezTo>
                          <a:pt x="96965" y="127322"/>
                          <a:pt x="97942" y="126405"/>
                          <a:pt x="98308" y="125855"/>
                        </a:cubicBezTo>
                        <a:cubicBezTo>
                          <a:pt x="98735" y="125304"/>
                          <a:pt x="99346" y="124142"/>
                          <a:pt x="98857" y="122613"/>
                        </a:cubicBezTo>
                        <a:lnTo>
                          <a:pt x="83474" y="73874"/>
                        </a:lnTo>
                        <a:cubicBezTo>
                          <a:pt x="82925" y="72039"/>
                          <a:pt x="81948" y="70388"/>
                          <a:pt x="80666" y="68982"/>
                        </a:cubicBezTo>
                        <a:lnTo>
                          <a:pt x="64184" y="50513"/>
                        </a:lnTo>
                        <a:cubicBezTo>
                          <a:pt x="61559" y="47578"/>
                          <a:pt x="60155" y="43847"/>
                          <a:pt x="60155" y="39933"/>
                        </a:cubicBezTo>
                        <a:lnTo>
                          <a:pt x="60155" y="6115"/>
                        </a:lnTo>
                        <a:cubicBezTo>
                          <a:pt x="60155" y="2752"/>
                          <a:pt x="62902" y="0"/>
                          <a:pt x="66260" y="0"/>
                        </a:cubicBezTo>
                        <a:cubicBezTo>
                          <a:pt x="69617" y="0"/>
                          <a:pt x="72364" y="2752"/>
                          <a:pt x="72364" y="6115"/>
                        </a:cubicBezTo>
                        <a:lnTo>
                          <a:pt x="72364" y="39933"/>
                        </a:lnTo>
                        <a:cubicBezTo>
                          <a:pt x="72364" y="40851"/>
                          <a:pt x="72669" y="41707"/>
                          <a:pt x="73280" y="42380"/>
                        </a:cubicBezTo>
                        <a:lnTo>
                          <a:pt x="89762" y="60848"/>
                        </a:lnTo>
                        <a:cubicBezTo>
                          <a:pt x="92204" y="63600"/>
                          <a:pt x="93974" y="66719"/>
                          <a:pt x="95073" y="70205"/>
                        </a:cubicBezTo>
                        <a:lnTo>
                          <a:pt x="110456" y="118944"/>
                        </a:lnTo>
                        <a:cubicBezTo>
                          <a:pt x="111982" y="123837"/>
                          <a:pt x="111127" y="128973"/>
                          <a:pt x="108136" y="133132"/>
                        </a:cubicBezTo>
                        <a:cubicBezTo>
                          <a:pt x="105084" y="137290"/>
                          <a:pt x="100444" y="139614"/>
                          <a:pt x="95317" y="139614"/>
                        </a:cubicBezTo>
                        <a:close/>
                      </a:path>
                    </a:pathLst>
                  </a:custGeom>
                  <a:solidFill>
                    <a:srgbClr val="265A9A"/>
                  </a:solidFill>
                  <a:ln w="6096" cap="flat">
                    <a:noFill/>
                    <a:prstDash val="solid"/>
                    <a:miter/>
                  </a:ln>
                </p:spPr>
                <p:txBody>
                  <a:bodyPr rtlCol="0" anchor="ctr"/>
                  <a:lstStyle/>
                  <a:p>
                    <a:endParaRPr lang="en-AU"/>
                  </a:p>
                </p:txBody>
              </p:sp>
              <p:sp>
                <p:nvSpPr>
                  <p:cNvPr id="63" name="Freeform 16">
                    <a:extLst>
                      <a:ext uri="{FF2B5EF4-FFF2-40B4-BE49-F238E27FC236}">
                        <a16:creationId xmlns:a16="http://schemas.microsoft.com/office/drawing/2014/main" id="{C3C5F485-AD2D-77C1-79DF-9D60F5DC6289}"/>
                      </a:ext>
                    </a:extLst>
                  </p:cNvPr>
                  <p:cNvSpPr/>
                  <p:nvPr/>
                </p:nvSpPr>
                <p:spPr>
                  <a:xfrm>
                    <a:off x="-556224" y="1395354"/>
                    <a:ext cx="52131" cy="61398"/>
                  </a:xfrm>
                  <a:custGeom>
                    <a:avLst/>
                    <a:gdLst>
                      <a:gd name="connsiteX0" fmla="*/ 27531 w 52131"/>
                      <a:gd name="connsiteY0" fmla="*/ 61399 h 61398"/>
                      <a:gd name="connsiteX1" fmla="*/ 24662 w 52131"/>
                      <a:gd name="connsiteY1" fmla="*/ 61399 h 61398"/>
                      <a:gd name="connsiteX2" fmla="*/ 0 w 52131"/>
                      <a:gd name="connsiteY2" fmla="*/ 36692 h 61398"/>
                      <a:gd name="connsiteX3" fmla="*/ 0 w 52131"/>
                      <a:gd name="connsiteY3" fmla="*/ 24706 h 61398"/>
                      <a:gd name="connsiteX4" fmla="*/ 24662 w 52131"/>
                      <a:gd name="connsiteY4" fmla="*/ 0 h 61398"/>
                      <a:gd name="connsiteX5" fmla="*/ 27531 w 52131"/>
                      <a:gd name="connsiteY5" fmla="*/ 0 h 61398"/>
                      <a:gd name="connsiteX6" fmla="*/ 52132 w 52131"/>
                      <a:gd name="connsiteY6" fmla="*/ 24706 h 61398"/>
                      <a:gd name="connsiteX7" fmla="*/ 52132 w 52131"/>
                      <a:gd name="connsiteY7" fmla="*/ 36692 h 61398"/>
                      <a:gd name="connsiteX8" fmla="*/ 27531 w 52131"/>
                      <a:gd name="connsiteY8" fmla="*/ 61399 h 61398"/>
                      <a:gd name="connsiteX9" fmla="*/ 24662 w 52131"/>
                      <a:gd name="connsiteY9" fmla="*/ 12292 h 61398"/>
                      <a:gd name="connsiteX10" fmla="*/ 12209 w 52131"/>
                      <a:gd name="connsiteY10" fmla="*/ 24767 h 61398"/>
                      <a:gd name="connsiteX11" fmla="*/ 12209 w 52131"/>
                      <a:gd name="connsiteY11" fmla="*/ 36753 h 61398"/>
                      <a:gd name="connsiteX12" fmla="*/ 24662 w 52131"/>
                      <a:gd name="connsiteY12" fmla="*/ 49229 h 61398"/>
                      <a:gd name="connsiteX13" fmla="*/ 27531 w 52131"/>
                      <a:gd name="connsiteY13" fmla="*/ 49229 h 61398"/>
                      <a:gd name="connsiteX14" fmla="*/ 39923 w 52131"/>
                      <a:gd name="connsiteY14" fmla="*/ 36753 h 61398"/>
                      <a:gd name="connsiteX15" fmla="*/ 39923 w 52131"/>
                      <a:gd name="connsiteY15" fmla="*/ 24767 h 61398"/>
                      <a:gd name="connsiteX16" fmla="*/ 27531 w 52131"/>
                      <a:gd name="connsiteY16" fmla="*/ 12292 h 61398"/>
                      <a:gd name="connsiteX17" fmla="*/ 24662 w 52131"/>
                      <a:gd name="connsiteY17" fmla="*/ 12292 h 613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2131" h="61398">
                        <a:moveTo>
                          <a:pt x="27531" y="61399"/>
                        </a:moveTo>
                        <a:lnTo>
                          <a:pt x="24662" y="61399"/>
                        </a:lnTo>
                        <a:cubicBezTo>
                          <a:pt x="11110" y="61399"/>
                          <a:pt x="0" y="50330"/>
                          <a:pt x="0" y="36692"/>
                        </a:cubicBezTo>
                        <a:lnTo>
                          <a:pt x="0" y="24706"/>
                        </a:lnTo>
                        <a:cubicBezTo>
                          <a:pt x="0" y="11130"/>
                          <a:pt x="11049" y="0"/>
                          <a:pt x="24662" y="0"/>
                        </a:cubicBezTo>
                        <a:lnTo>
                          <a:pt x="27531" y="0"/>
                        </a:lnTo>
                        <a:cubicBezTo>
                          <a:pt x="41083" y="0"/>
                          <a:pt x="52132" y="11069"/>
                          <a:pt x="52132" y="24706"/>
                        </a:cubicBezTo>
                        <a:lnTo>
                          <a:pt x="52132" y="36692"/>
                        </a:lnTo>
                        <a:cubicBezTo>
                          <a:pt x="52132" y="50268"/>
                          <a:pt x="41083" y="61399"/>
                          <a:pt x="27531" y="61399"/>
                        </a:cubicBezTo>
                        <a:close/>
                        <a:moveTo>
                          <a:pt x="24662" y="12292"/>
                        </a:moveTo>
                        <a:cubicBezTo>
                          <a:pt x="17825" y="12292"/>
                          <a:pt x="12209" y="17857"/>
                          <a:pt x="12209" y="24767"/>
                        </a:cubicBezTo>
                        <a:lnTo>
                          <a:pt x="12209" y="36753"/>
                        </a:lnTo>
                        <a:cubicBezTo>
                          <a:pt x="12209" y="43603"/>
                          <a:pt x="17764" y="49229"/>
                          <a:pt x="24662" y="49229"/>
                        </a:cubicBezTo>
                        <a:lnTo>
                          <a:pt x="27531" y="49229"/>
                        </a:lnTo>
                        <a:cubicBezTo>
                          <a:pt x="34368" y="49229"/>
                          <a:pt x="39923" y="43664"/>
                          <a:pt x="39923" y="36753"/>
                        </a:cubicBezTo>
                        <a:lnTo>
                          <a:pt x="39923" y="24767"/>
                        </a:lnTo>
                        <a:cubicBezTo>
                          <a:pt x="39923" y="17918"/>
                          <a:pt x="34368" y="12292"/>
                          <a:pt x="27531" y="12292"/>
                        </a:cubicBezTo>
                        <a:lnTo>
                          <a:pt x="24662" y="12292"/>
                        </a:lnTo>
                        <a:close/>
                      </a:path>
                    </a:pathLst>
                  </a:custGeom>
                  <a:solidFill>
                    <a:srgbClr val="265A9A"/>
                  </a:solidFill>
                  <a:ln w="6096" cap="flat">
                    <a:noFill/>
                    <a:prstDash val="solid"/>
                    <a:miter/>
                  </a:ln>
                </p:spPr>
                <p:txBody>
                  <a:bodyPr rtlCol="0" anchor="ctr"/>
                  <a:lstStyle/>
                  <a:p>
                    <a:endParaRPr lang="en-AU"/>
                  </a:p>
                </p:txBody>
              </p:sp>
              <p:sp>
                <p:nvSpPr>
                  <p:cNvPr id="64" name="Freeform 17">
                    <a:extLst>
                      <a:ext uri="{FF2B5EF4-FFF2-40B4-BE49-F238E27FC236}">
                        <a16:creationId xmlns:a16="http://schemas.microsoft.com/office/drawing/2014/main" id="{4386C37F-77F2-ACEC-1CC8-5E9C6F06C434}"/>
                      </a:ext>
                    </a:extLst>
                  </p:cNvPr>
                  <p:cNvSpPr/>
                  <p:nvPr/>
                </p:nvSpPr>
                <p:spPr>
                  <a:xfrm>
                    <a:off x="-530706" y="1475652"/>
                    <a:ext cx="93119" cy="80475"/>
                  </a:xfrm>
                  <a:custGeom>
                    <a:avLst/>
                    <a:gdLst>
                      <a:gd name="connsiteX0" fmla="*/ 76120 w 93119"/>
                      <a:gd name="connsiteY0" fmla="*/ 80476 h 80475"/>
                      <a:gd name="connsiteX1" fmla="*/ 73496 w 93119"/>
                      <a:gd name="connsiteY1" fmla="*/ 80231 h 80475"/>
                      <a:gd name="connsiteX2" fmla="*/ 39555 w 93119"/>
                      <a:gd name="connsiteY2" fmla="*/ 74605 h 80475"/>
                      <a:gd name="connsiteX3" fmla="*/ 24843 w 93119"/>
                      <a:gd name="connsiteY3" fmla="*/ 66593 h 80475"/>
                      <a:gd name="connsiteX4" fmla="*/ 1586 w 93119"/>
                      <a:gd name="connsiteY4" fmla="*/ 41153 h 80475"/>
                      <a:gd name="connsiteX5" fmla="*/ 1952 w 93119"/>
                      <a:gd name="connsiteY5" fmla="*/ 32531 h 80475"/>
                      <a:gd name="connsiteX6" fmla="*/ 10559 w 93119"/>
                      <a:gd name="connsiteY6" fmla="*/ 32898 h 80475"/>
                      <a:gd name="connsiteX7" fmla="*/ 33817 w 93119"/>
                      <a:gd name="connsiteY7" fmla="*/ 58338 h 80475"/>
                      <a:gd name="connsiteX8" fmla="*/ 41508 w 93119"/>
                      <a:gd name="connsiteY8" fmla="*/ 62496 h 80475"/>
                      <a:gd name="connsiteX9" fmla="*/ 75449 w 93119"/>
                      <a:gd name="connsiteY9" fmla="*/ 68122 h 80475"/>
                      <a:gd name="connsiteX10" fmla="*/ 79600 w 93119"/>
                      <a:gd name="connsiteY10" fmla="*/ 65309 h 80475"/>
                      <a:gd name="connsiteX11" fmla="*/ 80821 w 93119"/>
                      <a:gd name="connsiteY11" fmla="*/ 59928 h 80475"/>
                      <a:gd name="connsiteX12" fmla="*/ 78135 w 93119"/>
                      <a:gd name="connsiteY12" fmla="*/ 55586 h 80475"/>
                      <a:gd name="connsiteX13" fmla="*/ 56464 w 93119"/>
                      <a:gd name="connsiteY13" fmla="*/ 50143 h 80475"/>
                      <a:gd name="connsiteX14" fmla="*/ 39677 w 93119"/>
                      <a:gd name="connsiteY14" fmla="*/ 36445 h 80475"/>
                      <a:gd name="connsiteX15" fmla="*/ 26308 w 93119"/>
                      <a:gd name="connsiteY15" fmla="*/ 8803 h 80475"/>
                      <a:gd name="connsiteX16" fmla="*/ 29116 w 93119"/>
                      <a:gd name="connsiteY16" fmla="*/ 608 h 80475"/>
                      <a:gd name="connsiteX17" fmla="*/ 37296 w 93119"/>
                      <a:gd name="connsiteY17" fmla="*/ 3422 h 80475"/>
                      <a:gd name="connsiteX18" fmla="*/ 50665 w 93119"/>
                      <a:gd name="connsiteY18" fmla="*/ 31063 h 80475"/>
                      <a:gd name="connsiteX19" fmla="*/ 59455 w 93119"/>
                      <a:gd name="connsiteY19" fmla="*/ 38218 h 80475"/>
                      <a:gd name="connsiteX20" fmla="*/ 81126 w 93119"/>
                      <a:gd name="connsiteY20" fmla="*/ 43661 h 80475"/>
                      <a:gd name="connsiteX21" fmla="*/ 92724 w 93119"/>
                      <a:gd name="connsiteY21" fmla="*/ 62557 h 80475"/>
                      <a:gd name="connsiteX22" fmla="*/ 91504 w 93119"/>
                      <a:gd name="connsiteY22" fmla="*/ 67939 h 80475"/>
                      <a:gd name="connsiteX23" fmla="*/ 76059 w 93119"/>
                      <a:gd name="connsiteY23" fmla="*/ 80353 h 80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93119" h="80475">
                        <a:moveTo>
                          <a:pt x="76120" y="80476"/>
                        </a:moveTo>
                        <a:cubicBezTo>
                          <a:pt x="75266" y="80476"/>
                          <a:pt x="74350" y="80414"/>
                          <a:pt x="73496" y="80231"/>
                        </a:cubicBezTo>
                        <a:lnTo>
                          <a:pt x="39555" y="74605"/>
                        </a:lnTo>
                        <a:cubicBezTo>
                          <a:pt x="33939" y="73687"/>
                          <a:pt x="28689" y="70813"/>
                          <a:pt x="24843" y="66593"/>
                        </a:cubicBezTo>
                        <a:lnTo>
                          <a:pt x="1586" y="41153"/>
                        </a:lnTo>
                        <a:cubicBezTo>
                          <a:pt x="-673" y="38646"/>
                          <a:pt x="-490" y="34794"/>
                          <a:pt x="1952" y="32531"/>
                        </a:cubicBezTo>
                        <a:cubicBezTo>
                          <a:pt x="4455" y="30268"/>
                          <a:pt x="8300" y="30452"/>
                          <a:pt x="10559" y="32898"/>
                        </a:cubicBezTo>
                        <a:lnTo>
                          <a:pt x="33817" y="58338"/>
                        </a:lnTo>
                        <a:cubicBezTo>
                          <a:pt x="35831" y="60539"/>
                          <a:pt x="38578" y="62007"/>
                          <a:pt x="41508" y="62496"/>
                        </a:cubicBezTo>
                        <a:lnTo>
                          <a:pt x="75449" y="68122"/>
                        </a:lnTo>
                        <a:cubicBezTo>
                          <a:pt x="77402" y="68489"/>
                          <a:pt x="79173" y="67205"/>
                          <a:pt x="79600" y="65309"/>
                        </a:cubicBezTo>
                        <a:lnTo>
                          <a:pt x="80821" y="59928"/>
                        </a:lnTo>
                        <a:cubicBezTo>
                          <a:pt x="81248" y="57971"/>
                          <a:pt x="80088" y="56075"/>
                          <a:pt x="78135" y="55586"/>
                        </a:cubicBezTo>
                        <a:lnTo>
                          <a:pt x="56464" y="50143"/>
                        </a:lnTo>
                        <a:cubicBezTo>
                          <a:pt x="49078" y="48309"/>
                          <a:pt x="42973" y="43294"/>
                          <a:pt x="39677" y="36445"/>
                        </a:cubicBezTo>
                        <a:lnTo>
                          <a:pt x="26308" y="8803"/>
                        </a:lnTo>
                        <a:cubicBezTo>
                          <a:pt x="24843" y="5746"/>
                          <a:pt x="26125" y="2137"/>
                          <a:pt x="29116" y="608"/>
                        </a:cubicBezTo>
                        <a:cubicBezTo>
                          <a:pt x="32169" y="-859"/>
                          <a:pt x="35831" y="425"/>
                          <a:pt x="37296" y="3422"/>
                        </a:cubicBezTo>
                        <a:lnTo>
                          <a:pt x="50665" y="31063"/>
                        </a:lnTo>
                        <a:cubicBezTo>
                          <a:pt x="52374" y="34610"/>
                          <a:pt x="55610" y="37240"/>
                          <a:pt x="59455" y="38218"/>
                        </a:cubicBezTo>
                        <a:lnTo>
                          <a:pt x="81126" y="43661"/>
                        </a:lnTo>
                        <a:cubicBezTo>
                          <a:pt x="89550" y="45801"/>
                          <a:pt x="94617" y="54057"/>
                          <a:pt x="92724" y="62557"/>
                        </a:cubicBezTo>
                        <a:lnTo>
                          <a:pt x="91504" y="67939"/>
                        </a:lnTo>
                        <a:cubicBezTo>
                          <a:pt x="89855" y="75277"/>
                          <a:pt x="83324" y="80353"/>
                          <a:pt x="76059" y="80353"/>
                        </a:cubicBezTo>
                        <a:close/>
                      </a:path>
                    </a:pathLst>
                  </a:custGeom>
                  <a:solidFill>
                    <a:srgbClr val="265A9A"/>
                  </a:solidFill>
                  <a:ln w="6096" cap="flat">
                    <a:noFill/>
                    <a:prstDash val="solid"/>
                    <a:miter/>
                  </a:ln>
                </p:spPr>
                <p:txBody>
                  <a:bodyPr rtlCol="0" anchor="ctr"/>
                  <a:lstStyle/>
                  <a:p>
                    <a:endParaRPr lang="en-AU"/>
                  </a:p>
                </p:txBody>
              </p:sp>
              <p:sp>
                <p:nvSpPr>
                  <p:cNvPr id="65" name="Freeform 18">
                    <a:extLst>
                      <a:ext uri="{FF2B5EF4-FFF2-40B4-BE49-F238E27FC236}">
                        <a16:creationId xmlns:a16="http://schemas.microsoft.com/office/drawing/2014/main" id="{5EAA21DB-7021-3D44-AD3D-5F621407F730}"/>
                      </a:ext>
                    </a:extLst>
                  </p:cNvPr>
                  <p:cNvSpPr/>
                  <p:nvPr/>
                </p:nvSpPr>
                <p:spPr>
                  <a:xfrm>
                    <a:off x="-563610" y="1464886"/>
                    <a:ext cx="70857" cy="114846"/>
                  </a:xfrm>
                  <a:custGeom>
                    <a:avLst/>
                    <a:gdLst>
                      <a:gd name="connsiteX0" fmla="*/ 6104 w 70857"/>
                      <a:gd name="connsiteY0" fmla="*/ 114847 h 114846"/>
                      <a:gd name="connsiteX1" fmla="*/ 0 w 70857"/>
                      <a:gd name="connsiteY1" fmla="*/ 108732 h 114846"/>
                      <a:gd name="connsiteX2" fmla="*/ 0 w 70857"/>
                      <a:gd name="connsiteY2" fmla="*/ 25807 h 114846"/>
                      <a:gd name="connsiteX3" fmla="*/ 25761 w 70857"/>
                      <a:gd name="connsiteY3" fmla="*/ 0 h 114846"/>
                      <a:gd name="connsiteX4" fmla="*/ 47126 w 70857"/>
                      <a:gd name="connsiteY4" fmla="*/ 0 h 114846"/>
                      <a:gd name="connsiteX5" fmla="*/ 70201 w 70857"/>
                      <a:gd name="connsiteY5" fmla="*/ 14310 h 114846"/>
                      <a:gd name="connsiteX6" fmla="*/ 67454 w 70857"/>
                      <a:gd name="connsiteY6" fmla="*/ 22505 h 114846"/>
                      <a:gd name="connsiteX7" fmla="*/ 59274 w 70857"/>
                      <a:gd name="connsiteY7" fmla="*/ 19753 h 114846"/>
                      <a:gd name="connsiteX8" fmla="*/ 47126 w 70857"/>
                      <a:gd name="connsiteY8" fmla="*/ 12231 h 114846"/>
                      <a:gd name="connsiteX9" fmla="*/ 25761 w 70857"/>
                      <a:gd name="connsiteY9" fmla="*/ 12231 h 114846"/>
                      <a:gd name="connsiteX10" fmla="*/ 12209 w 70857"/>
                      <a:gd name="connsiteY10" fmla="*/ 25807 h 114846"/>
                      <a:gd name="connsiteX11" fmla="*/ 12209 w 70857"/>
                      <a:gd name="connsiteY11" fmla="*/ 108732 h 114846"/>
                      <a:gd name="connsiteX12" fmla="*/ 6104 w 70857"/>
                      <a:gd name="connsiteY12" fmla="*/ 114847 h 1148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0857" h="114846">
                        <a:moveTo>
                          <a:pt x="6104" y="114847"/>
                        </a:moveTo>
                        <a:cubicBezTo>
                          <a:pt x="2747" y="114847"/>
                          <a:pt x="0" y="112095"/>
                          <a:pt x="0" y="108732"/>
                        </a:cubicBezTo>
                        <a:lnTo>
                          <a:pt x="0" y="25807"/>
                        </a:lnTo>
                        <a:cubicBezTo>
                          <a:pt x="0" y="11558"/>
                          <a:pt x="11598" y="0"/>
                          <a:pt x="25761" y="0"/>
                        </a:cubicBezTo>
                        <a:lnTo>
                          <a:pt x="47126" y="0"/>
                        </a:lnTo>
                        <a:cubicBezTo>
                          <a:pt x="56954" y="0"/>
                          <a:pt x="65806" y="5504"/>
                          <a:pt x="70201" y="14310"/>
                        </a:cubicBezTo>
                        <a:cubicBezTo>
                          <a:pt x="71727" y="17306"/>
                          <a:pt x="70506" y="20976"/>
                          <a:pt x="67454" y="22505"/>
                        </a:cubicBezTo>
                        <a:cubicBezTo>
                          <a:pt x="64402" y="24033"/>
                          <a:pt x="60800" y="22749"/>
                          <a:pt x="59274" y="19753"/>
                        </a:cubicBezTo>
                        <a:cubicBezTo>
                          <a:pt x="56954" y="15105"/>
                          <a:pt x="52315" y="12231"/>
                          <a:pt x="47126" y="12231"/>
                        </a:cubicBezTo>
                        <a:lnTo>
                          <a:pt x="25761" y="12231"/>
                        </a:lnTo>
                        <a:cubicBezTo>
                          <a:pt x="18252" y="12231"/>
                          <a:pt x="12209" y="18346"/>
                          <a:pt x="12209" y="25807"/>
                        </a:cubicBezTo>
                        <a:lnTo>
                          <a:pt x="12209" y="108732"/>
                        </a:lnTo>
                        <a:cubicBezTo>
                          <a:pt x="12209" y="112095"/>
                          <a:pt x="9462" y="114847"/>
                          <a:pt x="6104" y="114847"/>
                        </a:cubicBezTo>
                        <a:close/>
                      </a:path>
                    </a:pathLst>
                  </a:custGeom>
                  <a:solidFill>
                    <a:srgbClr val="265A9A"/>
                  </a:solidFill>
                  <a:ln w="6096" cap="flat">
                    <a:noFill/>
                    <a:prstDash val="solid"/>
                    <a:miter/>
                  </a:ln>
                </p:spPr>
                <p:txBody>
                  <a:bodyPr rtlCol="0" anchor="ctr"/>
                  <a:lstStyle/>
                  <a:p>
                    <a:endParaRPr lang="en-AU"/>
                  </a:p>
                </p:txBody>
              </p:sp>
            </p:grpSp>
            <p:grpSp>
              <p:nvGrpSpPr>
                <p:cNvPr id="56" name="Graphic 2">
                  <a:extLst>
                    <a:ext uri="{FF2B5EF4-FFF2-40B4-BE49-F238E27FC236}">
                      <a16:creationId xmlns:a16="http://schemas.microsoft.com/office/drawing/2014/main" id="{44D28654-A6EC-61F8-5965-1B3CF3B82EA7}"/>
                    </a:ext>
                  </a:extLst>
                </p:cNvPr>
                <p:cNvGrpSpPr/>
                <p:nvPr/>
              </p:nvGrpSpPr>
              <p:grpSpPr>
                <a:xfrm>
                  <a:off x="-406748" y="1398840"/>
                  <a:ext cx="126869" cy="281185"/>
                  <a:chOff x="-406748" y="1398840"/>
                  <a:chExt cx="126869" cy="281185"/>
                </a:xfrm>
                <a:solidFill>
                  <a:srgbClr val="265A9A"/>
                </a:solidFill>
              </p:grpSpPr>
              <p:sp>
                <p:nvSpPr>
                  <p:cNvPr id="57" name="Freeform 10">
                    <a:extLst>
                      <a:ext uri="{FF2B5EF4-FFF2-40B4-BE49-F238E27FC236}">
                        <a16:creationId xmlns:a16="http://schemas.microsoft.com/office/drawing/2014/main" id="{80466509-9331-B7E7-A006-41C49702D778}"/>
                      </a:ext>
                    </a:extLst>
                  </p:cNvPr>
                  <p:cNvSpPr/>
                  <p:nvPr/>
                </p:nvSpPr>
                <p:spPr>
                  <a:xfrm>
                    <a:off x="-391300" y="1570981"/>
                    <a:ext cx="60382" cy="108983"/>
                  </a:xfrm>
                  <a:custGeom>
                    <a:avLst/>
                    <a:gdLst>
                      <a:gd name="connsiteX0" fmla="*/ 25472 w 60382"/>
                      <a:gd name="connsiteY0" fmla="*/ 108983 h 108983"/>
                      <a:gd name="connsiteX1" fmla="*/ 15888 w 60382"/>
                      <a:gd name="connsiteY1" fmla="*/ 108983 h 108983"/>
                      <a:gd name="connsiteX2" fmla="*/ 2703 w 60382"/>
                      <a:gd name="connsiteY2" fmla="*/ 101950 h 108983"/>
                      <a:gd name="connsiteX3" fmla="*/ 994 w 60382"/>
                      <a:gd name="connsiteY3" fmla="*/ 87518 h 108983"/>
                      <a:gd name="connsiteX4" fmla="*/ 9540 w 60382"/>
                      <a:gd name="connsiteY4" fmla="*/ 54862 h 108983"/>
                      <a:gd name="connsiteX5" fmla="*/ 9540 w 60382"/>
                      <a:gd name="connsiteY5" fmla="*/ 54678 h 108983"/>
                      <a:gd name="connsiteX6" fmla="*/ 18147 w 60382"/>
                      <a:gd name="connsiteY6" fmla="*/ 5083 h 108983"/>
                      <a:gd name="connsiteX7" fmla="*/ 25167 w 60382"/>
                      <a:gd name="connsiteY7" fmla="*/ 68 h 108983"/>
                      <a:gd name="connsiteX8" fmla="*/ 30173 w 60382"/>
                      <a:gd name="connsiteY8" fmla="*/ 7101 h 108983"/>
                      <a:gd name="connsiteX9" fmla="*/ 21260 w 60382"/>
                      <a:gd name="connsiteY9" fmla="*/ 57920 h 108983"/>
                      <a:gd name="connsiteX10" fmla="*/ 21260 w 60382"/>
                      <a:gd name="connsiteY10" fmla="*/ 57920 h 108983"/>
                      <a:gd name="connsiteX11" fmla="*/ 12653 w 60382"/>
                      <a:gd name="connsiteY11" fmla="*/ 90943 h 108983"/>
                      <a:gd name="connsiteX12" fmla="*/ 12409 w 60382"/>
                      <a:gd name="connsiteY12" fmla="*/ 91738 h 108983"/>
                      <a:gd name="connsiteX13" fmla="*/ 12775 w 60382"/>
                      <a:gd name="connsiteY13" fmla="*/ 95162 h 108983"/>
                      <a:gd name="connsiteX14" fmla="*/ 15827 w 60382"/>
                      <a:gd name="connsiteY14" fmla="*/ 96752 h 108983"/>
                      <a:gd name="connsiteX15" fmla="*/ 25411 w 60382"/>
                      <a:gd name="connsiteY15" fmla="*/ 96752 h 108983"/>
                      <a:gd name="connsiteX16" fmla="*/ 28708 w 60382"/>
                      <a:gd name="connsiteY16" fmla="*/ 94612 h 108983"/>
                      <a:gd name="connsiteX17" fmla="*/ 39512 w 60382"/>
                      <a:gd name="connsiteY17" fmla="*/ 63301 h 108983"/>
                      <a:gd name="connsiteX18" fmla="*/ 48364 w 60382"/>
                      <a:gd name="connsiteY18" fmla="*/ 28077 h 108983"/>
                      <a:gd name="connsiteX19" fmla="*/ 55750 w 60382"/>
                      <a:gd name="connsiteY19" fmla="*/ 23612 h 108983"/>
                      <a:gd name="connsiteX20" fmla="*/ 60206 w 60382"/>
                      <a:gd name="connsiteY20" fmla="*/ 31012 h 108983"/>
                      <a:gd name="connsiteX21" fmla="*/ 50867 w 60382"/>
                      <a:gd name="connsiteY21" fmla="*/ 67827 h 108983"/>
                      <a:gd name="connsiteX22" fmla="*/ 40062 w 60382"/>
                      <a:gd name="connsiteY22" fmla="*/ 99137 h 108983"/>
                      <a:gd name="connsiteX23" fmla="*/ 25411 w 60382"/>
                      <a:gd name="connsiteY23" fmla="*/ 108983 h 108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60382" h="108983">
                        <a:moveTo>
                          <a:pt x="25472" y="108983"/>
                        </a:moveTo>
                        <a:lnTo>
                          <a:pt x="15888" y="108983"/>
                        </a:lnTo>
                        <a:cubicBezTo>
                          <a:pt x="10578" y="108983"/>
                          <a:pt x="5694" y="106353"/>
                          <a:pt x="2703" y="101950"/>
                        </a:cubicBezTo>
                        <a:cubicBezTo>
                          <a:pt x="-166" y="97670"/>
                          <a:pt x="-777" y="92288"/>
                          <a:pt x="994" y="87518"/>
                        </a:cubicBezTo>
                        <a:lnTo>
                          <a:pt x="9540" y="54862"/>
                        </a:lnTo>
                        <a:cubicBezTo>
                          <a:pt x="9540" y="54862"/>
                          <a:pt x="9540" y="54740"/>
                          <a:pt x="9540" y="54678"/>
                        </a:cubicBezTo>
                        <a:cubicBezTo>
                          <a:pt x="10211" y="51682"/>
                          <a:pt x="15156" y="22817"/>
                          <a:pt x="18147" y="5083"/>
                        </a:cubicBezTo>
                        <a:cubicBezTo>
                          <a:pt x="18696" y="1780"/>
                          <a:pt x="21871" y="-421"/>
                          <a:pt x="25167" y="68"/>
                        </a:cubicBezTo>
                        <a:cubicBezTo>
                          <a:pt x="28463" y="618"/>
                          <a:pt x="30722" y="3798"/>
                          <a:pt x="30173" y="7101"/>
                        </a:cubicBezTo>
                        <a:cubicBezTo>
                          <a:pt x="23336" y="47585"/>
                          <a:pt x="21749" y="55840"/>
                          <a:pt x="21260" y="57920"/>
                        </a:cubicBezTo>
                        <a:lnTo>
                          <a:pt x="21260" y="57920"/>
                        </a:lnTo>
                        <a:lnTo>
                          <a:pt x="12653" y="90943"/>
                        </a:lnTo>
                        <a:cubicBezTo>
                          <a:pt x="12653" y="90943"/>
                          <a:pt x="12470" y="91432"/>
                          <a:pt x="12409" y="91738"/>
                        </a:cubicBezTo>
                        <a:cubicBezTo>
                          <a:pt x="11737" y="93389"/>
                          <a:pt x="12409" y="94673"/>
                          <a:pt x="12775" y="95162"/>
                        </a:cubicBezTo>
                        <a:cubicBezTo>
                          <a:pt x="13080" y="95651"/>
                          <a:pt x="14057" y="96752"/>
                          <a:pt x="15827" y="96752"/>
                        </a:cubicBezTo>
                        <a:lnTo>
                          <a:pt x="25411" y="96752"/>
                        </a:lnTo>
                        <a:cubicBezTo>
                          <a:pt x="26815" y="96752"/>
                          <a:pt x="28158" y="95896"/>
                          <a:pt x="28708" y="94612"/>
                        </a:cubicBezTo>
                        <a:lnTo>
                          <a:pt x="39512" y="63301"/>
                        </a:lnTo>
                        <a:cubicBezTo>
                          <a:pt x="40123" y="61405"/>
                          <a:pt x="45251" y="40674"/>
                          <a:pt x="48364" y="28077"/>
                        </a:cubicBezTo>
                        <a:cubicBezTo>
                          <a:pt x="49157" y="24774"/>
                          <a:pt x="52515" y="22756"/>
                          <a:pt x="55750" y="23612"/>
                        </a:cubicBezTo>
                        <a:cubicBezTo>
                          <a:pt x="59047" y="24407"/>
                          <a:pt x="61000" y="27710"/>
                          <a:pt x="60206" y="31012"/>
                        </a:cubicBezTo>
                        <a:cubicBezTo>
                          <a:pt x="51538" y="66298"/>
                          <a:pt x="51172" y="67154"/>
                          <a:pt x="50867" y="67827"/>
                        </a:cubicBezTo>
                        <a:lnTo>
                          <a:pt x="40062" y="99137"/>
                        </a:lnTo>
                        <a:cubicBezTo>
                          <a:pt x="37254" y="105314"/>
                          <a:pt x="31638" y="108983"/>
                          <a:pt x="25411" y="108983"/>
                        </a:cubicBezTo>
                        <a:close/>
                      </a:path>
                    </a:pathLst>
                  </a:custGeom>
                  <a:solidFill>
                    <a:srgbClr val="265A9A"/>
                  </a:solidFill>
                  <a:ln w="6096" cap="flat">
                    <a:noFill/>
                    <a:prstDash val="solid"/>
                    <a:miter/>
                  </a:ln>
                </p:spPr>
                <p:txBody>
                  <a:bodyPr rtlCol="0" anchor="ctr"/>
                  <a:lstStyle/>
                  <a:p>
                    <a:endParaRPr lang="en-AU"/>
                  </a:p>
                </p:txBody>
              </p:sp>
              <p:sp>
                <p:nvSpPr>
                  <p:cNvPr id="58" name="Freeform 11">
                    <a:extLst>
                      <a:ext uri="{FF2B5EF4-FFF2-40B4-BE49-F238E27FC236}">
                        <a16:creationId xmlns:a16="http://schemas.microsoft.com/office/drawing/2014/main" id="{17194F63-2FFF-BB5D-936C-0A1FD1EBB537}"/>
                      </a:ext>
                    </a:extLst>
                  </p:cNvPr>
                  <p:cNvSpPr/>
                  <p:nvPr/>
                </p:nvSpPr>
                <p:spPr>
                  <a:xfrm>
                    <a:off x="-373091" y="1540228"/>
                    <a:ext cx="12208" cy="42929"/>
                  </a:xfrm>
                  <a:custGeom>
                    <a:avLst/>
                    <a:gdLst>
                      <a:gd name="connsiteX0" fmla="*/ 6104 w 12208"/>
                      <a:gd name="connsiteY0" fmla="*/ 42930 h 42929"/>
                      <a:gd name="connsiteX1" fmla="*/ 0 w 12208"/>
                      <a:gd name="connsiteY1" fmla="*/ 36815 h 42929"/>
                      <a:gd name="connsiteX2" fmla="*/ 0 w 12208"/>
                      <a:gd name="connsiteY2" fmla="*/ 6115 h 42929"/>
                      <a:gd name="connsiteX3" fmla="*/ 6104 w 12208"/>
                      <a:gd name="connsiteY3" fmla="*/ 0 h 42929"/>
                      <a:gd name="connsiteX4" fmla="*/ 12209 w 12208"/>
                      <a:gd name="connsiteY4" fmla="*/ 6115 h 42929"/>
                      <a:gd name="connsiteX5" fmla="*/ 12209 w 12208"/>
                      <a:gd name="connsiteY5" fmla="*/ 36815 h 42929"/>
                      <a:gd name="connsiteX6" fmla="*/ 6104 w 12208"/>
                      <a:gd name="connsiteY6" fmla="*/ 42930 h 42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208" h="42929">
                        <a:moveTo>
                          <a:pt x="6104" y="42930"/>
                        </a:moveTo>
                        <a:cubicBezTo>
                          <a:pt x="2747" y="42930"/>
                          <a:pt x="0" y="40178"/>
                          <a:pt x="0" y="36815"/>
                        </a:cubicBezTo>
                        <a:lnTo>
                          <a:pt x="0" y="6115"/>
                        </a:lnTo>
                        <a:cubicBezTo>
                          <a:pt x="0" y="2752"/>
                          <a:pt x="2747" y="0"/>
                          <a:pt x="6104" y="0"/>
                        </a:cubicBezTo>
                        <a:cubicBezTo>
                          <a:pt x="9462" y="0"/>
                          <a:pt x="12209" y="2752"/>
                          <a:pt x="12209" y="6115"/>
                        </a:cubicBezTo>
                        <a:lnTo>
                          <a:pt x="12209" y="36815"/>
                        </a:lnTo>
                        <a:cubicBezTo>
                          <a:pt x="12209" y="40178"/>
                          <a:pt x="9462" y="42930"/>
                          <a:pt x="6104" y="42930"/>
                        </a:cubicBezTo>
                        <a:close/>
                      </a:path>
                    </a:pathLst>
                  </a:custGeom>
                  <a:solidFill>
                    <a:srgbClr val="265A9A"/>
                  </a:solidFill>
                  <a:ln w="6096" cap="flat">
                    <a:noFill/>
                    <a:prstDash val="solid"/>
                    <a:miter/>
                  </a:ln>
                </p:spPr>
                <p:txBody>
                  <a:bodyPr rtlCol="0" anchor="ctr"/>
                  <a:lstStyle/>
                  <a:p>
                    <a:endParaRPr lang="en-AU"/>
                  </a:p>
                </p:txBody>
              </p:sp>
              <p:sp>
                <p:nvSpPr>
                  <p:cNvPr id="59" name="Freeform 12">
                    <a:extLst>
                      <a:ext uri="{FF2B5EF4-FFF2-40B4-BE49-F238E27FC236}">
                        <a16:creationId xmlns:a16="http://schemas.microsoft.com/office/drawing/2014/main" id="{B9CADB4C-AC25-5AA4-C17B-E91EA32C6C1B}"/>
                      </a:ext>
                    </a:extLst>
                  </p:cNvPr>
                  <p:cNvSpPr/>
                  <p:nvPr/>
                </p:nvSpPr>
                <p:spPr>
                  <a:xfrm>
                    <a:off x="-359601" y="1398840"/>
                    <a:ext cx="52131" cy="61398"/>
                  </a:xfrm>
                  <a:custGeom>
                    <a:avLst/>
                    <a:gdLst>
                      <a:gd name="connsiteX0" fmla="*/ 27531 w 52131"/>
                      <a:gd name="connsiteY0" fmla="*/ 61398 h 61398"/>
                      <a:gd name="connsiteX1" fmla="*/ 24662 w 52131"/>
                      <a:gd name="connsiteY1" fmla="*/ 61398 h 61398"/>
                      <a:gd name="connsiteX2" fmla="*/ 0 w 52131"/>
                      <a:gd name="connsiteY2" fmla="*/ 36692 h 61398"/>
                      <a:gd name="connsiteX3" fmla="*/ 0 w 52131"/>
                      <a:gd name="connsiteY3" fmla="*/ 24706 h 61398"/>
                      <a:gd name="connsiteX4" fmla="*/ 24662 w 52131"/>
                      <a:gd name="connsiteY4" fmla="*/ 0 h 61398"/>
                      <a:gd name="connsiteX5" fmla="*/ 27531 w 52131"/>
                      <a:gd name="connsiteY5" fmla="*/ 0 h 61398"/>
                      <a:gd name="connsiteX6" fmla="*/ 52132 w 52131"/>
                      <a:gd name="connsiteY6" fmla="*/ 24706 h 61398"/>
                      <a:gd name="connsiteX7" fmla="*/ 52132 w 52131"/>
                      <a:gd name="connsiteY7" fmla="*/ 36692 h 61398"/>
                      <a:gd name="connsiteX8" fmla="*/ 27531 w 52131"/>
                      <a:gd name="connsiteY8" fmla="*/ 61398 h 61398"/>
                      <a:gd name="connsiteX9" fmla="*/ 24662 w 52131"/>
                      <a:gd name="connsiteY9" fmla="*/ 12292 h 61398"/>
                      <a:gd name="connsiteX10" fmla="*/ 12209 w 52131"/>
                      <a:gd name="connsiteY10" fmla="*/ 24767 h 61398"/>
                      <a:gd name="connsiteX11" fmla="*/ 12209 w 52131"/>
                      <a:gd name="connsiteY11" fmla="*/ 36753 h 61398"/>
                      <a:gd name="connsiteX12" fmla="*/ 24662 w 52131"/>
                      <a:gd name="connsiteY12" fmla="*/ 49229 h 61398"/>
                      <a:gd name="connsiteX13" fmla="*/ 27531 w 52131"/>
                      <a:gd name="connsiteY13" fmla="*/ 49229 h 61398"/>
                      <a:gd name="connsiteX14" fmla="*/ 39923 w 52131"/>
                      <a:gd name="connsiteY14" fmla="*/ 36753 h 61398"/>
                      <a:gd name="connsiteX15" fmla="*/ 39923 w 52131"/>
                      <a:gd name="connsiteY15" fmla="*/ 24767 h 61398"/>
                      <a:gd name="connsiteX16" fmla="*/ 27531 w 52131"/>
                      <a:gd name="connsiteY16" fmla="*/ 12292 h 61398"/>
                      <a:gd name="connsiteX17" fmla="*/ 24662 w 52131"/>
                      <a:gd name="connsiteY17" fmla="*/ 12292 h 613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2131" h="61398">
                        <a:moveTo>
                          <a:pt x="27531" y="61398"/>
                        </a:moveTo>
                        <a:lnTo>
                          <a:pt x="24662" y="61398"/>
                        </a:lnTo>
                        <a:cubicBezTo>
                          <a:pt x="11110" y="61398"/>
                          <a:pt x="0" y="50330"/>
                          <a:pt x="0" y="36692"/>
                        </a:cubicBezTo>
                        <a:lnTo>
                          <a:pt x="0" y="24706"/>
                        </a:lnTo>
                        <a:cubicBezTo>
                          <a:pt x="0" y="11130"/>
                          <a:pt x="11049" y="0"/>
                          <a:pt x="24662" y="0"/>
                        </a:cubicBezTo>
                        <a:lnTo>
                          <a:pt x="27531" y="0"/>
                        </a:lnTo>
                        <a:cubicBezTo>
                          <a:pt x="41083" y="0"/>
                          <a:pt x="52132" y="11069"/>
                          <a:pt x="52132" y="24706"/>
                        </a:cubicBezTo>
                        <a:lnTo>
                          <a:pt x="52132" y="36692"/>
                        </a:lnTo>
                        <a:cubicBezTo>
                          <a:pt x="52132" y="50268"/>
                          <a:pt x="41083" y="61398"/>
                          <a:pt x="27531" y="61398"/>
                        </a:cubicBezTo>
                        <a:close/>
                        <a:moveTo>
                          <a:pt x="24662" y="12292"/>
                        </a:moveTo>
                        <a:cubicBezTo>
                          <a:pt x="17825" y="12292"/>
                          <a:pt x="12209" y="17857"/>
                          <a:pt x="12209" y="24767"/>
                        </a:cubicBezTo>
                        <a:lnTo>
                          <a:pt x="12209" y="36753"/>
                        </a:lnTo>
                        <a:cubicBezTo>
                          <a:pt x="12209" y="43603"/>
                          <a:pt x="17764" y="49229"/>
                          <a:pt x="24662" y="49229"/>
                        </a:cubicBezTo>
                        <a:lnTo>
                          <a:pt x="27531" y="49229"/>
                        </a:lnTo>
                        <a:cubicBezTo>
                          <a:pt x="34368" y="49229"/>
                          <a:pt x="39923" y="43664"/>
                          <a:pt x="39923" y="36753"/>
                        </a:cubicBezTo>
                        <a:lnTo>
                          <a:pt x="39923" y="24767"/>
                        </a:lnTo>
                        <a:cubicBezTo>
                          <a:pt x="39923" y="17918"/>
                          <a:pt x="34368" y="12292"/>
                          <a:pt x="27531" y="12292"/>
                        </a:cubicBezTo>
                        <a:lnTo>
                          <a:pt x="24662" y="12292"/>
                        </a:lnTo>
                        <a:close/>
                      </a:path>
                    </a:pathLst>
                  </a:custGeom>
                  <a:solidFill>
                    <a:srgbClr val="265A9A"/>
                  </a:solidFill>
                  <a:ln w="6096" cap="flat">
                    <a:noFill/>
                    <a:prstDash val="solid"/>
                    <a:miter/>
                  </a:ln>
                </p:spPr>
                <p:txBody>
                  <a:bodyPr rtlCol="0" anchor="ctr"/>
                  <a:lstStyle/>
                  <a:p>
                    <a:endParaRPr lang="en-AU"/>
                  </a:p>
                </p:txBody>
              </p:sp>
              <p:sp>
                <p:nvSpPr>
                  <p:cNvPr id="60" name="Freeform 13">
                    <a:extLst>
                      <a:ext uri="{FF2B5EF4-FFF2-40B4-BE49-F238E27FC236}">
                        <a16:creationId xmlns:a16="http://schemas.microsoft.com/office/drawing/2014/main" id="{1D0E8A88-D344-D838-DD15-BB616F2C163A}"/>
                      </a:ext>
                    </a:extLst>
                  </p:cNvPr>
                  <p:cNvSpPr/>
                  <p:nvPr/>
                </p:nvSpPr>
                <p:spPr>
                  <a:xfrm>
                    <a:off x="-406748" y="1468433"/>
                    <a:ext cx="126869" cy="211592"/>
                  </a:xfrm>
                  <a:custGeom>
                    <a:avLst/>
                    <a:gdLst>
                      <a:gd name="connsiteX0" fmla="*/ 106055 w 126869"/>
                      <a:gd name="connsiteY0" fmla="*/ 211531 h 211592"/>
                      <a:gd name="connsiteX1" fmla="*/ 97204 w 126869"/>
                      <a:gd name="connsiteY1" fmla="*/ 211531 h 211592"/>
                      <a:gd name="connsiteX2" fmla="*/ 85300 w 126869"/>
                      <a:gd name="connsiteY2" fmla="*/ 206150 h 211592"/>
                      <a:gd name="connsiteX3" fmla="*/ 81454 w 126869"/>
                      <a:gd name="connsiteY3" fmla="*/ 193674 h 211592"/>
                      <a:gd name="connsiteX4" fmla="*/ 85605 w 126869"/>
                      <a:gd name="connsiteY4" fmla="*/ 160529 h 211592"/>
                      <a:gd name="connsiteX5" fmla="*/ 80539 w 126869"/>
                      <a:gd name="connsiteY5" fmla="*/ 148298 h 211592"/>
                      <a:gd name="connsiteX6" fmla="*/ 35976 w 126869"/>
                      <a:gd name="connsiteY6" fmla="*/ 113502 h 211592"/>
                      <a:gd name="connsiteX7" fmla="*/ 34939 w 126869"/>
                      <a:gd name="connsiteY7" fmla="*/ 104940 h 211592"/>
                      <a:gd name="connsiteX8" fmla="*/ 43485 w 126869"/>
                      <a:gd name="connsiteY8" fmla="*/ 103901 h 211592"/>
                      <a:gd name="connsiteX9" fmla="*/ 88047 w 126869"/>
                      <a:gd name="connsiteY9" fmla="*/ 138697 h 211592"/>
                      <a:gd name="connsiteX10" fmla="*/ 97692 w 126869"/>
                      <a:gd name="connsiteY10" fmla="*/ 162119 h 211592"/>
                      <a:gd name="connsiteX11" fmla="*/ 93541 w 126869"/>
                      <a:gd name="connsiteY11" fmla="*/ 195264 h 211592"/>
                      <a:gd name="connsiteX12" fmla="*/ 94396 w 126869"/>
                      <a:gd name="connsiteY12" fmla="*/ 198139 h 211592"/>
                      <a:gd name="connsiteX13" fmla="*/ 97143 w 126869"/>
                      <a:gd name="connsiteY13" fmla="*/ 199362 h 211592"/>
                      <a:gd name="connsiteX14" fmla="*/ 105994 w 126869"/>
                      <a:gd name="connsiteY14" fmla="*/ 199362 h 211592"/>
                      <a:gd name="connsiteX15" fmla="*/ 109596 w 126869"/>
                      <a:gd name="connsiteY15" fmla="*/ 196059 h 211592"/>
                      <a:gd name="connsiteX16" fmla="*/ 114662 w 126869"/>
                      <a:gd name="connsiteY16" fmla="*/ 145118 h 211592"/>
                      <a:gd name="connsiteX17" fmla="*/ 110817 w 126869"/>
                      <a:gd name="connsiteY17" fmla="*/ 134355 h 211592"/>
                      <a:gd name="connsiteX18" fmla="*/ 95800 w 126869"/>
                      <a:gd name="connsiteY18" fmla="*/ 119189 h 211592"/>
                      <a:gd name="connsiteX19" fmla="*/ 93724 w 126869"/>
                      <a:gd name="connsiteY19" fmla="*/ 114602 h 211592"/>
                      <a:gd name="connsiteX20" fmla="*/ 93724 w 126869"/>
                      <a:gd name="connsiteY20" fmla="*/ 25623 h 211592"/>
                      <a:gd name="connsiteX21" fmla="*/ 80356 w 126869"/>
                      <a:gd name="connsiteY21" fmla="*/ 12231 h 211592"/>
                      <a:gd name="connsiteX22" fmla="*/ 59234 w 126869"/>
                      <a:gd name="connsiteY22" fmla="*/ 12231 h 211592"/>
                      <a:gd name="connsiteX23" fmla="*/ 49345 w 126869"/>
                      <a:gd name="connsiteY23" fmla="*/ 16573 h 211592"/>
                      <a:gd name="connsiteX24" fmla="*/ 12963 w 126869"/>
                      <a:gd name="connsiteY24" fmla="*/ 75953 h 211592"/>
                      <a:gd name="connsiteX25" fmla="*/ 13817 w 126869"/>
                      <a:gd name="connsiteY25" fmla="*/ 81212 h 211592"/>
                      <a:gd name="connsiteX26" fmla="*/ 21021 w 126869"/>
                      <a:gd name="connsiteY26" fmla="*/ 86227 h 211592"/>
                      <a:gd name="connsiteX27" fmla="*/ 25904 w 126869"/>
                      <a:gd name="connsiteY27" fmla="*/ 85493 h 211592"/>
                      <a:gd name="connsiteX28" fmla="*/ 65033 w 126869"/>
                      <a:gd name="connsiteY28" fmla="*/ 36876 h 211592"/>
                      <a:gd name="connsiteX29" fmla="*/ 73641 w 126869"/>
                      <a:gd name="connsiteY29" fmla="*/ 35959 h 211592"/>
                      <a:gd name="connsiteX30" fmla="*/ 74556 w 126869"/>
                      <a:gd name="connsiteY30" fmla="*/ 44581 h 211592"/>
                      <a:gd name="connsiteX31" fmla="*/ 35427 w 126869"/>
                      <a:gd name="connsiteY31" fmla="*/ 93199 h 211592"/>
                      <a:gd name="connsiteX32" fmla="*/ 14062 w 126869"/>
                      <a:gd name="connsiteY32" fmla="*/ 96317 h 211592"/>
                      <a:gd name="connsiteX33" fmla="*/ 6858 w 126869"/>
                      <a:gd name="connsiteY33" fmla="*/ 91303 h 211592"/>
                      <a:gd name="connsiteX34" fmla="*/ 2341 w 126869"/>
                      <a:gd name="connsiteY34" fmla="*/ 69899 h 211592"/>
                      <a:gd name="connsiteX35" fmla="*/ 40005 w 126869"/>
                      <a:gd name="connsiteY35" fmla="*/ 8684 h 211592"/>
                      <a:gd name="connsiteX36" fmla="*/ 59173 w 126869"/>
                      <a:gd name="connsiteY36" fmla="*/ 0 h 211592"/>
                      <a:gd name="connsiteX37" fmla="*/ 80295 w 126869"/>
                      <a:gd name="connsiteY37" fmla="*/ 0 h 211592"/>
                      <a:gd name="connsiteX38" fmla="*/ 105872 w 126869"/>
                      <a:gd name="connsiteY38" fmla="*/ 25623 h 211592"/>
                      <a:gd name="connsiteX39" fmla="*/ 105872 w 126869"/>
                      <a:gd name="connsiteY39" fmla="*/ 112034 h 211592"/>
                      <a:gd name="connsiteX40" fmla="*/ 119424 w 126869"/>
                      <a:gd name="connsiteY40" fmla="*/ 125732 h 211592"/>
                      <a:gd name="connsiteX41" fmla="*/ 126749 w 126869"/>
                      <a:gd name="connsiteY41" fmla="*/ 146341 h 211592"/>
                      <a:gd name="connsiteX42" fmla="*/ 121682 w 126869"/>
                      <a:gd name="connsiteY42" fmla="*/ 197344 h 211592"/>
                      <a:gd name="connsiteX43" fmla="*/ 105933 w 126869"/>
                      <a:gd name="connsiteY43" fmla="*/ 211592 h 2115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126869" h="211592">
                        <a:moveTo>
                          <a:pt x="106055" y="211531"/>
                        </a:moveTo>
                        <a:lnTo>
                          <a:pt x="97204" y="211531"/>
                        </a:lnTo>
                        <a:cubicBezTo>
                          <a:pt x="92625" y="211531"/>
                          <a:pt x="88352" y="209574"/>
                          <a:pt x="85300" y="206150"/>
                        </a:cubicBezTo>
                        <a:cubicBezTo>
                          <a:pt x="82309" y="202725"/>
                          <a:pt x="80905" y="198200"/>
                          <a:pt x="81454" y="193674"/>
                        </a:cubicBezTo>
                        <a:lnTo>
                          <a:pt x="85605" y="160529"/>
                        </a:lnTo>
                        <a:cubicBezTo>
                          <a:pt x="86216" y="155881"/>
                          <a:pt x="84262" y="151172"/>
                          <a:pt x="80539" y="148298"/>
                        </a:cubicBezTo>
                        <a:lnTo>
                          <a:pt x="35976" y="113502"/>
                        </a:lnTo>
                        <a:cubicBezTo>
                          <a:pt x="33290" y="111422"/>
                          <a:pt x="32863" y="107570"/>
                          <a:pt x="34939" y="104940"/>
                        </a:cubicBezTo>
                        <a:cubicBezTo>
                          <a:pt x="37014" y="102249"/>
                          <a:pt x="40860" y="101821"/>
                          <a:pt x="43485" y="103901"/>
                        </a:cubicBezTo>
                        <a:lnTo>
                          <a:pt x="88047" y="138697"/>
                        </a:lnTo>
                        <a:cubicBezTo>
                          <a:pt x="95128" y="144201"/>
                          <a:pt x="98852" y="153191"/>
                          <a:pt x="97692" y="162119"/>
                        </a:cubicBezTo>
                        <a:lnTo>
                          <a:pt x="93541" y="195264"/>
                        </a:lnTo>
                        <a:cubicBezTo>
                          <a:pt x="93358" y="196671"/>
                          <a:pt x="94029" y="197649"/>
                          <a:pt x="94396" y="198139"/>
                        </a:cubicBezTo>
                        <a:cubicBezTo>
                          <a:pt x="94762" y="198628"/>
                          <a:pt x="95678" y="199362"/>
                          <a:pt x="97143" y="199362"/>
                        </a:cubicBezTo>
                        <a:lnTo>
                          <a:pt x="105994" y="199362"/>
                        </a:lnTo>
                        <a:cubicBezTo>
                          <a:pt x="107886" y="199362"/>
                          <a:pt x="109412" y="197955"/>
                          <a:pt x="109596" y="196059"/>
                        </a:cubicBezTo>
                        <a:lnTo>
                          <a:pt x="114662" y="145118"/>
                        </a:lnTo>
                        <a:cubicBezTo>
                          <a:pt x="115090" y="141143"/>
                          <a:pt x="113686" y="137168"/>
                          <a:pt x="110817" y="134355"/>
                        </a:cubicBezTo>
                        <a:lnTo>
                          <a:pt x="95800" y="119189"/>
                        </a:lnTo>
                        <a:cubicBezTo>
                          <a:pt x="94518" y="118088"/>
                          <a:pt x="93724" y="116437"/>
                          <a:pt x="93724" y="114602"/>
                        </a:cubicBezTo>
                        <a:lnTo>
                          <a:pt x="93724" y="25623"/>
                        </a:lnTo>
                        <a:cubicBezTo>
                          <a:pt x="93724" y="18224"/>
                          <a:pt x="87742" y="12231"/>
                          <a:pt x="80356" y="12231"/>
                        </a:cubicBezTo>
                        <a:lnTo>
                          <a:pt x="59234" y="12231"/>
                        </a:lnTo>
                        <a:cubicBezTo>
                          <a:pt x="55449" y="12231"/>
                          <a:pt x="51909" y="13760"/>
                          <a:pt x="49345" y="16573"/>
                        </a:cubicBezTo>
                        <a:cubicBezTo>
                          <a:pt x="34817" y="35225"/>
                          <a:pt x="13146" y="75586"/>
                          <a:pt x="12963" y="75953"/>
                        </a:cubicBezTo>
                        <a:cubicBezTo>
                          <a:pt x="11742" y="77910"/>
                          <a:pt x="12230" y="80112"/>
                          <a:pt x="13817" y="81212"/>
                        </a:cubicBezTo>
                        <a:lnTo>
                          <a:pt x="21021" y="86227"/>
                        </a:lnTo>
                        <a:cubicBezTo>
                          <a:pt x="22547" y="87267"/>
                          <a:pt x="24744" y="86961"/>
                          <a:pt x="25904" y="85493"/>
                        </a:cubicBezTo>
                        <a:lnTo>
                          <a:pt x="65033" y="36876"/>
                        </a:lnTo>
                        <a:cubicBezTo>
                          <a:pt x="67170" y="34246"/>
                          <a:pt x="71016" y="33818"/>
                          <a:pt x="73641" y="35959"/>
                        </a:cubicBezTo>
                        <a:cubicBezTo>
                          <a:pt x="76266" y="38099"/>
                          <a:pt x="76693" y="41952"/>
                          <a:pt x="74556" y="44581"/>
                        </a:cubicBezTo>
                        <a:lnTo>
                          <a:pt x="35427" y="93199"/>
                        </a:lnTo>
                        <a:cubicBezTo>
                          <a:pt x="30238" y="99620"/>
                          <a:pt x="20898" y="101026"/>
                          <a:pt x="14062" y="96317"/>
                        </a:cubicBezTo>
                        <a:lnTo>
                          <a:pt x="6858" y="91303"/>
                        </a:lnTo>
                        <a:cubicBezTo>
                          <a:pt x="-101" y="86472"/>
                          <a:pt x="-2054" y="77115"/>
                          <a:pt x="2341" y="69899"/>
                        </a:cubicBezTo>
                        <a:cubicBezTo>
                          <a:pt x="3074" y="68554"/>
                          <a:pt x="24561" y="28498"/>
                          <a:pt x="40005" y="8684"/>
                        </a:cubicBezTo>
                        <a:cubicBezTo>
                          <a:pt x="45133" y="2997"/>
                          <a:pt x="52031" y="0"/>
                          <a:pt x="59173" y="0"/>
                        </a:cubicBezTo>
                        <a:lnTo>
                          <a:pt x="80295" y="0"/>
                        </a:lnTo>
                        <a:cubicBezTo>
                          <a:pt x="94396" y="0"/>
                          <a:pt x="105872" y="11497"/>
                          <a:pt x="105872" y="25623"/>
                        </a:cubicBezTo>
                        <a:lnTo>
                          <a:pt x="105872" y="112034"/>
                        </a:lnTo>
                        <a:lnTo>
                          <a:pt x="119424" y="125732"/>
                        </a:lnTo>
                        <a:cubicBezTo>
                          <a:pt x="124857" y="131175"/>
                          <a:pt x="127482" y="138697"/>
                          <a:pt x="126749" y="146341"/>
                        </a:cubicBezTo>
                        <a:lnTo>
                          <a:pt x="121682" y="197344"/>
                        </a:lnTo>
                        <a:cubicBezTo>
                          <a:pt x="120828" y="205477"/>
                          <a:pt x="114052" y="211592"/>
                          <a:pt x="105933" y="211592"/>
                        </a:cubicBezTo>
                        <a:close/>
                      </a:path>
                    </a:pathLst>
                  </a:custGeom>
                  <a:solidFill>
                    <a:srgbClr val="265A9A"/>
                  </a:solidFill>
                  <a:ln w="6096" cap="flat">
                    <a:noFill/>
                    <a:prstDash val="solid"/>
                    <a:miter/>
                  </a:ln>
                </p:spPr>
                <p:txBody>
                  <a:bodyPr rtlCol="0" anchor="ctr"/>
                  <a:lstStyle/>
                  <a:p>
                    <a:endParaRPr lang="en-AU"/>
                  </a:p>
                </p:txBody>
              </p:sp>
            </p:grpSp>
          </p:grpSp>
        </p:grpSp>
        <p:grpSp>
          <p:nvGrpSpPr>
            <p:cNvPr id="66" name="Group 65">
              <a:extLst>
                <a:ext uri="{FF2B5EF4-FFF2-40B4-BE49-F238E27FC236}">
                  <a16:creationId xmlns:a16="http://schemas.microsoft.com/office/drawing/2014/main" id="{8268F9F7-F500-5036-53B5-215B79859782}"/>
                </a:ext>
              </a:extLst>
            </p:cNvPr>
            <p:cNvGrpSpPr>
              <a:grpSpLocks noChangeAspect="1"/>
            </p:cNvGrpSpPr>
            <p:nvPr/>
          </p:nvGrpSpPr>
          <p:grpSpPr>
            <a:xfrm>
              <a:off x="4867698" y="3355248"/>
              <a:ext cx="991706" cy="956109"/>
              <a:chOff x="-377274" y="352864"/>
              <a:chExt cx="563218" cy="543003"/>
            </a:xfrm>
          </p:grpSpPr>
          <p:sp>
            <p:nvSpPr>
              <p:cNvPr id="67" name="Freeform 17">
                <a:extLst>
                  <a:ext uri="{FF2B5EF4-FFF2-40B4-BE49-F238E27FC236}">
                    <a16:creationId xmlns:a16="http://schemas.microsoft.com/office/drawing/2014/main" id="{8EF33D99-A5D0-28C7-1A73-F39EE80B9642}"/>
                  </a:ext>
                </a:extLst>
              </p:cNvPr>
              <p:cNvSpPr/>
              <p:nvPr/>
            </p:nvSpPr>
            <p:spPr>
              <a:xfrm>
                <a:off x="-366726" y="502991"/>
                <a:ext cx="221030" cy="392876"/>
              </a:xfrm>
              <a:custGeom>
                <a:avLst/>
                <a:gdLst>
                  <a:gd name="connsiteX0" fmla="*/ 110420 w 221030"/>
                  <a:gd name="connsiteY0" fmla="*/ 0 h 392876"/>
                  <a:gd name="connsiteX1" fmla="*/ 0 w 221030"/>
                  <a:gd name="connsiteY1" fmla="*/ 60355 h 392876"/>
                  <a:gd name="connsiteX2" fmla="*/ 0 w 221030"/>
                  <a:gd name="connsiteY2" fmla="*/ 181921 h 392876"/>
                  <a:gd name="connsiteX3" fmla="*/ 40196 w 221030"/>
                  <a:gd name="connsiteY3" fmla="*/ 221332 h 392876"/>
                  <a:gd name="connsiteX4" fmla="*/ 50269 w 221030"/>
                  <a:gd name="connsiteY4" fmla="*/ 221332 h 392876"/>
                  <a:gd name="connsiteX5" fmla="*/ 50269 w 221030"/>
                  <a:gd name="connsiteY5" fmla="*/ 392877 h 392876"/>
                  <a:gd name="connsiteX6" fmla="*/ 170761 w 221030"/>
                  <a:gd name="connsiteY6" fmla="*/ 392877 h 392876"/>
                  <a:gd name="connsiteX7" fmla="*/ 170761 w 221030"/>
                  <a:gd name="connsiteY7" fmla="*/ 221332 h 392876"/>
                  <a:gd name="connsiteX8" fmla="*/ 180834 w 221030"/>
                  <a:gd name="connsiteY8" fmla="*/ 221332 h 392876"/>
                  <a:gd name="connsiteX9" fmla="*/ 221030 w 221030"/>
                  <a:gd name="connsiteY9" fmla="*/ 181921 h 392876"/>
                  <a:gd name="connsiteX10" fmla="*/ 221030 w 221030"/>
                  <a:gd name="connsiteY10" fmla="*/ 60355 h 392876"/>
                  <a:gd name="connsiteX11" fmla="*/ 110610 w 221030"/>
                  <a:gd name="connsiteY11" fmla="*/ 0 h 3928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21030" h="392876">
                    <a:moveTo>
                      <a:pt x="110420" y="0"/>
                    </a:moveTo>
                    <a:cubicBezTo>
                      <a:pt x="72790" y="0"/>
                      <a:pt x="0" y="20562"/>
                      <a:pt x="0" y="60355"/>
                    </a:cubicBezTo>
                    <a:lnTo>
                      <a:pt x="0" y="181921"/>
                    </a:lnTo>
                    <a:cubicBezTo>
                      <a:pt x="0" y="205339"/>
                      <a:pt x="16725" y="221332"/>
                      <a:pt x="40196" y="221332"/>
                    </a:cubicBezTo>
                    <a:lnTo>
                      <a:pt x="50269" y="221332"/>
                    </a:lnTo>
                    <a:lnTo>
                      <a:pt x="50269" y="392877"/>
                    </a:lnTo>
                    <a:lnTo>
                      <a:pt x="170761" y="392877"/>
                    </a:lnTo>
                    <a:lnTo>
                      <a:pt x="170761" y="221332"/>
                    </a:lnTo>
                    <a:lnTo>
                      <a:pt x="180834" y="221332"/>
                    </a:lnTo>
                    <a:cubicBezTo>
                      <a:pt x="204211" y="221332"/>
                      <a:pt x="221030" y="205339"/>
                      <a:pt x="221030" y="181921"/>
                    </a:cubicBezTo>
                    <a:lnTo>
                      <a:pt x="221030" y="60355"/>
                    </a:lnTo>
                    <a:cubicBezTo>
                      <a:pt x="221030" y="20562"/>
                      <a:pt x="148145" y="0"/>
                      <a:pt x="110610" y="0"/>
                    </a:cubicBezTo>
                    <a:close/>
                  </a:path>
                </a:pathLst>
              </a:custGeom>
              <a:solidFill>
                <a:srgbClr val="C7E4F1"/>
              </a:solidFill>
              <a:ln w="0" cap="flat">
                <a:noFill/>
                <a:prstDash val="solid"/>
                <a:miter/>
              </a:ln>
            </p:spPr>
            <p:txBody>
              <a:bodyPr rtlCol="0" anchor="ctr"/>
              <a:lstStyle/>
              <a:p>
                <a:endParaRPr lang="en-US"/>
              </a:p>
            </p:txBody>
          </p:sp>
          <p:sp>
            <p:nvSpPr>
              <p:cNvPr id="68" name="Freeform 18">
                <a:extLst>
                  <a:ext uri="{FF2B5EF4-FFF2-40B4-BE49-F238E27FC236}">
                    <a16:creationId xmlns:a16="http://schemas.microsoft.com/office/drawing/2014/main" id="{AD5A99FB-361F-D5B3-29D5-B396FCB76812}"/>
                  </a:ext>
                </a:extLst>
              </p:cNvPr>
              <p:cNvSpPr/>
              <p:nvPr/>
            </p:nvSpPr>
            <p:spPr>
              <a:xfrm>
                <a:off x="-211" y="588858"/>
                <a:ext cx="170001" cy="306913"/>
              </a:xfrm>
              <a:custGeom>
                <a:avLst/>
                <a:gdLst>
                  <a:gd name="connsiteX0" fmla="*/ 169906 w 170001"/>
                  <a:gd name="connsiteY0" fmla="*/ 50835 h 306913"/>
                  <a:gd name="connsiteX1" fmla="*/ 169906 w 170001"/>
                  <a:gd name="connsiteY1" fmla="*/ 172401 h 306913"/>
                  <a:gd name="connsiteX2" fmla="*/ 155462 w 170001"/>
                  <a:gd name="connsiteY2" fmla="*/ 206386 h 306913"/>
                  <a:gd name="connsiteX3" fmla="*/ 134462 w 170001"/>
                  <a:gd name="connsiteY3" fmla="*/ 204958 h 306913"/>
                  <a:gd name="connsiteX4" fmla="*/ 122108 w 170001"/>
                  <a:gd name="connsiteY4" fmla="*/ 121852 h 306913"/>
                  <a:gd name="connsiteX5" fmla="*/ 122868 w 170001"/>
                  <a:gd name="connsiteY5" fmla="*/ 113474 h 306913"/>
                  <a:gd name="connsiteX6" fmla="*/ 120588 w 170001"/>
                  <a:gd name="connsiteY6" fmla="*/ 100623 h 306913"/>
                  <a:gd name="connsiteX7" fmla="*/ 120588 w 170001"/>
                  <a:gd name="connsiteY7" fmla="*/ 242561 h 306913"/>
                  <a:gd name="connsiteX8" fmla="*/ 125529 w 170001"/>
                  <a:gd name="connsiteY8" fmla="*/ 306343 h 306913"/>
                  <a:gd name="connsiteX9" fmla="*/ 0 w 170001"/>
                  <a:gd name="connsiteY9" fmla="*/ 306914 h 306913"/>
                  <a:gd name="connsiteX10" fmla="*/ 0 w 170001"/>
                  <a:gd name="connsiteY10" fmla="*/ 211813 h 306913"/>
                  <a:gd name="connsiteX11" fmla="*/ 665 w 170001"/>
                  <a:gd name="connsiteY11" fmla="*/ 15422 h 306913"/>
                  <a:gd name="connsiteX12" fmla="*/ 20431 w 170001"/>
                  <a:gd name="connsiteY12" fmla="*/ 8187 h 306913"/>
                  <a:gd name="connsiteX13" fmla="*/ 20526 w 170001"/>
                  <a:gd name="connsiteY13" fmla="*/ 8187 h 306913"/>
                  <a:gd name="connsiteX14" fmla="*/ 28508 w 170001"/>
                  <a:gd name="connsiteY14" fmla="*/ 5902 h 306913"/>
                  <a:gd name="connsiteX15" fmla="*/ 36965 w 170001"/>
                  <a:gd name="connsiteY15" fmla="*/ 3903 h 306913"/>
                  <a:gd name="connsiteX16" fmla="*/ 41526 w 170001"/>
                  <a:gd name="connsiteY16" fmla="*/ 2951 h 306913"/>
                  <a:gd name="connsiteX17" fmla="*/ 54830 w 170001"/>
                  <a:gd name="connsiteY17" fmla="*/ 952 h 306913"/>
                  <a:gd name="connsiteX18" fmla="*/ 69084 w 170001"/>
                  <a:gd name="connsiteY18" fmla="*/ 0 h 306913"/>
                  <a:gd name="connsiteX19" fmla="*/ 70699 w 170001"/>
                  <a:gd name="connsiteY19" fmla="*/ 0 h 306913"/>
                  <a:gd name="connsiteX20" fmla="*/ 170001 w 170001"/>
                  <a:gd name="connsiteY20" fmla="*/ 50835 h 3069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70001" h="306913">
                    <a:moveTo>
                      <a:pt x="169906" y="50835"/>
                    </a:moveTo>
                    <a:lnTo>
                      <a:pt x="169906" y="172401"/>
                    </a:lnTo>
                    <a:cubicBezTo>
                      <a:pt x="169906" y="185348"/>
                      <a:pt x="165725" y="201626"/>
                      <a:pt x="155462" y="206386"/>
                    </a:cubicBezTo>
                    <a:cubicBezTo>
                      <a:pt x="149096" y="209242"/>
                      <a:pt x="134462" y="212003"/>
                      <a:pt x="134462" y="204958"/>
                    </a:cubicBezTo>
                    <a:lnTo>
                      <a:pt x="122108" y="121852"/>
                    </a:lnTo>
                    <a:cubicBezTo>
                      <a:pt x="122108" y="116521"/>
                      <a:pt x="128095" y="113474"/>
                      <a:pt x="122868" y="113474"/>
                    </a:cubicBezTo>
                    <a:cubicBezTo>
                      <a:pt x="117642" y="113474"/>
                      <a:pt x="120588" y="95292"/>
                      <a:pt x="120588" y="100623"/>
                    </a:cubicBezTo>
                    <a:lnTo>
                      <a:pt x="120588" y="242561"/>
                    </a:lnTo>
                    <a:cubicBezTo>
                      <a:pt x="120588" y="247511"/>
                      <a:pt x="120778" y="305867"/>
                      <a:pt x="125529" y="306343"/>
                    </a:cubicBezTo>
                    <a:lnTo>
                      <a:pt x="0" y="306914"/>
                    </a:lnTo>
                    <a:lnTo>
                      <a:pt x="0" y="211813"/>
                    </a:lnTo>
                    <a:lnTo>
                      <a:pt x="665" y="15422"/>
                    </a:lnTo>
                    <a:cubicBezTo>
                      <a:pt x="6937" y="12661"/>
                      <a:pt x="13684" y="10186"/>
                      <a:pt x="20431" y="8187"/>
                    </a:cubicBezTo>
                    <a:lnTo>
                      <a:pt x="20526" y="8187"/>
                    </a:lnTo>
                    <a:cubicBezTo>
                      <a:pt x="23186" y="7330"/>
                      <a:pt x="25847" y="6569"/>
                      <a:pt x="28508" y="5902"/>
                    </a:cubicBezTo>
                    <a:cubicBezTo>
                      <a:pt x="31358" y="5141"/>
                      <a:pt x="34209" y="4474"/>
                      <a:pt x="36965" y="3903"/>
                    </a:cubicBezTo>
                    <a:cubicBezTo>
                      <a:pt x="38485" y="3617"/>
                      <a:pt x="40006" y="3237"/>
                      <a:pt x="41526" y="2951"/>
                    </a:cubicBezTo>
                    <a:cubicBezTo>
                      <a:pt x="46088" y="2190"/>
                      <a:pt x="50554" y="1523"/>
                      <a:pt x="54830" y="952"/>
                    </a:cubicBezTo>
                    <a:cubicBezTo>
                      <a:pt x="59866" y="381"/>
                      <a:pt x="64713" y="95"/>
                      <a:pt x="69084" y="0"/>
                    </a:cubicBezTo>
                    <a:lnTo>
                      <a:pt x="70699" y="0"/>
                    </a:lnTo>
                    <a:cubicBezTo>
                      <a:pt x="106524" y="571"/>
                      <a:pt x="170001" y="19801"/>
                      <a:pt x="170001" y="50835"/>
                    </a:cubicBezTo>
                    <a:close/>
                  </a:path>
                </a:pathLst>
              </a:custGeom>
              <a:solidFill>
                <a:srgbClr val="C7E4F1"/>
              </a:solidFill>
              <a:ln w="0" cap="flat">
                <a:noFill/>
                <a:prstDash val="solid"/>
                <a:miter/>
              </a:ln>
            </p:spPr>
            <p:txBody>
              <a:bodyPr rtlCol="0" anchor="ctr"/>
              <a:lstStyle/>
              <a:p>
                <a:endParaRPr lang="en-US"/>
              </a:p>
            </p:txBody>
          </p:sp>
          <p:sp>
            <p:nvSpPr>
              <p:cNvPr id="69" name="Freeform 19">
                <a:extLst>
                  <a:ext uri="{FF2B5EF4-FFF2-40B4-BE49-F238E27FC236}">
                    <a16:creationId xmlns:a16="http://schemas.microsoft.com/office/drawing/2014/main" id="{E9513143-F36B-61C5-03FF-A681A1CDCFE9}"/>
                  </a:ext>
                </a:extLst>
              </p:cNvPr>
              <p:cNvSpPr/>
              <p:nvPr/>
            </p:nvSpPr>
            <p:spPr>
              <a:xfrm>
                <a:off x="-152063" y="549637"/>
                <a:ext cx="170001" cy="345563"/>
              </a:xfrm>
              <a:custGeom>
                <a:avLst/>
                <a:gdLst>
                  <a:gd name="connsiteX0" fmla="*/ 169906 w 170001"/>
                  <a:gd name="connsiteY0" fmla="*/ 50835 h 345563"/>
                  <a:gd name="connsiteX1" fmla="*/ 169906 w 170001"/>
                  <a:gd name="connsiteY1" fmla="*/ 172401 h 345563"/>
                  <a:gd name="connsiteX2" fmla="*/ 155462 w 170001"/>
                  <a:gd name="connsiteY2" fmla="*/ 206386 h 345563"/>
                  <a:gd name="connsiteX3" fmla="*/ 134462 w 170001"/>
                  <a:gd name="connsiteY3" fmla="*/ 204958 h 345563"/>
                  <a:gd name="connsiteX4" fmla="*/ 122108 w 170001"/>
                  <a:gd name="connsiteY4" fmla="*/ 121852 h 345563"/>
                  <a:gd name="connsiteX5" fmla="*/ 122868 w 170001"/>
                  <a:gd name="connsiteY5" fmla="*/ 113474 h 345563"/>
                  <a:gd name="connsiteX6" fmla="*/ 120588 w 170001"/>
                  <a:gd name="connsiteY6" fmla="*/ 100623 h 345563"/>
                  <a:gd name="connsiteX7" fmla="*/ 120588 w 170001"/>
                  <a:gd name="connsiteY7" fmla="*/ 242561 h 345563"/>
                  <a:gd name="connsiteX8" fmla="*/ 129140 w 170001"/>
                  <a:gd name="connsiteY8" fmla="*/ 345564 h 345563"/>
                  <a:gd name="connsiteX9" fmla="*/ 0 w 170001"/>
                  <a:gd name="connsiteY9" fmla="*/ 345564 h 345563"/>
                  <a:gd name="connsiteX10" fmla="*/ 0 w 170001"/>
                  <a:gd name="connsiteY10" fmla="*/ 211812 h 345563"/>
                  <a:gd name="connsiteX11" fmla="*/ 665 w 170001"/>
                  <a:gd name="connsiteY11" fmla="*/ 15422 h 345563"/>
                  <a:gd name="connsiteX12" fmla="*/ 20431 w 170001"/>
                  <a:gd name="connsiteY12" fmla="*/ 8187 h 345563"/>
                  <a:gd name="connsiteX13" fmla="*/ 20526 w 170001"/>
                  <a:gd name="connsiteY13" fmla="*/ 8187 h 345563"/>
                  <a:gd name="connsiteX14" fmla="*/ 28508 w 170001"/>
                  <a:gd name="connsiteY14" fmla="*/ 5902 h 345563"/>
                  <a:gd name="connsiteX15" fmla="*/ 36965 w 170001"/>
                  <a:gd name="connsiteY15" fmla="*/ 3903 h 345563"/>
                  <a:gd name="connsiteX16" fmla="*/ 41526 w 170001"/>
                  <a:gd name="connsiteY16" fmla="*/ 2951 h 345563"/>
                  <a:gd name="connsiteX17" fmla="*/ 54830 w 170001"/>
                  <a:gd name="connsiteY17" fmla="*/ 952 h 345563"/>
                  <a:gd name="connsiteX18" fmla="*/ 69084 w 170001"/>
                  <a:gd name="connsiteY18" fmla="*/ 0 h 345563"/>
                  <a:gd name="connsiteX19" fmla="*/ 70699 w 170001"/>
                  <a:gd name="connsiteY19" fmla="*/ 0 h 345563"/>
                  <a:gd name="connsiteX20" fmla="*/ 170001 w 170001"/>
                  <a:gd name="connsiteY20" fmla="*/ 50835 h 3455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70001" h="345563">
                    <a:moveTo>
                      <a:pt x="169906" y="50835"/>
                    </a:moveTo>
                    <a:lnTo>
                      <a:pt x="169906" y="172401"/>
                    </a:lnTo>
                    <a:cubicBezTo>
                      <a:pt x="169906" y="185348"/>
                      <a:pt x="165725" y="201626"/>
                      <a:pt x="155462" y="206386"/>
                    </a:cubicBezTo>
                    <a:cubicBezTo>
                      <a:pt x="149096" y="209242"/>
                      <a:pt x="134462" y="212003"/>
                      <a:pt x="134462" y="204958"/>
                    </a:cubicBezTo>
                    <a:lnTo>
                      <a:pt x="122108" y="121852"/>
                    </a:lnTo>
                    <a:cubicBezTo>
                      <a:pt x="122108" y="116521"/>
                      <a:pt x="128095" y="113474"/>
                      <a:pt x="122868" y="113474"/>
                    </a:cubicBezTo>
                    <a:cubicBezTo>
                      <a:pt x="117642" y="113474"/>
                      <a:pt x="120588" y="95292"/>
                      <a:pt x="120588" y="100623"/>
                    </a:cubicBezTo>
                    <a:lnTo>
                      <a:pt x="120588" y="242561"/>
                    </a:lnTo>
                    <a:cubicBezTo>
                      <a:pt x="120588" y="247511"/>
                      <a:pt x="124389" y="345088"/>
                      <a:pt x="129140" y="345564"/>
                    </a:cubicBezTo>
                    <a:lnTo>
                      <a:pt x="0" y="345564"/>
                    </a:lnTo>
                    <a:lnTo>
                      <a:pt x="0" y="211812"/>
                    </a:lnTo>
                    <a:lnTo>
                      <a:pt x="665" y="15422"/>
                    </a:lnTo>
                    <a:cubicBezTo>
                      <a:pt x="6937" y="12661"/>
                      <a:pt x="13684" y="10186"/>
                      <a:pt x="20431" y="8187"/>
                    </a:cubicBezTo>
                    <a:lnTo>
                      <a:pt x="20526" y="8187"/>
                    </a:lnTo>
                    <a:cubicBezTo>
                      <a:pt x="23186" y="7330"/>
                      <a:pt x="25847" y="6569"/>
                      <a:pt x="28508" y="5902"/>
                    </a:cubicBezTo>
                    <a:cubicBezTo>
                      <a:pt x="31359" y="5141"/>
                      <a:pt x="34209" y="4474"/>
                      <a:pt x="36965" y="3903"/>
                    </a:cubicBezTo>
                    <a:cubicBezTo>
                      <a:pt x="38486" y="3617"/>
                      <a:pt x="40006" y="3237"/>
                      <a:pt x="41526" y="2951"/>
                    </a:cubicBezTo>
                    <a:cubicBezTo>
                      <a:pt x="46088" y="2190"/>
                      <a:pt x="50554" y="1523"/>
                      <a:pt x="54830" y="952"/>
                    </a:cubicBezTo>
                    <a:cubicBezTo>
                      <a:pt x="59866" y="381"/>
                      <a:pt x="64713" y="95"/>
                      <a:pt x="69084" y="0"/>
                    </a:cubicBezTo>
                    <a:lnTo>
                      <a:pt x="70699" y="0"/>
                    </a:lnTo>
                    <a:cubicBezTo>
                      <a:pt x="106524" y="571"/>
                      <a:pt x="170001" y="19801"/>
                      <a:pt x="170001" y="50835"/>
                    </a:cubicBezTo>
                    <a:close/>
                  </a:path>
                </a:pathLst>
              </a:custGeom>
              <a:solidFill>
                <a:srgbClr val="66BCDB"/>
              </a:solidFill>
              <a:ln w="0" cap="flat">
                <a:noFill/>
                <a:prstDash val="solid"/>
                <a:miter/>
              </a:ln>
            </p:spPr>
            <p:txBody>
              <a:bodyPr rtlCol="0" anchor="ctr"/>
              <a:lstStyle/>
              <a:p>
                <a:endParaRPr lang="en-US"/>
              </a:p>
            </p:txBody>
          </p:sp>
          <p:sp>
            <p:nvSpPr>
              <p:cNvPr id="70" name="Freeform 20">
                <a:extLst>
                  <a:ext uri="{FF2B5EF4-FFF2-40B4-BE49-F238E27FC236}">
                    <a16:creationId xmlns:a16="http://schemas.microsoft.com/office/drawing/2014/main" id="{D7934ECC-C705-F78A-CF21-AC50D2294390}"/>
                  </a:ext>
                </a:extLst>
              </p:cNvPr>
              <p:cNvSpPr/>
              <p:nvPr/>
            </p:nvSpPr>
            <p:spPr>
              <a:xfrm>
                <a:off x="-296109" y="371222"/>
                <a:ext cx="79381" cy="84801"/>
              </a:xfrm>
              <a:custGeom>
                <a:avLst/>
                <a:gdLst>
                  <a:gd name="connsiteX0" fmla="*/ 79334 w 79381"/>
                  <a:gd name="connsiteY0" fmla="*/ 45045 h 84801"/>
                  <a:gd name="connsiteX1" fmla="*/ 462 w 79381"/>
                  <a:gd name="connsiteY1" fmla="*/ 35240 h 84801"/>
                  <a:gd name="connsiteX2" fmla="*/ 747 w 79381"/>
                  <a:gd name="connsiteY2" fmla="*/ 33526 h 84801"/>
                  <a:gd name="connsiteX3" fmla="*/ 79334 w 79381"/>
                  <a:gd name="connsiteY3" fmla="*/ 45045 h 84801"/>
                </a:gdLst>
                <a:ahLst/>
                <a:cxnLst>
                  <a:cxn ang="0">
                    <a:pos x="connsiteX0" y="connsiteY0"/>
                  </a:cxn>
                  <a:cxn ang="0">
                    <a:pos x="connsiteX1" y="connsiteY1"/>
                  </a:cxn>
                  <a:cxn ang="0">
                    <a:pos x="connsiteX2" y="connsiteY2"/>
                  </a:cxn>
                  <a:cxn ang="0">
                    <a:pos x="connsiteX3" y="connsiteY3"/>
                  </a:cxn>
                </a:cxnLst>
                <a:rect l="l" t="t" r="r" b="b"/>
                <a:pathLst>
                  <a:path w="79381" h="84801">
                    <a:moveTo>
                      <a:pt x="79334" y="45045"/>
                    </a:moveTo>
                    <a:cubicBezTo>
                      <a:pt x="70876" y="107494"/>
                      <a:pt x="-6665" y="90359"/>
                      <a:pt x="462" y="35240"/>
                    </a:cubicBezTo>
                    <a:lnTo>
                      <a:pt x="747" y="33526"/>
                    </a:lnTo>
                    <a:cubicBezTo>
                      <a:pt x="13956" y="-19689"/>
                      <a:pt x="81424" y="-4838"/>
                      <a:pt x="79334" y="45045"/>
                    </a:cubicBezTo>
                    <a:close/>
                  </a:path>
                </a:pathLst>
              </a:custGeom>
              <a:solidFill>
                <a:srgbClr val="66BCDB"/>
              </a:solidFill>
              <a:ln w="0" cap="flat">
                <a:noFill/>
                <a:prstDash val="solid"/>
                <a:miter/>
              </a:ln>
            </p:spPr>
            <p:txBody>
              <a:bodyPr rtlCol="0" anchor="ctr"/>
              <a:lstStyle/>
              <a:p>
                <a:endParaRPr lang="en-US"/>
              </a:p>
            </p:txBody>
          </p:sp>
          <p:sp>
            <p:nvSpPr>
              <p:cNvPr id="71" name="Freeform 21">
                <a:extLst>
                  <a:ext uri="{FF2B5EF4-FFF2-40B4-BE49-F238E27FC236}">
                    <a16:creationId xmlns:a16="http://schemas.microsoft.com/office/drawing/2014/main" id="{E30B3252-7614-C54F-D56A-FD3956534E77}"/>
                  </a:ext>
                </a:extLst>
              </p:cNvPr>
              <p:cNvSpPr/>
              <p:nvPr/>
            </p:nvSpPr>
            <p:spPr>
              <a:xfrm>
                <a:off x="-125441" y="405423"/>
                <a:ext cx="79384" cy="84815"/>
              </a:xfrm>
              <a:custGeom>
                <a:avLst/>
                <a:gdLst>
                  <a:gd name="connsiteX0" fmla="*/ 79333 w 79384"/>
                  <a:gd name="connsiteY0" fmla="*/ 45019 h 84815"/>
                  <a:gd name="connsiteX1" fmla="*/ 461 w 79384"/>
                  <a:gd name="connsiteY1" fmla="*/ 35309 h 84815"/>
                  <a:gd name="connsiteX2" fmla="*/ 841 w 79384"/>
                  <a:gd name="connsiteY2" fmla="*/ 33596 h 84815"/>
                  <a:gd name="connsiteX3" fmla="*/ 79333 w 79384"/>
                  <a:gd name="connsiteY3" fmla="*/ 45019 h 84815"/>
                </a:gdLst>
                <a:ahLst/>
                <a:cxnLst>
                  <a:cxn ang="0">
                    <a:pos x="connsiteX0" y="connsiteY0"/>
                  </a:cxn>
                  <a:cxn ang="0">
                    <a:pos x="connsiteX1" y="connsiteY1"/>
                  </a:cxn>
                  <a:cxn ang="0">
                    <a:pos x="connsiteX2" y="connsiteY2"/>
                  </a:cxn>
                  <a:cxn ang="0">
                    <a:pos x="connsiteX3" y="connsiteY3"/>
                  </a:cxn>
                </a:cxnLst>
                <a:rect l="l" t="t" r="r" b="b"/>
                <a:pathLst>
                  <a:path w="79384" h="84815">
                    <a:moveTo>
                      <a:pt x="79333" y="45019"/>
                    </a:moveTo>
                    <a:cubicBezTo>
                      <a:pt x="71065" y="107468"/>
                      <a:pt x="-6666" y="90428"/>
                      <a:pt x="461" y="35309"/>
                    </a:cubicBezTo>
                    <a:lnTo>
                      <a:pt x="841" y="33596"/>
                    </a:lnTo>
                    <a:cubicBezTo>
                      <a:pt x="14050" y="-19619"/>
                      <a:pt x="81518" y="-4959"/>
                      <a:pt x="79333" y="45019"/>
                    </a:cubicBezTo>
                    <a:close/>
                  </a:path>
                </a:pathLst>
              </a:custGeom>
              <a:solidFill>
                <a:srgbClr val="66BCDB"/>
              </a:solidFill>
              <a:ln w="0" cap="flat">
                <a:noFill/>
                <a:prstDash val="solid"/>
                <a:miter/>
              </a:ln>
            </p:spPr>
            <p:txBody>
              <a:bodyPr rtlCol="0" anchor="ctr"/>
              <a:lstStyle/>
              <a:p>
                <a:endParaRPr lang="en-US"/>
              </a:p>
            </p:txBody>
          </p:sp>
          <p:sp>
            <p:nvSpPr>
              <p:cNvPr id="72" name="Freeform 22">
                <a:extLst>
                  <a:ext uri="{FF2B5EF4-FFF2-40B4-BE49-F238E27FC236}">
                    <a16:creationId xmlns:a16="http://schemas.microsoft.com/office/drawing/2014/main" id="{6CD947DB-E059-2548-59E4-F1CA937578A9}"/>
                  </a:ext>
                </a:extLst>
              </p:cNvPr>
              <p:cNvSpPr/>
              <p:nvPr/>
            </p:nvSpPr>
            <p:spPr>
              <a:xfrm>
                <a:off x="25068" y="440270"/>
                <a:ext cx="79572" cy="84935"/>
              </a:xfrm>
              <a:custGeom>
                <a:avLst/>
                <a:gdLst>
                  <a:gd name="connsiteX0" fmla="*/ 78013 w 79572"/>
                  <a:gd name="connsiteY0" fmla="*/ 53867 h 84935"/>
                  <a:gd name="connsiteX1" fmla="*/ 567 w 79572"/>
                  <a:gd name="connsiteY1" fmla="*/ 35304 h 84935"/>
                  <a:gd name="connsiteX2" fmla="*/ 852 w 79572"/>
                  <a:gd name="connsiteY2" fmla="*/ 33590 h 84935"/>
                  <a:gd name="connsiteX3" fmla="*/ 78013 w 79572"/>
                  <a:gd name="connsiteY3" fmla="*/ 53867 h 84935"/>
                </a:gdLst>
                <a:ahLst/>
                <a:cxnLst>
                  <a:cxn ang="0">
                    <a:pos x="connsiteX0" y="connsiteY0"/>
                  </a:cxn>
                  <a:cxn ang="0">
                    <a:pos x="connsiteX1" y="connsiteY1"/>
                  </a:cxn>
                  <a:cxn ang="0">
                    <a:pos x="connsiteX2" y="connsiteY2"/>
                  </a:cxn>
                  <a:cxn ang="0">
                    <a:pos x="connsiteX3" y="connsiteY3"/>
                  </a:cxn>
                </a:cxnLst>
                <a:rect l="l" t="t" r="r" b="b"/>
                <a:pathLst>
                  <a:path w="79572" h="84935">
                    <a:moveTo>
                      <a:pt x="78013" y="53867"/>
                    </a:moveTo>
                    <a:cubicBezTo>
                      <a:pt x="60528" y="108415"/>
                      <a:pt x="-6845" y="84045"/>
                      <a:pt x="567" y="35304"/>
                    </a:cubicBezTo>
                    <a:lnTo>
                      <a:pt x="852" y="33590"/>
                    </a:lnTo>
                    <a:cubicBezTo>
                      <a:pt x="16626" y="-25908"/>
                      <a:pt x="91222" y="1699"/>
                      <a:pt x="78013" y="53867"/>
                    </a:cubicBezTo>
                    <a:close/>
                  </a:path>
                </a:pathLst>
              </a:custGeom>
              <a:solidFill>
                <a:srgbClr val="66BCDB"/>
              </a:solidFill>
              <a:ln w="0" cap="flat">
                <a:noFill/>
                <a:prstDash val="solid"/>
                <a:miter/>
              </a:ln>
            </p:spPr>
            <p:txBody>
              <a:bodyPr rtlCol="0" anchor="ctr"/>
              <a:lstStyle/>
              <a:p>
                <a:endParaRPr lang="en-US"/>
              </a:p>
            </p:txBody>
          </p:sp>
          <p:sp>
            <p:nvSpPr>
              <p:cNvPr id="73" name="Freeform 23">
                <a:extLst>
                  <a:ext uri="{FF2B5EF4-FFF2-40B4-BE49-F238E27FC236}">
                    <a16:creationId xmlns:a16="http://schemas.microsoft.com/office/drawing/2014/main" id="{748520A5-B803-A8B3-C918-1A41682852C5}"/>
                  </a:ext>
                </a:extLst>
              </p:cNvPr>
              <p:cNvSpPr/>
              <p:nvPr/>
            </p:nvSpPr>
            <p:spPr>
              <a:xfrm>
                <a:off x="-115763" y="532787"/>
                <a:ext cx="150996" cy="362413"/>
              </a:xfrm>
              <a:custGeom>
                <a:avLst/>
                <a:gdLst>
                  <a:gd name="connsiteX0" fmla="*/ 79917 w 150996"/>
                  <a:gd name="connsiteY0" fmla="*/ 122613 h 362413"/>
                  <a:gd name="connsiteX1" fmla="*/ 79917 w 150996"/>
                  <a:gd name="connsiteY1" fmla="*/ 351942 h 362413"/>
                  <a:gd name="connsiteX2" fmla="*/ 90370 w 150996"/>
                  <a:gd name="connsiteY2" fmla="*/ 362414 h 362413"/>
                  <a:gd name="connsiteX3" fmla="*/ 90370 w 150996"/>
                  <a:gd name="connsiteY3" fmla="*/ 362414 h 362413"/>
                  <a:gd name="connsiteX4" fmla="*/ 100822 w 150996"/>
                  <a:gd name="connsiteY4" fmla="*/ 351942 h 362413"/>
                  <a:gd name="connsiteX5" fmla="*/ 100822 w 150996"/>
                  <a:gd name="connsiteY5" fmla="*/ 242561 h 362413"/>
                  <a:gd name="connsiteX6" fmla="*/ 100822 w 150996"/>
                  <a:gd name="connsiteY6" fmla="*/ 242561 h 362413"/>
                  <a:gd name="connsiteX7" fmla="*/ 150996 w 150996"/>
                  <a:gd name="connsiteY7" fmla="*/ 191536 h 362413"/>
                  <a:gd name="connsiteX8" fmla="*/ 150996 w 150996"/>
                  <a:gd name="connsiteY8" fmla="*/ 69970 h 362413"/>
                  <a:gd name="connsiteX9" fmla="*/ 30123 w 150996"/>
                  <a:gd name="connsiteY9" fmla="*/ 0 h 362413"/>
                  <a:gd name="connsiteX10" fmla="*/ 10453 w 150996"/>
                  <a:gd name="connsiteY10" fmla="*/ 0 h 362413"/>
                  <a:gd name="connsiteX11" fmla="*/ 0 w 150996"/>
                  <a:gd name="connsiteY11" fmla="*/ 10472 h 362413"/>
                  <a:gd name="connsiteX12" fmla="*/ 0 w 150996"/>
                  <a:gd name="connsiteY12" fmla="*/ 10472 h 362413"/>
                  <a:gd name="connsiteX13" fmla="*/ 10453 w 150996"/>
                  <a:gd name="connsiteY13" fmla="*/ 20943 h 362413"/>
                  <a:gd name="connsiteX14" fmla="*/ 30123 w 150996"/>
                  <a:gd name="connsiteY14" fmla="*/ 20943 h 362413"/>
                  <a:gd name="connsiteX15" fmla="*/ 130090 w 150996"/>
                  <a:gd name="connsiteY15" fmla="*/ 69970 h 362413"/>
                  <a:gd name="connsiteX16" fmla="*/ 130090 w 150996"/>
                  <a:gd name="connsiteY16" fmla="*/ 191536 h 362413"/>
                  <a:gd name="connsiteX17" fmla="*/ 115837 w 150996"/>
                  <a:gd name="connsiteY17" fmla="*/ 217810 h 362413"/>
                  <a:gd name="connsiteX18" fmla="*/ 100822 w 150996"/>
                  <a:gd name="connsiteY18" fmla="*/ 208385 h 362413"/>
                  <a:gd name="connsiteX19" fmla="*/ 100822 w 150996"/>
                  <a:gd name="connsiteY19" fmla="*/ 122613 h 362413"/>
                  <a:gd name="connsiteX20" fmla="*/ 90370 w 150996"/>
                  <a:gd name="connsiteY20" fmla="*/ 112142 h 362413"/>
                  <a:gd name="connsiteX21" fmla="*/ 90370 w 150996"/>
                  <a:gd name="connsiteY21" fmla="*/ 112142 h 362413"/>
                  <a:gd name="connsiteX22" fmla="*/ 79917 w 150996"/>
                  <a:gd name="connsiteY22" fmla="*/ 122613 h 362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50996" h="362413">
                    <a:moveTo>
                      <a:pt x="79917" y="122613"/>
                    </a:moveTo>
                    <a:lnTo>
                      <a:pt x="79917" y="351942"/>
                    </a:lnTo>
                    <a:cubicBezTo>
                      <a:pt x="79917" y="357749"/>
                      <a:pt x="84573" y="362414"/>
                      <a:pt x="90370" y="362414"/>
                    </a:cubicBezTo>
                    <a:lnTo>
                      <a:pt x="90370" y="362414"/>
                    </a:lnTo>
                    <a:cubicBezTo>
                      <a:pt x="96166" y="362414"/>
                      <a:pt x="100822" y="357749"/>
                      <a:pt x="100822" y="351942"/>
                    </a:cubicBezTo>
                    <a:lnTo>
                      <a:pt x="100822" y="242561"/>
                    </a:lnTo>
                    <a:cubicBezTo>
                      <a:pt x="100822" y="242561"/>
                      <a:pt x="100822" y="242561"/>
                      <a:pt x="100822" y="242561"/>
                    </a:cubicBezTo>
                    <a:cubicBezTo>
                      <a:pt x="129425" y="242371"/>
                      <a:pt x="150996" y="220475"/>
                      <a:pt x="150996" y="191536"/>
                    </a:cubicBezTo>
                    <a:lnTo>
                      <a:pt x="150996" y="69970"/>
                    </a:lnTo>
                    <a:cubicBezTo>
                      <a:pt x="150996" y="21134"/>
                      <a:pt x="70889" y="0"/>
                      <a:pt x="30123" y="0"/>
                    </a:cubicBezTo>
                    <a:lnTo>
                      <a:pt x="10453" y="0"/>
                    </a:lnTo>
                    <a:cubicBezTo>
                      <a:pt x="4656" y="0"/>
                      <a:pt x="0" y="4665"/>
                      <a:pt x="0" y="10472"/>
                    </a:cubicBezTo>
                    <a:lnTo>
                      <a:pt x="0" y="10472"/>
                    </a:lnTo>
                    <a:cubicBezTo>
                      <a:pt x="0" y="16279"/>
                      <a:pt x="4656" y="20943"/>
                      <a:pt x="10453" y="20943"/>
                    </a:cubicBezTo>
                    <a:lnTo>
                      <a:pt x="30123" y="20943"/>
                    </a:lnTo>
                    <a:cubicBezTo>
                      <a:pt x="65378" y="20943"/>
                      <a:pt x="130090" y="39602"/>
                      <a:pt x="130090" y="69970"/>
                    </a:cubicBezTo>
                    <a:lnTo>
                      <a:pt x="130090" y="191536"/>
                    </a:lnTo>
                    <a:cubicBezTo>
                      <a:pt x="130090" y="203340"/>
                      <a:pt x="124674" y="212860"/>
                      <a:pt x="115837" y="217810"/>
                    </a:cubicBezTo>
                    <a:cubicBezTo>
                      <a:pt x="109090" y="221618"/>
                      <a:pt x="100822" y="216096"/>
                      <a:pt x="100822" y="208385"/>
                    </a:cubicBezTo>
                    <a:lnTo>
                      <a:pt x="100822" y="122613"/>
                    </a:lnTo>
                    <a:cubicBezTo>
                      <a:pt x="100822" y="116806"/>
                      <a:pt x="96166" y="112142"/>
                      <a:pt x="90370" y="112142"/>
                    </a:cubicBezTo>
                    <a:lnTo>
                      <a:pt x="90370" y="112142"/>
                    </a:lnTo>
                    <a:cubicBezTo>
                      <a:pt x="84573" y="112142"/>
                      <a:pt x="79917" y="116806"/>
                      <a:pt x="79917" y="122613"/>
                    </a:cubicBezTo>
                    <a:close/>
                  </a:path>
                </a:pathLst>
              </a:custGeom>
              <a:solidFill>
                <a:srgbClr val="265A9A"/>
              </a:solidFill>
              <a:ln w="0" cap="flat">
                <a:noFill/>
                <a:prstDash val="solid"/>
                <a:miter/>
              </a:ln>
            </p:spPr>
            <p:txBody>
              <a:bodyPr rtlCol="0" anchor="ctr"/>
              <a:lstStyle/>
              <a:p>
                <a:endParaRPr lang="en-US"/>
              </a:p>
            </p:txBody>
          </p:sp>
          <p:sp>
            <p:nvSpPr>
              <p:cNvPr id="74" name="Freeform 24">
                <a:extLst>
                  <a:ext uri="{FF2B5EF4-FFF2-40B4-BE49-F238E27FC236}">
                    <a16:creationId xmlns:a16="http://schemas.microsoft.com/office/drawing/2014/main" id="{6FD7519B-DADF-3E32-9835-80112F53691A}"/>
                  </a:ext>
                </a:extLst>
              </p:cNvPr>
              <p:cNvSpPr/>
              <p:nvPr/>
            </p:nvSpPr>
            <p:spPr>
              <a:xfrm>
                <a:off x="59655" y="568273"/>
                <a:ext cx="126289" cy="327023"/>
              </a:xfrm>
              <a:custGeom>
                <a:avLst/>
                <a:gdLst>
                  <a:gd name="connsiteX0" fmla="*/ 0 w 126289"/>
                  <a:gd name="connsiteY0" fmla="*/ 9542 h 327023"/>
                  <a:gd name="connsiteX1" fmla="*/ 10453 w 126289"/>
                  <a:gd name="connsiteY1" fmla="*/ 20871 h 327023"/>
                  <a:gd name="connsiteX2" fmla="*/ 105384 w 126289"/>
                  <a:gd name="connsiteY2" fmla="*/ 74752 h 327023"/>
                  <a:gd name="connsiteX3" fmla="*/ 105384 w 126289"/>
                  <a:gd name="connsiteY3" fmla="*/ 186227 h 327023"/>
                  <a:gd name="connsiteX4" fmla="*/ 91130 w 126289"/>
                  <a:gd name="connsiteY4" fmla="*/ 212502 h 327023"/>
                  <a:gd name="connsiteX5" fmla="*/ 76116 w 126289"/>
                  <a:gd name="connsiteY5" fmla="*/ 203077 h 327023"/>
                  <a:gd name="connsiteX6" fmla="*/ 76116 w 126289"/>
                  <a:gd name="connsiteY6" fmla="*/ 119590 h 327023"/>
                  <a:gd name="connsiteX7" fmla="*/ 65663 w 126289"/>
                  <a:gd name="connsiteY7" fmla="*/ 109118 h 327023"/>
                  <a:gd name="connsiteX8" fmla="*/ 65663 w 126289"/>
                  <a:gd name="connsiteY8" fmla="*/ 109118 h 327023"/>
                  <a:gd name="connsiteX9" fmla="*/ 55210 w 126289"/>
                  <a:gd name="connsiteY9" fmla="*/ 119590 h 327023"/>
                  <a:gd name="connsiteX10" fmla="*/ 55210 w 126289"/>
                  <a:gd name="connsiteY10" fmla="*/ 316551 h 327023"/>
                  <a:gd name="connsiteX11" fmla="*/ 65663 w 126289"/>
                  <a:gd name="connsiteY11" fmla="*/ 327023 h 327023"/>
                  <a:gd name="connsiteX12" fmla="*/ 65663 w 126289"/>
                  <a:gd name="connsiteY12" fmla="*/ 327023 h 327023"/>
                  <a:gd name="connsiteX13" fmla="*/ 76116 w 126289"/>
                  <a:gd name="connsiteY13" fmla="*/ 316551 h 327023"/>
                  <a:gd name="connsiteX14" fmla="*/ 76116 w 126289"/>
                  <a:gd name="connsiteY14" fmla="*/ 237348 h 327023"/>
                  <a:gd name="connsiteX15" fmla="*/ 76116 w 126289"/>
                  <a:gd name="connsiteY15" fmla="*/ 237348 h 327023"/>
                  <a:gd name="connsiteX16" fmla="*/ 126289 w 126289"/>
                  <a:gd name="connsiteY16" fmla="*/ 186323 h 327023"/>
                  <a:gd name="connsiteX17" fmla="*/ 126289 w 126289"/>
                  <a:gd name="connsiteY17" fmla="*/ 74847 h 327023"/>
                  <a:gd name="connsiteX18" fmla="*/ 10263 w 126289"/>
                  <a:gd name="connsiteY18" fmla="*/ 23 h 327023"/>
                  <a:gd name="connsiteX19" fmla="*/ 0 w 126289"/>
                  <a:gd name="connsiteY19" fmla="*/ 9733 h 327023"/>
                  <a:gd name="connsiteX20" fmla="*/ 0 w 126289"/>
                  <a:gd name="connsiteY20" fmla="*/ 9733 h 3270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26289" h="327023">
                    <a:moveTo>
                      <a:pt x="0" y="9542"/>
                    </a:moveTo>
                    <a:cubicBezTo>
                      <a:pt x="0" y="15445"/>
                      <a:pt x="4561" y="20300"/>
                      <a:pt x="10453" y="20871"/>
                    </a:cubicBezTo>
                    <a:cubicBezTo>
                      <a:pt x="46658" y="23917"/>
                      <a:pt x="105384" y="47050"/>
                      <a:pt x="105384" y="74752"/>
                    </a:cubicBezTo>
                    <a:lnTo>
                      <a:pt x="105384" y="186227"/>
                    </a:lnTo>
                    <a:cubicBezTo>
                      <a:pt x="105384" y="198032"/>
                      <a:pt x="99967" y="207551"/>
                      <a:pt x="91130" y="212502"/>
                    </a:cubicBezTo>
                    <a:cubicBezTo>
                      <a:pt x="84383" y="216309"/>
                      <a:pt x="76116" y="210788"/>
                      <a:pt x="76116" y="203077"/>
                    </a:cubicBezTo>
                    <a:lnTo>
                      <a:pt x="76116" y="119590"/>
                    </a:lnTo>
                    <a:cubicBezTo>
                      <a:pt x="76116" y="113783"/>
                      <a:pt x="71460" y="109118"/>
                      <a:pt x="65663" y="109118"/>
                    </a:cubicBezTo>
                    <a:lnTo>
                      <a:pt x="65663" y="109118"/>
                    </a:lnTo>
                    <a:cubicBezTo>
                      <a:pt x="59866" y="109118"/>
                      <a:pt x="55210" y="113783"/>
                      <a:pt x="55210" y="119590"/>
                    </a:cubicBezTo>
                    <a:lnTo>
                      <a:pt x="55210" y="316551"/>
                    </a:lnTo>
                    <a:cubicBezTo>
                      <a:pt x="55210" y="322358"/>
                      <a:pt x="59866" y="327023"/>
                      <a:pt x="65663" y="327023"/>
                    </a:cubicBezTo>
                    <a:lnTo>
                      <a:pt x="65663" y="327023"/>
                    </a:lnTo>
                    <a:cubicBezTo>
                      <a:pt x="71460" y="327023"/>
                      <a:pt x="76116" y="322358"/>
                      <a:pt x="76116" y="316551"/>
                    </a:cubicBezTo>
                    <a:lnTo>
                      <a:pt x="76116" y="237348"/>
                    </a:lnTo>
                    <a:cubicBezTo>
                      <a:pt x="76116" y="237348"/>
                      <a:pt x="76116" y="237348"/>
                      <a:pt x="76116" y="237348"/>
                    </a:cubicBezTo>
                    <a:cubicBezTo>
                      <a:pt x="104719" y="237157"/>
                      <a:pt x="126289" y="215262"/>
                      <a:pt x="126289" y="186323"/>
                    </a:cubicBezTo>
                    <a:lnTo>
                      <a:pt x="126289" y="74847"/>
                    </a:lnTo>
                    <a:cubicBezTo>
                      <a:pt x="126289" y="29819"/>
                      <a:pt x="52929" y="3069"/>
                      <a:pt x="10263" y="23"/>
                    </a:cubicBezTo>
                    <a:cubicBezTo>
                      <a:pt x="4656" y="-358"/>
                      <a:pt x="0" y="4116"/>
                      <a:pt x="0" y="9733"/>
                    </a:cubicBezTo>
                    <a:lnTo>
                      <a:pt x="0" y="9733"/>
                    </a:lnTo>
                    <a:close/>
                  </a:path>
                </a:pathLst>
              </a:custGeom>
              <a:solidFill>
                <a:srgbClr val="265A9A"/>
              </a:solidFill>
              <a:ln w="0" cap="flat">
                <a:noFill/>
                <a:prstDash val="solid"/>
                <a:miter/>
              </a:ln>
            </p:spPr>
            <p:txBody>
              <a:bodyPr rtlCol="0" anchor="ctr"/>
              <a:lstStyle/>
              <a:p>
                <a:endParaRPr lang="en-US"/>
              </a:p>
            </p:txBody>
          </p:sp>
          <p:sp>
            <p:nvSpPr>
              <p:cNvPr id="75" name="Freeform 25">
                <a:extLst>
                  <a:ext uri="{FF2B5EF4-FFF2-40B4-BE49-F238E27FC236}">
                    <a16:creationId xmlns:a16="http://schemas.microsoft.com/office/drawing/2014/main" id="{005031D5-A1C5-C4AB-9B58-81B8630F4700}"/>
                  </a:ext>
                </a:extLst>
              </p:cNvPr>
              <p:cNvSpPr/>
              <p:nvPr/>
            </p:nvSpPr>
            <p:spPr>
              <a:xfrm>
                <a:off x="-377274" y="492424"/>
                <a:ext cx="241745" cy="403348"/>
              </a:xfrm>
              <a:custGeom>
                <a:avLst/>
                <a:gdLst>
                  <a:gd name="connsiteX0" fmla="*/ 50269 w 241745"/>
                  <a:gd name="connsiteY0" fmla="*/ 392877 h 403348"/>
                  <a:gd name="connsiteX1" fmla="*/ 60722 w 241745"/>
                  <a:gd name="connsiteY1" fmla="*/ 403348 h 403348"/>
                  <a:gd name="connsiteX2" fmla="*/ 60722 w 241745"/>
                  <a:gd name="connsiteY2" fmla="*/ 403348 h 403348"/>
                  <a:gd name="connsiteX3" fmla="*/ 71174 w 241745"/>
                  <a:gd name="connsiteY3" fmla="*/ 392877 h 403348"/>
                  <a:gd name="connsiteX4" fmla="*/ 71174 w 241745"/>
                  <a:gd name="connsiteY4" fmla="*/ 121185 h 403348"/>
                  <a:gd name="connsiteX5" fmla="*/ 61102 w 241745"/>
                  <a:gd name="connsiteY5" fmla="*/ 111095 h 403348"/>
                  <a:gd name="connsiteX6" fmla="*/ 60341 w 241745"/>
                  <a:gd name="connsiteY6" fmla="*/ 111095 h 403348"/>
                  <a:gd name="connsiteX7" fmla="*/ 50269 w 241745"/>
                  <a:gd name="connsiteY7" fmla="*/ 121185 h 403348"/>
                  <a:gd name="connsiteX8" fmla="*/ 50269 w 241745"/>
                  <a:gd name="connsiteY8" fmla="*/ 210765 h 403348"/>
                  <a:gd name="connsiteX9" fmla="*/ 35825 w 241745"/>
                  <a:gd name="connsiteY9" fmla="*/ 220475 h 403348"/>
                  <a:gd name="connsiteX10" fmla="*/ 21001 w 241745"/>
                  <a:gd name="connsiteY10" fmla="*/ 192297 h 403348"/>
                  <a:gd name="connsiteX11" fmla="*/ 21001 w 241745"/>
                  <a:gd name="connsiteY11" fmla="*/ 70731 h 403348"/>
                  <a:gd name="connsiteX12" fmla="*/ 120968 w 241745"/>
                  <a:gd name="connsiteY12" fmla="*/ 20848 h 403348"/>
                  <a:gd name="connsiteX13" fmla="*/ 220935 w 241745"/>
                  <a:gd name="connsiteY13" fmla="*/ 70731 h 403348"/>
                  <a:gd name="connsiteX14" fmla="*/ 220935 w 241745"/>
                  <a:gd name="connsiteY14" fmla="*/ 192297 h 403348"/>
                  <a:gd name="connsiteX15" fmla="*/ 207061 w 241745"/>
                  <a:gd name="connsiteY15" fmla="*/ 217239 h 403348"/>
                  <a:gd name="connsiteX16" fmla="*/ 191572 w 241745"/>
                  <a:gd name="connsiteY16" fmla="*/ 208005 h 403348"/>
                  <a:gd name="connsiteX17" fmla="*/ 191572 w 241745"/>
                  <a:gd name="connsiteY17" fmla="*/ 121185 h 403348"/>
                  <a:gd name="connsiteX18" fmla="*/ 181499 w 241745"/>
                  <a:gd name="connsiteY18" fmla="*/ 111095 h 403348"/>
                  <a:gd name="connsiteX19" fmla="*/ 180739 w 241745"/>
                  <a:gd name="connsiteY19" fmla="*/ 111095 h 403348"/>
                  <a:gd name="connsiteX20" fmla="*/ 170666 w 241745"/>
                  <a:gd name="connsiteY20" fmla="*/ 121185 h 403348"/>
                  <a:gd name="connsiteX21" fmla="*/ 170666 w 241745"/>
                  <a:gd name="connsiteY21" fmla="*/ 392877 h 403348"/>
                  <a:gd name="connsiteX22" fmla="*/ 181119 w 241745"/>
                  <a:gd name="connsiteY22" fmla="*/ 403348 h 403348"/>
                  <a:gd name="connsiteX23" fmla="*/ 181119 w 241745"/>
                  <a:gd name="connsiteY23" fmla="*/ 403348 h 403348"/>
                  <a:gd name="connsiteX24" fmla="*/ 191572 w 241745"/>
                  <a:gd name="connsiteY24" fmla="*/ 392877 h 403348"/>
                  <a:gd name="connsiteX25" fmla="*/ 191572 w 241745"/>
                  <a:gd name="connsiteY25" fmla="*/ 241990 h 403348"/>
                  <a:gd name="connsiteX26" fmla="*/ 241746 w 241745"/>
                  <a:gd name="connsiteY26" fmla="*/ 192392 h 403348"/>
                  <a:gd name="connsiteX27" fmla="*/ 241746 w 241745"/>
                  <a:gd name="connsiteY27" fmla="*/ 70826 h 403348"/>
                  <a:gd name="connsiteX28" fmla="*/ 120873 w 241745"/>
                  <a:gd name="connsiteY28" fmla="*/ 0 h 403348"/>
                  <a:gd name="connsiteX29" fmla="*/ 0 w 241745"/>
                  <a:gd name="connsiteY29" fmla="*/ 70826 h 403348"/>
                  <a:gd name="connsiteX30" fmla="*/ 0 w 241745"/>
                  <a:gd name="connsiteY30" fmla="*/ 192392 h 403348"/>
                  <a:gd name="connsiteX31" fmla="*/ 50174 w 241745"/>
                  <a:gd name="connsiteY31" fmla="*/ 243513 h 403348"/>
                  <a:gd name="connsiteX32" fmla="*/ 50174 w 241745"/>
                  <a:gd name="connsiteY32" fmla="*/ 392877 h 403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241745" h="403348">
                    <a:moveTo>
                      <a:pt x="50269" y="392877"/>
                    </a:moveTo>
                    <a:cubicBezTo>
                      <a:pt x="50269" y="398684"/>
                      <a:pt x="54925" y="403348"/>
                      <a:pt x="60722" y="403348"/>
                    </a:cubicBezTo>
                    <a:lnTo>
                      <a:pt x="60722" y="403348"/>
                    </a:lnTo>
                    <a:cubicBezTo>
                      <a:pt x="66518" y="403348"/>
                      <a:pt x="71174" y="398684"/>
                      <a:pt x="71174" y="392877"/>
                    </a:cubicBezTo>
                    <a:lnTo>
                      <a:pt x="71174" y="121185"/>
                    </a:lnTo>
                    <a:cubicBezTo>
                      <a:pt x="71174" y="115569"/>
                      <a:pt x="66613" y="111095"/>
                      <a:pt x="61102" y="111095"/>
                    </a:cubicBezTo>
                    <a:lnTo>
                      <a:pt x="60341" y="111095"/>
                    </a:lnTo>
                    <a:cubicBezTo>
                      <a:pt x="54735" y="111095"/>
                      <a:pt x="50269" y="115664"/>
                      <a:pt x="50269" y="121185"/>
                    </a:cubicBezTo>
                    <a:lnTo>
                      <a:pt x="50269" y="210765"/>
                    </a:lnTo>
                    <a:cubicBezTo>
                      <a:pt x="50269" y="218191"/>
                      <a:pt x="42667" y="223426"/>
                      <a:pt x="35825" y="220475"/>
                    </a:cubicBezTo>
                    <a:cubicBezTo>
                      <a:pt x="22901" y="214954"/>
                      <a:pt x="21001" y="203626"/>
                      <a:pt x="21001" y="192297"/>
                    </a:cubicBezTo>
                    <a:lnTo>
                      <a:pt x="21001" y="70731"/>
                    </a:lnTo>
                    <a:cubicBezTo>
                      <a:pt x="21001" y="40268"/>
                      <a:pt x="86664" y="20848"/>
                      <a:pt x="120968" y="20848"/>
                    </a:cubicBezTo>
                    <a:cubicBezTo>
                      <a:pt x="155272" y="20848"/>
                      <a:pt x="220935" y="40268"/>
                      <a:pt x="220935" y="70731"/>
                    </a:cubicBezTo>
                    <a:lnTo>
                      <a:pt x="220935" y="192297"/>
                    </a:lnTo>
                    <a:cubicBezTo>
                      <a:pt x="220935" y="202483"/>
                      <a:pt x="216564" y="211908"/>
                      <a:pt x="207061" y="217239"/>
                    </a:cubicBezTo>
                    <a:cubicBezTo>
                      <a:pt x="200124" y="221142"/>
                      <a:pt x="191572" y="215906"/>
                      <a:pt x="191572" y="208005"/>
                    </a:cubicBezTo>
                    <a:lnTo>
                      <a:pt x="191572" y="121185"/>
                    </a:lnTo>
                    <a:cubicBezTo>
                      <a:pt x="191572" y="115569"/>
                      <a:pt x="187011" y="111095"/>
                      <a:pt x="181499" y="111095"/>
                    </a:cubicBezTo>
                    <a:lnTo>
                      <a:pt x="180739" y="111095"/>
                    </a:lnTo>
                    <a:cubicBezTo>
                      <a:pt x="175133" y="111095"/>
                      <a:pt x="170666" y="115664"/>
                      <a:pt x="170666" y="121185"/>
                    </a:cubicBezTo>
                    <a:lnTo>
                      <a:pt x="170666" y="392877"/>
                    </a:lnTo>
                    <a:cubicBezTo>
                      <a:pt x="170666" y="398684"/>
                      <a:pt x="175323" y="403348"/>
                      <a:pt x="181119" y="403348"/>
                    </a:cubicBezTo>
                    <a:lnTo>
                      <a:pt x="181119" y="403348"/>
                    </a:lnTo>
                    <a:cubicBezTo>
                      <a:pt x="186916" y="403348"/>
                      <a:pt x="191572" y="398684"/>
                      <a:pt x="191572" y="392877"/>
                    </a:cubicBezTo>
                    <a:lnTo>
                      <a:pt x="191572" y="241990"/>
                    </a:lnTo>
                    <a:cubicBezTo>
                      <a:pt x="223596" y="242085"/>
                      <a:pt x="241746" y="217429"/>
                      <a:pt x="241746" y="192392"/>
                    </a:cubicBezTo>
                    <a:lnTo>
                      <a:pt x="241746" y="70826"/>
                    </a:lnTo>
                    <a:cubicBezTo>
                      <a:pt x="241746" y="23704"/>
                      <a:pt x="164205" y="0"/>
                      <a:pt x="120873" y="0"/>
                    </a:cubicBezTo>
                    <a:cubicBezTo>
                      <a:pt x="77541" y="0"/>
                      <a:pt x="0" y="23704"/>
                      <a:pt x="0" y="70826"/>
                    </a:cubicBezTo>
                    <a:lnTo>
                      <a:pt x="0" y="192392"/>
                    </a:lnTo>
                    <a:cubicBezTo>
                      <a:pt x="0" y="217429"/>
                      <a:pt x="16439" y="243703"/>
                      <a:pt x="50174" y="243513"/>
                    </a:cubicBezTo>
                    <a:lnTo>
                      <a:pt x="50174" y="392877"/>
                    </a:lnTo>
                    <a:close/>
                  </a:path>
                </a:pathLst>
              </a:custGeom>
              <a:solidFill>
                <a:srgbClr val="265A9A"/>
              </a:solidFill>
              <a:ln w="0" cap="flat">
                <a:noFill/>
                <a:prstDash val="solid"/>
                <a:miter/>
              </a:ln>
            </p:spPr>
            <p:txBody>
              <a:bodyPr rtlCol="0" anchor="ctr"/>
              <a:lstStyle/>
              <a:p>
                <a:endParaRPr lang="en-US"/>
              </a:p>
            </p:txBody>
          </p:sp>
          <p:sp>
            <p:nvSpPr>
              <p:cNvPr id="76" name="Freeform 26">
                <a:extLst>
                  <a:ext uri="{FF2B5EF4-FFF2-40B4-BE49-F238E27FC236}">
                    <a16:creationId xmlns:a16="http://schemas.microsoft.com/office/drawing/2014/main" id="{8891AF11-0715-2417-317F-0B2E98402902}"/>
                  </a:ext>
                </a:extLst>
              </p:cNvPr>
              <p:cNvSpPr/>
              <p:nvPr/>
            </p:nvSpPr>
            <p:spPr>
              <a:xfrm>
                <a:off x="-266759" y="714232"/>
                <a:ext cx="20905" cy="181539"/>
              </a:xfrm>
              <a:custGeom>
                <a:avLst/>
                <a:gdLst>
                  <a:gd name="connsiteX0" fmla="*/ 20906 w 20905"/>
                  <a:gd name="connsiteY0" fmla="*/ 10091 h 181539"/>
                  <a:gd name="connsiteX1" fmla="*/ 10833 w 20905"/>
                  <a:gd name="connsiteY1" fmla="*/ 0 h 181539"/>
                  <a:gd name="connsiteX2" fmla="*/ 10073 w 20905"/>
                  <a:gd name="connsiteY2" fmla="*/ 0 h 181539"/>
                  <a:gd name="connsiteX3" fmla="*/ 0 w 20905"/>
                  <a:gd name="connsiteY3" fmla="*/ 10091 h 181539"/>
                  <a:gd name="connsiteX4" fmla="*/ 0 w 20905"/>
                  <a:gd name="connsiteY4" fmla="*/ 171068 h 181539"/>
                  <a:gd name="connsiteX5" fmla="*/ 10453 w 20905"/>
                  <a:gd name="connsiteY5" fmla="*/ 181540 h 181539"/>
                  <a:gd name="connsiteX6" fmla="*/ 10453 w 20905"/>
                  <a:gd name="connsiteY6" fmla="*/ 181540 h 181539"/>
                  <a:gd name="connsiteX7" fmla="*/ 20906 w 20905"/>
                  <a:gd name="connsiteY7" fmla="*/ 171068 h 181539"/>
                  <a:gd name="connsiteX8" fmla="*/ 20906 w 20905"/>
                  <a:gd name="connsiteY8" fmla="*/ 10091 h 1815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905" h="181539">
                    <a:moveTo>
                      <a:pt x="20906" y="10091"/>
                    </a:moveTo>
                    <a:cubicBezTo>
                      <a:pt x="20906" y="4474"/>
                      <a:pt x="16344" y="0"/>
                      <a:pt x="10833" y="0"/>
                    </a:cubicBezTo>
                    <a:lnTo>
                      <a:pt x="10073" y="0"/>
                    </a:lnTo>
                    <a:cubicBezTo>
                      <a:pt x="4466" y="0"/>
                      <a:pt x="0" y="4569"/>
                      <a:pt x="0" y="10091"/>
                    </a:cubicBezTo>
                    <a:lnTo>
                      <a:pt x="0" y="171068"/>
                    </a:lnTo>
                    <a:cubicBezTo>
                      <a:pt x="0" y="176875"/>
                      <a:pt x="4656" y="181540"/>
                      <a:pt x="10453" y="181540"/>
                    </a:cubicBezTo>
                    <a:lnTo>
                      <a:pt x="10453" y="181540"/>
                    </a:lnTo>
                    <a:cubicBezTo>
                      <a:pt x="16249" y="181540"/>
                      <a:pt x="20906" y="176875"/>
                      <a:pt x="20906" y="171068"/>
                    </a:cubicBezTo>
                    <a:lnTo>
                      <a:pt x="20906" y="10091"/>
                    </a:lnTo>
                    <a:close/>
                  </a:path>
                </a:pathLst>
              </a:custGeom>
              <a:solidFill>
                <a:srgbClr val="265A9A"/>
              </a:solidFill>
              <a:ln w="0" cap="flat">
                <a:noFill/>
                <a:prstDash val="solid"/>
                <a:miter/>
              </a:ln>
            </p:spPr>
            <p:txBody>
              <a:bodyPr rtlCol="0" anchor="ctr"/>
              <a:lstStyle/>
              <a:p>
                <a:endParaRPr lang="en-US"/>
              </a:p>
            </p:txBody>
          </p:sp>
          <p:sp>
            <p:nvSpPr>
              <p:cNvPr id="77" name="Freeform 27">
                <a:extLst>
                  <a:ext uri="{FF2B5EF4-FFF2-40B4-BE49-F238E27FC236}">
                    <a16:creationId xmlns:a16="http://schemas.microsoft.com/office/drawing/2014/main" id="{54DAC9A7-775F-88AE-6215-4749DDBA4F34}"/>
                  </a:ext>
                </a:extLst>
              </p:cNvPr>
              <p:cNvSpPr/>
              <p:nvPr/>
            </p:nvSpPr>
            <p:spPr>
              <a:xfrm>
                <a:off x="-316314" y="352864"/>
                <a:ext cx="119958" cy="121948"/>
              </a:xfrm>
              <a:custGeom>
                <a:avLst/>
                <a:gdLst>
                  <a:gd name="connsiteX0" fmla="*/ 63334 w 119958"/>
                  <a:gd name="connsiteY0" fmla="*/ 1 h 121948"/>
                  <a:gd name="connsiteX1" fmla="*/ 59152 w 119958"/>
                  <a:gd name="connsiteY1" fmla="*/ 121948 h 121948"/>
                  <a:gd name="connsiteX2" fmla="*/ 60768 w 119958"/>
                  <a:gd name="connsiteY2" fmla="*/ 121948 h 121948"/>
                  <a:gd name="connsiteX3" fmla="*/ 63334 w 119958"/>
                  <a:gd name="connsiteY3" fmla="*/ 1 h 121948"/>
                  <a:gd name="connsiteX4" fmla="*/ 20667 w 119958"/>
                  <a:gd name="connsiteY4" fmla="*/ 53597 h 121948"/>
                  <a:gd name="connsiteX5" fmla="*/ 20952 w 119958"/>
                  <a:gd name="connsiteY5" fmla="*/ 51884 h 121948"/>
                  <a:gd name="connsiteX6" fmla="*/ 99538 w 119958"/>
                  <a:gd name="connsiteY6" fmla="*/ 63402 h 121948"/>
                  <a:gd name="connsiteX7" fmla="*/ 20667 w 119958"/>
                  <a:gd name="connsiteY7" fmla="*/ 53597 h 1219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9958" h="121948">
                    <a:moveTo>
                      <a:pt x="63334" y="1"/>
                    </a:moveTo>
                    <a:cubicBezTo>
                      <a:pt x="-19339" y="-475"/>
                      <a:pt x="-21429" y="117474"/>
                      <a:pt x="59152" y="121948"/>
                    </a:cubicBezTo>
                    <a:lnTo>
                      <a:pt x="60768" y="121948"/>
                    </a:lnTo>
                    <a:cubicBezTo>
                      <a:pt x="139829" y="117093"/>
                      <a:pt x="138689" y="6189"/>
                      <a:pt x="63334" y="1"/>
                    </a:cubicBezTo>
                    <a:close/>
                    <a:moveTo>
                      <a:pt x="20667" y="53597"/>
                    </a:moveTo>
                    <a:lnTo>
                      <a:pt x="20952" y="51884"/>
                    </a:lnTo>
                    <a:cubicBezTo>
                      <a:pt x="34161" y="-1331"/>
                      <a:pt x="101629" y="13519"/>
                      <a:pt x="99538" y="63402"/>
                    </a:cubicBezTo>
                    <a:cubicBezTo>
                      <a:pt x="91081" y="125851"/>
                      <a:pt x="13540" y="108716"/>
                      <a:pt x="20667" y="53597"/>
                    </a:cubicBezTo>
                    <a:close/>
                  </a:path>
                </a:pathLst>
              </a:custGeom>
              <a:solidFill>
                <a:srgbClr val="265A9A"/>
              </a:solidFill>
              <a:ln w="0" cap="flat">
                <a:noFill/>
                <a:prstDash val="solid"/>
                <a:miter/>
              </a:ln>
            </p:spPr>
            <p:txBody>
              <a:bodyPr rtlCol="0" anchor="ctr"/>
              <a:lstStyle/>
              <a:p>
                <a:endParaRPr lang="en-US"/>
              </a:p>
            </p:txBody>
          </p:sp>
          <p:sp>
            <p:nvSpPr>
              <p:cNvPr id="78" name="Freeform 28">
                <a:extLst>
                  <a:ext uri="{FF2B5EF4-FFF2-40B4-BE49-F238E27FC236}">
                    <a16:creationId xmlns:a16="http://schemas.microsoft.com/office/drawing/2014/main" id="{AC314DE4-8080-7DED-3539-D63AF6F339D9}"/>
                  </a:ext>
                </a:extLst>
              </p:cNvPr>
              <p:cNvSpPr/>
              <p:nvPr/>
            </p:nvSpPr>
            <p:spPr>
              <a:xfrm>
                <a:off x="-145600" y="387040"/>
                <a:ext cx="119958" cy="122043"/>
              </a:xfrm>
              <a:custGeom>
                <a:avLst/>
                <a:gdLst>
                  <a:gd name="connsiteX0" fmla="*/ 63286 w 119958"/>
                  <a:gd name="connsiteY0" fmla="*/ 1 h 122043"/>
                  <a:gd name="connsiteX1" fmla="*/ 59200 w 119958"/>
                  <a:gd name="connsiteY1" fmla="*/ 122043 h 122043"/>
                  <a:gd name="connsiteX2" fmla="*/ 60815 w 119958"/>
                  <a:gd name="connsiteY2" fmla="*/ 122043 h 122043"/>
                  <a:gd name="connsiteX3" fmla="*/ 63286 w 119958"/>
                  <a:gd name="connsiteY3" fmla="*/ 1 h 122043"/>
                  <a:gd name="connsiteX4" fmla="*/ 20619 w 119958"/>
                  <a:gd name="connsiteY4" fmla="*/ 53692 h 122043"/>
                  <a:gd name="connsiteX5" fmla="*/ 21000 w 119958"/>
                  <a:gd name="connsiteY5" fmla="*/ 51978 h 122043"/>
                  <a:gd name="connsiteX6" fmla="*/ 99491 w 119958"/>
                  <a:gd name="connsiteY6" fmla="*/ 63402 h 122043"/>
                  <a:gd name="connsiteX7" fmla="*/ 20619 w 119958"/>
                  <a:gd name="connsiteY7" fmla="*/ 53692 h 1220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9958" h="122043">
                    <a:moveTo>
                      <a:pt x="63286" y="1"/>
                    </a:moveTo>
                    <a:cubicBezTo>
                      <a:pt x="-19291" y="-380"/>
                      <a:pt x="-21477" y="117474"/>
                      <a:pt x="59200" y="122043"/>
                    </a:cubicBezTo>
                    <a:lnTo>
                      <a:pt x="60815" y="122043"/>
                    </a:lnTo>
                    <a:cubicBezTo>
                      <a:pt x="139782" y="117093"/>
                      <a:pt x="138737" y="6189"/>
                      <a:pt x="63286" y="1"/>
                    </a:cubicBezTo>
                    <a:close/>
                    <a:moveTo>
                      <a:pt x="20619" y="53692"/>
                    </a:moveTo>
                    <a:lnTo>
                      <a:pt x="21000" y="51978"/>
                    </a:lnTo>
                    <a:cubicBezTo>
                      <a:pt x="34208" y="-1237"/>
                      <a:pt x="101677" y="13424"/>
                      <a:pt x="99491" y="63402"/>
                    </a:cubicBezTo>
                    <a:cubicBezTo>
                      <a:pt x="91224" y="125851"/>
                      <a:pt x="13493" y="108811"/>
                      <a:pt x="20619" y="53692"/>
                    </a:cubicBezTo>
                    <a:close/>
                  </a:path>
                </a:pathLst>
              </a:custGeom>
              <a:solidFill>
                <a:srgbClr val="265A9A"/>
              </a:solidFill>
              <a:ln w="0" cap="flat">
                <a:noFill/>
                <a:prstDash val="solid"/>
                <a:miter/>
              </a:ln>
            </p:spPr>
            <p:txBody>
              <a:bodyPr rtlCol="0" anchor="ctr"/>
              <a:lstStyle/>
              <a:p>
                <a:endParaRPr lang="en-US"/>
              </a:p>
            </p:txBody>
          </p:sp>
          <p:sp>
            <p:nvSpPr>
              <p:cNvPr id="79" name="Freeform 29">
                <a:extLst>
                  <a:ext uri="{FF2B5EF4-FFF2-40B4-BE49-F238E27FC236}">
                    <a16:creationId xmlns:a16="http://schemas.microsoft.com/office/drawing/2014/main" id="{82FAFDF8-4665-46E4-D553-68FD610F17AC}"/>
                  </a:ext>
                </a:extLst>
              </p:cNvPr>
              <p:cNvSpPr/>
              <p:nvPr/>
            </p:nvSpPr>
            <p:spPr>
              <a:xfrm>
                <a:off x="5052" y="421977"/>
                <a:ext cx="119922" cy="121948"/>
              </a:xfrm>
              <a:custGeom>
                <a:avLst/>
                <a:gdLst>
                  <a:gd name="connsiteX0" fmla="*/ 63250 w 119922"/>
                  <a:gd name="connsiteY0" fmla="*/ 1 h 121948"/>
                  <a:gd name="connsiteX1" fmla="*/ 59164 w 119922"/>
                  <a:gd name="connsiteY1" fmla="*/ 121948 h 121948"/>
                  <a:gd name="connsiteX2" fmla="*/ 60779 w 119922"/>
                  <a:gd name="connsiteY2" fmla="*/ 121948 h 121948"/>
                  <a:gd name="connsiteX3" fmla="*/ 63250 w 119922"/>
                  <a:gd name="connsiteY3" fmla="*/ 1 h 121948"/>
                  <a:gd name="connsiteX4" fmla="*/ 98029 w 119922"/>
                  <a:gd name="connsiteY4" fmla="*/ 72160 h 121948"/>
                  <a:gd name="connsiteX5" fmla="*/ 20583 w 119922"/>
                  <a:gd name="connsiteY5" fmla="*/ 53597 h 121948"/>
                  <a:gd name="connsiteX6" fmla="*/ 20868 w 119922"/>
                  <a:gd name="connsiteY6" fmla="*/ 51884 h 121948"/>
                  <a:gd name="connsiteX7" fmla="*/ 98029 w 119922"/>
                  <a:gd name="connsiteY7" fmla="*/ 72160 h 1219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9922" h="121948">
                    <a:moveTo>
                      <a:pt x="63250" y="1"/>
                    </a:moveTo>
                    <a:cubicBezTo>
                      <a:pt x="-19328" y="-475"/>
                      <a:pt x="-21418" y="117474"/>
                      <a:pt x="59164" y="121948"/>
                    </a:cubicBezTo>
                    <a:lnTo>
                      <a:pt x="60779" y="121948"/>
                    </a:lnTo>
                    <a:cubicBezTo>
                      <a:pt x="139746" y="117093"/>
                      <a:pt x="138700" y="6189"/>
                      <a:pt x="63250" y="1"/>
                    </a:cubicBezTo>
                    <a:close/>
                    <a:moveTo>
                      <a:pt x="98029" y="72160"/>
                    </a:moveTo>
                    <a:cubicBezTo>
                      <a:pt x="80544" y="126708"/>
                      <a:pt x="13171" y="102338"/>
                      <a:pt x="20583" y="53597"/>
                    </a:cubicBezTo>
                    <a:lnTo>
                      <a:pt x="20868" y="51884"/>
                    </a:lnTo>
                    <a:cubicBezTo>
                      <a:pt x="36643" y="-7614"/>
                      <a:pt x="111238" y="19993"/>
                      <a:pt x="98029" y="72160"/>
                    </a:cubicBezTo>
                    <a:close/>
                  </a:path>
                </a:pathLst>
              </a:custGeom>
              <a:solidFill>
                <a:srgbClr val="265A9A"/>
              </a:solidFill>
              <a:ln w="0" cap="flat">
                <a:noFill/>
                <a:prstDash val="solid"/>
                <a:miter/>
              </a:ln>
            </p:spPr>
            <p:txBody>
              <a:bodyPr rtlCol="0" anchor="ctr"/>
              <a:lstStyle/>
              <a:p>
                <a:endParaRPr lang="en-US"/>
              </a:p>
            </p:txBody>
          </p:sp>
        </p:grpSp>
      </p:grpSp>
      <p:sp>
        <p:nvSpPr>
          <p:cNvPr id="3" name="Slide Number Placeholder 2">
            <a:extLst>
              <a:ext uri="{FF2B5EF4-FFF2-40B4-BE49-F238E27FC236}">
                <a16:creationId xmlns:a16="http://schemas.microsoft.com/office/drawing/2014/main" id="{9457A087-1250-370C-8954-3558982B3D4D}"/>
              </a:ext>
            </a:extLst>
          </p:cNvPr>
          <p:cNvSpPr>
            <a:spLocks noGrp="1"/>
          </p:cNvSpPr>
          <p:nvPr>
            <p:ph type="sldNum" sz="quarter" idx="4"/>
          </p:nvPr>
        </p:nvSpPr>
        <p:spPr/>
        <p:txBody>
          <a:bodyPr/>
          <a:lstStyle/>
          <a:p>
            <a:fld id="{3FE8A0A5-0893-3B4E-9EB9-FE67329D76D6}" type="slidenum">
              <a:rPr lang="en-US" smtClean="0"/>
              <a:pPr/>
              <a:t>39</a:t>
            </a:fld>
            <a:endParaRPr lang="en-US"/>
          </a:p>
        </p:txBody>
      </p:sp>
    </p:spTree>
    <p:extLst>
      <p:ext uri="{BB962C8B-B14F-4D97-AF65-F5344CB8AC3E}">
        <p14:creationId xmlns:p14="http://schemas.microsoft.com/office/powerpoint/2010/main" val="40853361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64C542-45B3-36D8-51C6-241D4F2DD3D8}"/>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FB2BD37-90A0-35CD-BB7E-52A3E53CEA6E}"/>
              </a:ext>
            </a:extLst>
          </p:cNvPr>
          <p:cNvSpPr>
            <a:spLocks noGrp="1"/>
          </p:cNvSpPr>
          <p:nvPr>
            <p:ph type="ctrTitle"/>
          </p:nvPr>
        </p:nvSpPr>
        <p:spPr/>
        <p:txBody>
          <a:bodyPr>
            <a:normAutofit fontScale="90000"/>
          </a:bodyPr>
          <a:lstStyle/>
          <a:p>
            <a:r>
              <a:rPr lang="en-US" dirty="0"/>
              <a:t>The National Mental Health and Suicide Prevention Agreement </a:t>
            </a:r>
            <a:br>
              <a:rPr lang="en-US" dirty="0"/>
            </a:br>
            <a:r>
              <a:rPr lang="en-US" dirty="0"/>
              <a:t>aims to achieve significant outcomes</a:t>
            </a:r>
            <a:endParaRPr lang="en-AU" dirty="0"/>
          </a:p>
        </p:txBody>
      </p:sp>
      <p:sp>
        <p:nvSpPr>
          <p:cNvPr id="32" name="Rectangle 31">
            <a:extLst>
              <a:ext uri="{FF2B5EF4-FFF2-40B4-BE49-F238E27FC236}">
                <a16:creationId xmlns:a16="http://schemas.microsoft.com/office/drawing/2014/main" id="{72222F02-077C-B12C-453D-AB53A4D15114}"/>
              </a:ext>
            </a:extLst>
          </p:cNvPr>
          <p:cNvSpPr/>
          <p:nvPr/>
        </p:nvSpPr>
        <p:spPr>
          <a:xfrm>
            <a:off x="569995" y="1373489"/>
            <a:ext cx="9495636" cy="900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08000" rIns="36000" rtlCol="0" anchor="ctr" anchorCtr="0"/>
          <a:lstStyle/>
          <a:p>
            <a:pPr>
              <a:lnSpc>
                <a:spcPts val="1993"/>
              </a:lnSpc>
              <a:spcBef>
                <a:spcPts val="0"/>
              </a:spcBef>
              <a:spcAft>
                <a:spcPts val="1600"/>
              </a:spcAft>
            </a:pPr>
            <a:r>
              <a:rPr lang="en-AU"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Improve the mental health and wellbeing </a:t>
            </a:r>
            <a: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of the Australian population, with a focus on </a:t>
            </a:r>
            <a:b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improving outcomes for priority populations including Aboriginal and Torres Strait Islander people</a:t>
            </a:r>
          </a:p>
        </p:txBody>
      </p:sp>
      <p:sp>
        <p:nvSpPr>
          <p:cNvPr id="33" name="Rectangle 32">
            <a:extLst>
              <a:ext uri="{FF2B5EF4-FFF2-40B4-BE49-F238E27FC236}">
                <a16:creationId xmlns:a16="http://schemas.microsoft.com/office/drawing/2014/main" id="{37D72C79-EFF4-431C-5ACA-4DD6779B72BC}"/>
              </a:ext>
            </a:extLst>
          </p:cNvPr>
          <p:cNvSpPr/>
          <p:nvPr/>
        </p:nvSpPr>
        <p:spPr>
          <a:xfrm>
            <a:off x="10069361" y="1373489"/>
            <a:ext cx="1220465" cy="900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1650" b="1">
              <a:solidFill>
                <a:schemeClr val="bg2"/>
              </a:solidFill>
            </a:endParaRPr>
          </a:p>
        </p:txBody>
      </p:sp>
      <p:grpSp>
        <p:nvGrpSpPr>
          <p:cNvPr id="13" name="Group 12">
            <a:extLst>
              <a:ext uri="{FF2B5EF4-FFF2-40B4-BE49-F238E27FC236}">
                <a16:creationId xmlns:a16="http://schemas.microsoft.com/office/drawing/2014/main" id="{EBFD6D12-23B6-D6F3-1625-2DC6D36FDF0C}"/>
              </a:ext>
            </a:extLst>
          </p:cNvPr>
          <p:cNvGrpSpPr/>
          <p:nvPr/>
        </p:nvGrpSpPr>
        <p:grpSpPr>
          <a:xfrm>
            <a:off x="10412348" y="1612583"/>
            <a:ext cx="536984" cy="536984"/>
            <a:chOff x="10894264" y="1676301"/>
            <a:chExt cx="536984" cy="536984"/>
          </a:xfrm>
        </p:grpSpPr>
        <p:sp>
          <p:nvSpPr>
            <p:cNvPr id="37" name="Freeform: Shape 36">
              <a:extLst>
                <a:ext uri="{FF2B5EF4-FFF2-40B4-BE49-F238E27FC236}">
                  <a16:creationId xmlns:a16="http://schemas.microsoft.com/office/drawing/2014/main" id="{55DEF9A3-FC4F-5A17-6E77-A42481825806}"/>
                </a:ext>
              </a:extLst>
            </p:cNvPr>
            <p:cNvSpPr/>
            <p:nvPr/>
          </p:nvSpPr>
          <p:spPr>
            <a:xfrm>
              <a:off x="10900122" y="1676301"/>
              <a:ext cx="524903" cy="449260"/>
            </a:xfrm>
            <a:custGeom>
              <a:avLst/>
              <a:gdLst>
                <a:gd name="connsiteX0" fmla="*/ 436135 w 439308"/>
                <a:gd name="connsiteY0" fmla="*/ 202139 h 329855"/>
                <a:gd name="connsiteX1" fmla="*/ 418990 w 439308"/>
                <a:gd name="connsiteY1" fmla="*/ 147846 h 329855"/>
                <a:gd name="connsiteX2" fmla="*/ 406608 w 439308"/>
                <a:gd name="connsiteY2" fmla="*/ 139655 h 329855"/>
                <a:gd name="connsiteX3" fmla="*/ 373461 w 439308"/>
                <a:gd name="connsiteY3" fmla="*/ 97840 h 329855"/>
                <a:gd name="connsiteX4" fmla="*/ 362412 w 439308"/>
                <a:gd name="connsiteY4" fmla="*/ 65550 h 329855"/>
                <a:gd name="connsiteX5" fmla="*/ 357935 w 439308"/>
                <a:gd name="connsiteY5" fmla="*/ 43453 h 329855"/>
                <a:gd name="connsiteX6" fmla="*/ 346029 w 439308"/>
                <a:gd name="connsiteY6" fmla="*/ 40690 h 329855"/>
                <a:gd name="connsiteX7" fmla="*/ 336980 w 439308"/>
                <a:gd name="connsiteY7" fmla="*/ 5924 h 329855"/>
                <a:gd name="connsiteX8" fmla="*/ 298213 w 439308"/>
                <a:gd name="connsiteY8" fmla="*/ 75837 h 329855"/>
                <a:gd name="connsiteX9" fmla="*/ 265828 w 439308"/>
                <a:gd name="connsiteY9" fmla="*/ 13258 h 329855"/>
                <a:gd name="connsiteX10" fmla="*/ 255160 w 439308"/>
                <a:gd name="connsiteY10" fmla="*/ 12782 h 329855"/>
                <a:gd name="connsiteX11" fmla="*/ 218203 w 439308"/>
                <a:gd name="connsiteY11" fmla="*/ 18 h 329855"/>
                <a:gd name="connsiteX12" fmla="*/ 195057 w 439308"/>
                <a:gd name="connsiteY12" fmla="*/ 10115 h 329855"/>
                <a:gd name="connsiteX13" fmla="*/ 178198 w 439308"/>
                <a:gd name="connsiteY13" fmla="*/ 31832 h 329855"/>
                <a:gd name="connsiteX14" fmla="*/ 182103 w 439308"/>
                <a:gd name="connsiteY14" fmla="*/ 44405 h 329855"/>
                <a:gd name="connsiteX15" fmla="*/ 136860 w 439308"/>
                <a:gd name="connsiteY15" fmla="*/ 34880 h 329855"/>
                <a:gd name="connsiteX16" fmla="*/ 128954 w 439308"/>
                <a:gd name="connsiteY16" fmla="*/ 41452 h 329855"/>
                <a:gd name="connsiteX17" fmla="*/ 119429 w 439308"/>
                <a:gd name="connsiteY17" fmla="*/ 56216 h 329855"/>
                <a:gd name="connsiteX18" fmla="*/ 110475 w 439308"/>
                <a:gd name="connsiteY18" fmla="*/ 63645 h 329855"/>
                <a:gd name="connsiteX19" fmla="*/ 102570 w 439308"/>
                <a:gd name="connsiteY19" fmla="*/ 59359 h 329855"/>
                <a:gd name="connsiteX20" fmla="*/ 76757 w 439308"/>
                <a:gd name="connsiteY20" fmla="*/ 97459 h 329855"/>
                <a:gd name="connsiteX21" fmla="*/ 10082 w 439308"/>
                <a:gd name="connsiteY21" fmla="*/ 126034 h 329855"/>
                <a:gd name="connsiteX22" fmla="*/ 557 w 439308"/>
                <a:gd name="connsiteY22" fmla="*/ 130130 h 329855"/>
                <a:gd name="connsiteX23" fmla="*/ 5891 w 439308"/>
                <a:gd name="connsiteY23" fmla="*/ 173183 h 329855"/>
                <a:gd name="connsiteX24" fmla="*/ 14178 w 439308"/>
                <a:gd name="connsiteY24" fmla="*/ 204901 h 329855"/>
                <a:gd name="connsiteX25" fmla="*/ 33228 w 439308"/>
                <a:gd name="connsiteY25" fmla="*/ 262051 h 329855"/>
                <a:gd name="connsiteX26" fmla="*/ 48849 w 439308"/>
                <a:gd name="connsiteY26" fmla="*/ 279482 h 329855"/>
                <a:gd name="connsiteX27" fmla="*/ 112761 w 439308"/>
                <a:gd name="connsiteY27" fmla="*/ 267099 h 329855"/>
                <a:gd name="connsiteX28" fmla="*/ 238301 w 439308"/>
                <a:gd name="connsiteY28" fmla="*/ 272910 h 329855"/>
                <a:gd name="connsiteX29" fmla="*/ 263256 w 439308"/>
                <a:gd name="connsiteY29" fmla="*/ 254812 h 329855"/>
                <a:gd name="connsiteX30" fmla="*/ 255065 w 439308"/>
                <a:gd name="connsiteY30" fmla="*/ 282435 h 329855"/>
                <a:gd name="connsiteX31" fmla="*/ 269829 w 439308"/>
                <a:gd name="connsiteY31" fmla="*/ 278720 h 329855"/>
                <a:gd name="connsiteX32" fmla="*/ 283354 w 439308"/>
                <a:gd name="connsiteY32" fmla="*/ 308533 h 329855"/>
                <a:gd name="connsiteX33" fmla="*/ 335551 w 439308"/>
                <a:gd name="connsiteY33" fmla="*/ 325202 h 329855"/>
                <a:gd name="connsiteX34" fmla="*/ 374318 w 439308"/>
                <a:gd name="connsiteY34" fmla="*/ 320439 h 329855"/>
                <a:gd name="connsiteX35" fmla="*/ 436135 w 439308"/>
                <a:gd name="connsiteY35" fmla="*/ 202139 h 3298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439308" h="329855">
                  <a:moveTo>
                    <a:pt x="436135" y="202139"/>
                  </a:moveTo>
                  <a:cubicBezTo>
                    <a:pt x="448041" y="178707"/>
                    <a:pt x="422895" y="165182"/>
                    <a:pt x="418990" y="147846"/>
                  </a:cubicBezTo>
                  <a:cubicBezTo>
                    <a:pt x="422514" y="138321"/>
                    <a:pt x="409465" y="140417"/>
                    <a:pt x="406608" y="139655"/>
                  </a:cubicBezTo>
                  <a:cubicBezTo>
                    <a:pt x="404988" y="118224"/>
                    <a:pt x="390605" y="106889"/>
                    <a:pt x="373461" y="97840"/>
                  </a:cubicBezTo>
                  <a:cubicBezTo>
                    <a:pt x="369079" y="87363"/>
                    <a:pt x="374413" y="72218"/>
                    <a:pt x="362412" y="65550"/>
                  </a:cubicBezTo>
                  <a:cubicBezTo>
                    <a:pt x="361840" y="57740"/>
                    <a:pt x="365936" y="48310"/>
                    <a:pt x="357935" y="43453"/>
                  </a:cubicBezTo>
                  <a:cubicBezTo>
                    <a:pt x="355363" y="35261"/>
                    <a:pt x="350981" y="39738"/>
                    <a:pt x="346029" y="40690"/>
                  </a:cubicBezTo>
                  <a:cubicBezTo>
                    <a:pt x="342980" y="27831"/>
                    <a:pt x="344028" y="17735"/>
                    <a:pt x="336980" y="5924"/>
                  </a:cubicBezTo>
                  <a:cubicBezTo>
                    <a:pt x="314025" y="-27604"/>
                    <a:pt x="329264" y="92887"/>
                    <a:pt x="298213" y="75837"/>
                  </a:cubicBezTo>
                  <a:cubicBezTo>
                    <a:pt x="268400" y="49929"/>
                    <a:pt x="229538" y="53549"/>
                    <a:pt x="265828" y="13258"/>
                  </a:cubicBezTo>
                  <a:cubicBezTo>
                    <a:pt x="265828" y="5448"/>
                    <a:pt x="258494" y="10115"/>
                    <a:pt x="255160" y="12782"/>
                  </a:cubicBezTo>
                  <a:cubicBezTo>
                    <a:pt x="245635" y="4305"/>
                    <a:pt x="227538" y="8496"/>
                    <a:pt x="218203" y="18"/>
                  </a:cubicBezTo>
                  <a:cubicBezTo>
                    <a:pt x="214203" y="12591"/>
                    <a:pt x="205630" y="7448"/>
                    <a:pt x="195057" y="10115"/>
                  </a:cubicBezTo>
                  <a:cubicBezTo>
                    <a:pt x="185532" y="14782"/>
                    <a:pt x="186104" y="26022"/>
                    <a:pt x="178198" y="31832"/>
                  </a:cubicBezTo>
                  <a:cubicBezTo>
                    <a:pt x="175531" y="36880"/>
                    <a:pt x="184294" y="39166"/>
                    <a:pt x="182103" y="44405"/>
                  </a:cubicBezTo>
                  <a:cubicBezTo>
                    <a:pt x="163053" y="49644"/>
                    <a:pt x="150004" y="10877"/>
                    <a:pt x="136860" y="34880"/>
                  </a:cubicBezTo>
                  <a:cubicBezTo>
                    <a:pt x="131049" y="34213"/>
                    <a:pt x="127335" y="36595"/>
                    <a:pt x="128954" y="41452"/>
                  </a:cubicBezTo>
                  <a:cubicBezTo>
                    <a:pt x="120477" y="42309"/>
                    <a:pt x="119429" y="48977"/>
                    <a:pt x="119429" y="56216"/>
                  </a:cubicBezTo>
                  <a:cubicBezTo>
                    <a:pt x="114762" y="58692"/>
                    <a:pt x="104379" y="53549"/>
                    <a:pt x="110475" y="63645"/>
                  </a:cubicBezTo>
                  <a:cubicBezTo>
                    <a:pt x="110475" y="73170"/>
                    <a:pt x="105046" y="61169"/>
                    <a:pt x="102570" y="59359"/>
                  </a:cubicBezTo>
                  <a:cubicBezTo>
                    <a:pt x="91997" y="71170"/>
                    <a:pt x="94283" y="90030"/>
                    <a:pt x="76757" y="97459"/>
                  </a:cubicBezTo>
                  <a:cubicBezTo>
                    <a:pt x="54849" y="104412"/>
                    <a:pt x="25322" y="106413"/>
                    <a:pt x="10082" y="126034"/>
                  </a:cubicBezTo>
                  <a:cubicBezTo>
                    <a:pt x="3795" y="120605"/>
                    <a:pt x="1509" y="120891"/>
                    <a:pt x="557" y="130130"/>
                  </a:cubicBezTo>
                  <a:cubicBezTo>
                    <a:pt x="-1034" y="144703"/>
                    <a:pt x="795" y="159438"/>
                    <a:pt x="5891" y="173183"/>
                  </a:cubicBezTo>
                  <a:cubicBezTo>
                    <a:pt x="-9063" y="170135"/>
                    <a:pt x="16083" y="196233"/>
                    <a:pt x="14178" y="204901"/>
                  </a:cubicBezTo>
                  <a:cubicBezTo>
                    <a:pt x="23703" y="220713"/>
                    <a:pt x="36942" y="243478"/>
                    <a:pt x="33228" y="262051"/>
                  </a:cubicBezTo>
                  <a:cubicBezTo>
                    <a:pt x="19035" y="270052"/>
                    <a:pt x="41705" y="277291"/>
                    <a:pt x="48849" y="279482"/>
                  </a:cubicBezTo>
                  <a:cubicBezTo>
                    <a:pt x="73995" y="278529"/>
                    <a:pt x="85425" y="258622"/>
                    <a:pt x="112761" y="267099"/>
                  </a:cubicBezTo>
                  <a:cubicBezTo>
                    <a:pt x="143622" y="238524"/>
                    <a:pt x="218203" y="221189"/>
                    <a:pt x="238301" y="272910"/>
                  </a:cubicBezTo>
                  <a:cubicBezTo>
                    <a:pt x="243635" y="280625"/>
                    <a:pt x="261828" y="263385"/>
                    <a:pt x="263256" y="254812"/>
                  </a:cubicBezTo>
                  <a:cubicBezTo>
                    <a:pt x="270591" y="263670"/>
                    <a:pt x="256589" y="273862"/>
                    <a:pt x="255065" y="282435"/>
                  </a:cubicBezTo>
                  <a:cubicBezTo>
                    <a:pt x="260113" y="291960"/>
                    <a:pt x="264018" y="271195"/>
                    <a:pt x="269829" y="278720"/>
                  </a:cubicBezTo>
                  <a:cubicBezTo>
                    <a:pt x="266019" y="294722"/>
                    <a:pt x="286688" y="286245"/>
                    <a:pt x="283354" y="308533"/>
                  </a:cubicBezTo>
                  <a:cubicBezTo>
                    <a:pt x="295070" y="328917"/>
                    <a:pt x="318311" y="322630"/>
                    <a:pt x="335551" y="325202"/>
                  </a:cubicBezTo>
                  <a:cubicBezTo>
                    <a:pt x="349553" y="338918"/>
                    <a:pt x="358983" y="317677"/>
                    <a:pt x="374318" y="320439"/>
                  </a:cubicBezTo>
                  <a:cubicBezTo>
                    <a:pt x="395178" y="293198"/>
                    <a:pt x="443660" y="239763"/>
                    <a:pt x="436135" y="202139"/>
                  </a:cubicBezTo>
                  <a:close/>
                </a:path>
              </a:pathLst>
            </a:custGeom>
            <a:solidFill>
              <a:srgbClr val="C7E4F1"/>
            </a:solidFill>
            <a:ln w="9525" cap="flat">
              <a:noFill/>
              <a:prstDash val="solid"/>
              <a:miter/>
            </a:ln>
          </p:spPr>
          <p:txBody>
            <a:bodyPr rtlCol="0" anchor="ctr"/>
            <a:lstStyle/>
            <a:p>
              <a:endParaRPr lang="en-AU" sz="1650"/>
            </a:p>
          </p:txBody>
        </p:sp>
        <p:sp>
          <p:nvSpPr>
            <p:cNvPr id="38" name="Freeform: Shape 37">
              <a:extLst>
                <a:ext uri="{FF2B5EF4-FFF2-40B4-BE49-F238E27FC236}">
                  <a16:creationId xmlns:a16="http://schemas.microsoft.com/office/drawing/2014/main" id="{2F94CAB9-9A70-1816-96C9-0D6A96FD6AA1}"/>
                </a:ext>
              </a:extLst>
            </p:cNvPr>
            <p:cNvSpPr/>
            <p:nvPr/>
          </p:nvSpPr>
          <p:spPr>
            <a:xfrm>
              <a:off x="11290464" y="2157464"/>
              <a:ext cx="42413" cy="40846"/>
            </a:xfrm>
            <a:custGeom>
              <a:avLst/>
              <a:gdLst>
                <a:gd name="connsiteX0" fmla="*/ 34579 w 35497"/>
                <a:gd name="connsiteY0" fmla="*/ 974 h 29990"/>
                <a:gd name="connsiteX1" fmla="*/ 5337 w 35497"/>
                <a:gd name="connsiteY1" fmla="*/ 13071 h 29990"/>
                <a:gd name="connsiteX2" fmla="*/ 34579 w 35497"/>
                <a:gd name="connsiteY2" fmla="*/ 974 h 29990"/>
              </a:gdLst>
              <a:ahLst/>
              <a:cxnLst>
                <a:cxn ang="0">
                  <a:pos x="connsiteX0" y="connsiteY0"/>
                </a:cxn>
                <a:cxn ang="0">
                  <a:pos x="connsiteX1" y="connsiteY1"/>
                </a:cxn>
                <a:cxn ang="0">
                  <a:pos x="connsiteX2" y="connsiteY2"/>
                </a:cxn>
              </a:cxnLst>
              <a:rect l="l" t="t" r="r" b="b"/>
              <a:pathLst>
                <a:path w="35497" h="29990">
                  <a:moveTo>
                    <a:pt x="34579" y="974"/>
                  </a:moveTo>
                  <a:cubicBezTo>
                    <a:pt x="20863" y="8403"/>
                    <a:pt x="-13046" y="-12266"/>
                    <a:pt x="5337" y="13071"/>
                  </a:cubicBezTo>
                  <a:cubicBezTo>
                    <a:pt x="1813" y="47075"/>
                    <a:pt x="42009" y="22882"/>
                    <a:pt x="34579" y="974"/>
                  </a:cubicBezTo>
                  <a:close/>
                </a:path>
              </a:pathLst>
            </a:custGeom>
            <a:solidFill>
              <a:srgbClr val="C7E4F1"/>
            </a:solidFill>
            <a:ln w="9525" cap="flat">
              <a:noFill/>
              <a:prstDash val="solid"/>
              <a:miter/>
            </a:ln>
          </p:spPr>
          <p:txBody>
            <a:bodyPr rtlCol="0" anchor="ctr"/>
            <a:lstStyle/>
            <a:p>
              <a:endParaRPr lang="en-AU" sz="1650"/>
            </a:p>
          </p:txBody>
        </p:sp>
        <p:sp>
          <p:nvSpPr>
            <p:cNvPr id="39" name="Freeform: Shape 38">
              <a:extLst>
                <a:ext uri="{FF2B5EF4-FFF2-40B4-BE49-F238E27FC236}">
                  <a16:creationId xmlns:a16="http://schemas.microsoft.com/office/drawing/2014/main" id="{A1D24F5A-93D7-A554-E03B-240D37170F3C}"/>
                </a:ext>
              </a:extLst>
            </p:cNvPr>
            <p:cNvSpPr/>
            <p:nvPr/>
          </p:nvSpPr>
          <p:spPr>
            <a:xfrm>
              <a:off x="10894264" y="1676913"/>
              <a:ext cx="536984" cy="464235"/>
            </a:xfrm>
            <a:custGeom>
              <a:avLst/>
              <a:gdLst>
                <a:gd name="connsiteX0" fmla="*/ 351027 w 449419"/>
                <a:gd name="connsiteY0" fmla="*/ 340850 h 340850"/>
                <a:gd name="connsiteX1" fmla="*/ 338930 w 449419"/>
                <a:gd name="connsiteY1" fmla="*/ 335897 h 340850"/>
                <a:gd name="connsiteX2" fmla="*/ 327501 w 449419"/>
                <a:gd name="connsiteY2" fmla="*/ 335326 h 340850"/>
                <a:gd name="connsiteX3" fmla="*/ 284447 w 449419"/>
                <a:gd name="connsiteY3" fmla="*/ 316752 h 340850"/>
                <a:gd name="connsiteX4" fmla="*/ 283685 w 449419"/>
                <a:gd name="connsiteY4" fmla="*/ 313132 h 340850"/>
                <a:gd name="connsiteX5" fmla="*/ 278447 w 449419"/>
                <a:gd name="connsiteY5" fmla="*/ 300845 h 340850"/>
                <a:gd name="connsiteX6" fmla="*/ 270446 w 449419"/>
                <a:gd name="connsiteY6" fmla="*/ 292558 h 340850"/>
                <a:gd name="connsiteX7" fmla="*/ 263207 w 449419"/>
                <a:gd name="connsiteY7" fmla="*/ 295892 h 340850"/>
                <a:gd name="connsiteX8" fmla="*/ 255968 w 449419"/>
                <a:gd name="connsiteY8" fmla="*/ 290463 h 340850"/>
                <a:gd name="connsiteX9" fmla="*/ 255396 w 449419"/>
                <a:gd name="connsiteY9" fmla="*/ 286843 h 340850"/>
                <a:gd name="connsiteX10" fmla="*/ 256444 w 449419"/>
                <a:gd name="connsiteY10" fmla="*/ 283129 h 340850"/>
                <a:gd name="connsiteX11" fmla="*/ 250729 w 449419"/>
                <a:gd name="connsiteY11" fmla="*/ 285510 h 340850"/>
                <a:gd name="connsiteX12" fmla="*/ 239585 w 449419"/>
                <a:gd name="connsiteY12" fmla="*/ 281509 h 340850"/>
                <a:gd name="connsiteX13" fmla="*/ 238918 w 449419"/>
                <a:gd name="connsiteY13" fmla="*/ 280366 h 340850"/>
                <a:gd name="connsiteX14" fmla="*/ 206438 w 449419"/>
                <a:gd name="connsiteY14" fmla="*/ 252554 h 340850"/>
                <a:gd name="connsiteX15" fmla="*/ 122427 w 449419"/>
                <a:gd name="connsiteY15" fmla="*/ 276556 h 340850"/>
                <a:gd name="connsiteX16" fmla="*/ 116998 w 449419"/>
                <a:gd name="connsiteY16" fmla="*/ 277795 h 340850"/>
                <a:gd name="connsiteX17" fmla="*/ 83375 w 449419"/>
                <a:gd name="connsiteY17" fmla="*/ 282367 h 340850"/>
                <a:gd name="connsiteX18" fmla="*/ 54800 w 449419"/>
                <a:gd name="connsiteY18" fmla="*/ 290463 h 340850"/>
                <a:gd name="connsiteX19" fmla="*/ 52990 w 449419"/>
                <a:gd name="connsiteY19" fmla="*/ 290463 h 340850"/>
                <a:gd name="connsiteX20" fmla="*/ 28796 w 449419"/>
                <a:gd name="connsiteY20" fmla="*/ 274080 h 340850"/>
                <a:gd name="connsiteX21" fmla="*/ 33750 w 449419"/>
                <a:gd name="connsiteY21" fmla="*/ 264555 h 340850"/>
                <a:gd name="connsiteX22" fmla="*/ 15271 w 449419"/>
                <a:gd name="connsiteY22" fmla="*/ 214072 h 340850"/>
                <a:gd name="connsiteX23" fmla="*/ 14223 w 449419"/>
                <a:gd name="connsiteY23" fmla="*/ 209405 h 340850"/>
                <a:gd name="connsiteX24" fmla="*/ 7937 w 449419"/>
                <a:gd name="connsiteY24" fmla="*/ 196642 h 340850"/>
                <a:gd name="connsiteX25" fmla="*/ 2508 w 449419"/>
                <a:gd name="connsiteY25" fmla="*/ 176258 h 340850"/>
                <a:gd name="connsiteX26" fmla="*/ 4127 w 449419"/>
                <a:gd name="connsiteY26" fmla="*/ 174639 h 340850"/>
                <a:gd name="connsiteX27" fmla="*/ 602 w 449419"/>
                <a:gd name="connsiteY27" fmla="*/ 135301 h 340850"/>
                <a:gd name="connsiteX28" fmla="*/ 6508 w 449419"/>
                <a:gd name="connsiteY28" fmla="*/ 123204 h 340850"/>
                <a:gd name="connsiteX29" fmla="*/ 14509 w 449419"/>
                <a:gd name="connsiteY29" fmla="*/ 124156 h 340850"/>
                <a:gd name="connsiteX30" fmla="*/ 63182 w 449419"/>
                <a:gd name="connsiteY30" fmla="*/ 102439 h 340850"/>
                <a:gd name="connsiteX31" fmla="*/ 79946 w 449419"/>
                <a:gd name="connsiteY31" fmla="*/ 97963 h 340850"/>
                <a:gd name="connsiteX32" fmla="*/ 93852 w 449419"/>
                <a:gd name="connsiteY32" fmla="*/ 78913 h 340850"/>
                <a:gd name="connsiteX33" fmla="*/ 103377 w 449419"/>
                <a:gd name="connsiteY33" fmla="*/ 61196 h 340850"/>
                <a:gd name="connsiteX34" fmla="*/ 109664 w 449419"/>
                <a:gd name="connsiteY34" fmla="*/ 59767 h 340850"/>
                <a:gd name="connsiteX35" fmla="*/ 118617 w 449419"/>
                <a:gd name="connsiteY35" fmla="*/ 57005 h 340850"/>
                <a:gd name="connsiteX36" fmla="*/ 118617 w 449419"/>
                <a:gd name="connsiteY36" fmla="*/ 57005 h 340850"/>
                <a:gd name="connsiteX37" fmla="*/ 127666 w 449419"/>
                <a:gd name="connsiteY37" fmla="*/ 42813 h 340850"/>
                <a:gd name="connsiteX38" fmla="*/ 129476 w 449419"/>
                <a:gd name="connsiteY38" fmla="*/ 38908 h 340850"/>
                <a:gd name="connsiteX39" fmla="*/ 138239 w 449419"/>
                <a:gd name="connsiteY39" fmla="*/ 34812 h 340850"/>
                <a:gd name="connsiteX40" fmla="*/ 148716 w 449419"/>
                <a:gd name="connsiteY40" fmla="*/ 27001 h 340850"/>
                <a:gd name="connsiteX41" fmla="*/ 168433 w 449419"/>
                <a:gd name="connsiteY41" fmla="*/ 36050 h 340850"/>
                <a:gd name="connsiteX42" fmla="*/ 177482 w 449419"/>
                <a:gd name="connsiteY42" fmla="*/ 42813 h 340850"/>
                <a:gd name="connsiteX43" fmla="*/ 177482 w 449419"/>
                <a:gd name="connsiteY43" fmla="*/ 34431 h 340850"/>
                <a:gd name="connsiteX44" fmla="*/ 179101 w 449419"/>
                <a:gd name="connsiteY44" fmla="*/ 32621 h 340850"/>
                <a:gd name="connsiteX45" fmla="*/ 184626 w 449419"/>
                <a:gd name="connsiteY45" fmla="*/ 24525 h 340850"/>
                <a:gd name="connsiteX46" fmla="*/ 196722 w 449419"/>
                <a:gd name="connsiteY46" fmla="*/ 10333 h 340850"/>
                <a:gd name="connsiteX47" fmla="*/ 197865 w 449419"/>
                <a:gd name="connsiteY47" fmla="*/ 10333 h 340850"/>
                <a:gd name="connsiteX48" fmla="*/ 208057 w 449419"/>
                <a:gd name="connsiteY48" fmla="*/ 9190 h 340850"/>
                <a:gd name="connsiteX49" fmla="*/ 217010 w 449419"/>
                <a:gd name="connsiteY49" fmla="*/ 3951 h 340850"/>
                <a:gd name="connsiteX50" fmla="*/ 220820 w 449419"/>
                <a:gd name="connsiteY50" fmla="*/ 236 h 340850"/>
                <a:gd name="connsiteX51" fmla="*/ 226059 w 449419"/>
                <a:gd name="connsiteY51" fmla="*/ 1474 h 340850"/>
                <a:gd name="connsiteX52" fmla="*/ 241680 w 449419"/>
                <a:gd name="connsiteY52" fmla="*/ 6523 h 340850"/>
                <a:gd name="connsiteX53" fmla="*/ 259301 w 449419"/>
                <a:gd name="connsiteY53" fmla="*/ 11571 h 340850"/>
                <a:gd name="connsiteX54" fmla="*/ 270351 w 449419"/>
                <a:gd name="connsiteY54" fmla="*/ 9666 h 340850"/>
                <a:gd name="connsiteX55" fmla="*/ 275589 w 449419"/>
                <a:gd name="connsiteY55" fmla="*/ 18619 h 340850"/>
                <a:gd name="connsiteX56" fmla="*/ 274160 w 449419"/>
                <a:gd name="connsiteY56" fmla="*/ 22620 h 340850"/>
                <a:gd name="connsiteX57" fmla="*/ 261016 w 449419"/>
                <a:gd name="connsiteY57" fmla="*/ 45671 h 340850"/>
                <a:gd name="connsiteX58" fmla="*/ 278828 w 449419"/>
                <a:gd name="connsiteY58" fmla="*/ 59577 h 340850"/>
                <a:gd name="connsiteX59" fmla="*/ 305593 w 449419"/>
                <a:gd name="connsiteY59" fmla="*/ 76817 h 340850"/>
                <a:gd name="connsiteX60" fmla="*/ 308927 w 449419"/>
                <a:gd name="connsiteY60" fmla="*/ 77293 h 340850"/>
                <a:gd name="connsiteX61" fmla="*/ 319690 w 449419"/>
                <a:gd name="connsiteY61" fmla="*/ 36050 h 340850"/>
                <a:gd name="connsiteX62" fmla="*/ 332263 w 449419"/>
                <a:gd name="connsiteY62" fmla="*/ 236 h 340850"/>
                <a:gd name="connsiteX63" fmla="*/ 345693 w 449419"/>
                <a:gd name="connsiteY63" fmla="*/ 8428 h 340850"/>
                <a:gd name="connsiteX64" fmla="*/ 353694 w 449419"/>
                <a:gd name="connsiteY64" fmla="*/ 33764 h 340850"/>
                <a:gd name="connsiteX65" fmla="*/ 354456 w 449419"/>
                <a:gd name="connsiteY65" fmla="*/ 39098 h 340850"/>
                <a:gd name="connsiteX66" fmla="*/ 361695 w 449419"/>
                <a:gd name="connsiteY66" fmla="*/ 39574 h 340850"/>
                <a:gd name="connsiteX67" fmla="*/ 366839 w 449419"/>
                <a:gd name="connsiteY67" fmla="*/ 45575 h 340850"/>
                <a:gd name="connsiteX68" fmla="*/ 372459 w 449419"/>
                <a:gd name="connsiteY68" fmla="*/ 64625 h 340850"/>
                <a:gd name="connsiteX69" fmla="*/ 372459 w 449419"/>
                <a:gd name="connsiteY69" fmla="*/ 67864 h 340850"/>
                <a:gd name="connsiteX70" fmla="*/ 381317 w 449419"/>
                <a:gd name="connsiteY70" fmla="*/ 90343 h 340850"/>
                <a:gd name="connsiteX71" fmla="*/ 382460 w 449419"/>
                <a:gd name="connsiteY71" fmla="*/ 99296 h 340850"/>
                <a:gd name="connsiteX72" fmla="*/ 416083 w 449419"/>
                <a:gd name="connsiteY72" fmla="*/ 139777 h 340850"/>
                <a:gd name="connsiteX73" fmla="*/ 428085 w 449419"/>
                <a:gd name="connsiteY73" fmla="*/ 144826 h 340850"/>
                <a:gd name="connsiteX74" fmla="*/ 429323 w 449419"/>
                <a:gd name="connsiteY74" fmla="*/ 153303 h 340850"/>
                <a:gd name="connsiteX75" fmla="*/ 437514 w 449419"/>
                <a:gd name="connsiteY75" fmla="*/ 167400 h 340850"/>
                <a:gd name="connsiteX76" fmla="*/ 446468 w 449419"/>
                <a:gd name="connsiteY76" fmla="*/ 208262 h 340850"/>
                <a:gd name="connsiteX77" fmla="*/ 396271 w 449419"/>
                <a:gd name="connsiteY77" fmla="*/ 313513 h 340850"/>
                <a:gd name="connsiteX78" fmla="*/ 384269 w 449419"/>
                <a:gd name="connsiteY78" fmla="*/ 329230 h 340850"/>
                <a:gd name="connsiteX79" fmla="*/ 378745 w 449419"/>
                <a:gd name="connsiteY79" fmla="*/ 331516 h 340850"/>
                <a:gd name="connsiteX80" fmla="*/ 365410 w 449419"/>
                <a:gd name="connsiteY80" fmla="*/ 335707 h 340850"/>
                <a:gd name="connsiteX81" fmla="*/ 351027 w 449419"/>
                <a:gd name="connsiteY81" fmla="*/ 340850 h 340850"/>
                <a:gd name="connsiteX82" fmla="*/ 295020 w 449419"/>
                <a:gd name="connsiteY82" fmla="*/ 312275 h 340850"/>
                <a:gd name="connsiteX83" fmla="*/ 327786 w 449419"/>
                <a:gd name="connsiteY83" fmla="*/ 323705 h 340850"/>
                <a:gd name="connsiteX84" fmla="*/ 342264 w 449419"/>
                <a:gd name="connsiteY84" fmla="*/ 324563 h 340850"/>
                <a:gd name="connsiteX85" fmla="*/ 345312 w 449419"/>
                <a:gd name="connsiteY85" fmla="*/ 326182 h 340850"/>
                <a:gd name="connsiteX86" fmla="*/ 360362 w 449419"/>
                <a:gd name="connsiteY86" fmla="*/ 325420 h 340850"/>
                <a:gd name="connsiteX87" fmla="*/ 377411 w 449419"/>
                <a:gd name="connsiteY87" fmla="*/ 319609 h 340850"/>
                <a:gd name="connsiteX88" fmla="*/ 377411 w 449419"/>
                <a:gd name="connsiteY88" fmla="*/ 319609 h 340850"/>
                <a:gd name="connsiteX89" fmla="*/ 387699 w 449419"/>
                <a:gd name="connsiteY89" fmla="*/ 306084 h 340850"/>
                <a:gd name="connsiteX90" fmla="*/ 435324 w 449419"/>
                <a:gd name="connsiteY90" fmla="*/ 208072 h 340850"/>
                <a:gd name="connsiteX91" fmla="*/ 435324 w 449419"/>
                <a:gd name="connsiteY91" fmla="*/ 204357 h 340850"/>
                <a:gd name="connsiteX92" fmla="*/ 428085 w 449419"/>
                <a:gd name="connsiteY92" fmla="*/ 173401 h 340850"/>
                <a:gd name="connsiteX93" fmla="*/ 417702 w 449419"/>
                <a:gd name="connsiteY93" fmla="*/ 154351 h 340850"/>
                <a:gd name="connsiteX94" fmla="*/ 417702 w 449419"/>
                <a:gd name="connsiteY94" fmla="*/ 151112 h 340850"/>
                <a:gd name="connsiteX95" fmla="*/ 417702 w 449419"/>
                <a:gd name="connsiteY95" fmla="*/ 151112 h 340850"/>
                <a:gd name="connsiteX96" fmla="*/ 413321 w 449419"/>
                <a:gd name="connsiteY96" fmla="*/ 151112 h 340850"/>
                <a:gd name="connsiteX97" fmla="*/ 409320 w 449419"/>
                <a:gd name="connsiteY97" fmla="*/ 151112 h 340850"/>
                <a:gd name="connsiteX98" fmla="*/ 405034 w 449419"/>
                <a:gd name="connsiteY98" fmla="*/ 146064 h 340850"/>
                <a:gd name="connsiteX99" fmla="*/ 374744 w 449419"/>
                <a:gd name="connsiteY99" fmla="*/ 108821 h 340850"/>
                <a:gd name="connsiteX100" fmla="*/ 372173 w 449419"/>
                <a:gd name="connsiteY100" fmla="*/ 106059 h 340850"/>
                <a:gd name="connsiteX101" fmla="*/ 369601 w 449419"/>
                <a:gd name="connsiteY101" fmla="*/ 91771 h 340850"/>
                <a:gd name="connsiteX102" fmla="*/ 363695 w 449419"/>
                <a:gd name="connsiteY102" fmla="*/ 76436 h 340850"/>
                <a:gd name="connsiteX103" fmla="*/ 360838 w 449419"/>
                <a:gd name="connsiteY103" fmla="*/ 71959 h 340850"/>
                <a:gd name="connsiteX104" fmla="*/ 360838 w 449419"/>
                <a:gd name="connsiteY104" fmla="*/ 64339 h 340850"/>
                <a:gd name="connsiteX105" fmla="*/ 358838 w 449419"/>
                <a:gd name="connsiteY105" fmla="*/ 54338 h 340850"/>
                <a:gd name="connsiteX106" fmla="*/ 356361 w 449419"/>
                <a:gd name="connsiteY106" fmla="*/ 51195 h 340850"/>
                <a:gd name="connsiteX107" fmla="*/ 356361 w 449419"/>
                <a:gd name="connsiteY107" fmla="*/ 50528 h 340850"/>
                <a:gd name="connsiteX108" fmla="*/ 355313 w 449419"/>
                <a:gd name="connsiteY108" fmla="*/ 50528 h 340850"/>
                <a:gd name="connsiteX109" fmla="*/ 351027 w 449419"/>
                <a:gd name="connsiteY109" fmla="*/ 51766 h 340850"/>
                <a:gd name="connsiteX110" fmla="*/ 344550 w 449419"/>
                <a:gd name="connsiteY110" fmla="*/ 47575 h 340850"/>
                <a:gd name="connsiteX111" fmla="*/ 342360 w 449419"/>
                <a:gd name="connsiteY111" fmla="*/ 35383 h 340850"/>
                <a:gd name="connsiteX112" fmla="*/ 336073 w 449419"/>
                <a:gd name="connsiteY112" fmla="*/ 14429 h 340850"/>
                <a:gd name="connsiteX113" fmla="*/ 334740 w 449419"/>
                <a:gd name="connsiteY113" fmla="*/ 12714 h 340850"/>
                <a:gd name="connsiteX114" fmla="*/ 330644 w 449419"/>
                <a:gd name="connsiteY114" fmla="*/ 37384 h 340850"/>
                <a:gd name="connsiteX115" fmla="*/ 313880 w 449419"/>
                <a:gd name="connsiteY115" fmla="*/ 87295 h 340850"/>
                <a:gd name="connsiteX116" fmla="*/ 299497 w 449419"/>
                <a:gd name="connsiteY116" fmla="*/ 86342 h 340850"/>
                <a:gd name="connsiteX117" fmla="*/ 298544 w 449419"/>
                <a:gd name="connsiteY117" fmla="*/ 85675 h 340850"/>
                <a:gd name="connsiteX118" fmla="*/ 273303 w 449419"/>
                <a:gd name="connsiteY118" fmla="*/ 69483 h 340850"/>
                <a:gd name="connsiteX119" fmla="*/ 249776 w 449419"/>
                <a:gd name="connsiteY119" fmla="*/ 47671 h 340850"/>
                <a:gd name="connsiteX120" fmla="*/ 258349 w 449419"/>
                <a:gd name="connsiteY120" fmla="*/ 24049 h 340850"/>
                <a:gd name="connsiteX121" fmla="*/ 255301 w 449419"/>
                <a:gd name="connsiteY121" fmla="*/ 22620 h 340850"/>
                <a:gd name="connsiteX122" fmla="*/ 239775 w 449419"/>
                <a:gd name="connsiteY122" fmla="*/ 17572 h 340850"/>
                <a:gd name="connsiteX123" fmla="*/ 224440 w 449419"/>
                <a:gd name="connsiteY123" fmla="*/ 13762 h 340850"/>
                <a:gd name="connsiteX124" fmla="*/ 208247 w 449419"/>
                <a:gd name="connsiteY124" fmla="*/ 20334 h 340850"/>
                <a:gd name="connsiteX125" fmla="*/ 201009 w 449419"/>
                <a:gd name="connsiteY125" fmla="*/ 21096 h 340850"/>
                <a:gd name="connsiteX126" fmla="*/ 194436 w 449419"/>
                <a:gd name="connsiteY126" fmla="*/ 29764 h 340850"/>
                <a:gd name="connsiteX127" fmla="*/ 188054 w 449419"/>
                <a:gd name="connsiteY127" fmla="*/ 39860 h 340850"/>
                <a:gd name="connsiteX128" fmla="*/ 188054 w 449419"/>
                <a:gd name="connsiteY128" fmla="*/ 39860 h 340850"/>
                <a:gd name="connsiteX129" fmla="*/ 191102 w 449419"/>
                <a:gd name="connsiteY129" fmla="*/ 51862 h 340850"/>
                <a:gd name="connsiteX130" fmla="*/ 187388 w 449419"/>
                <a:gd name="connsiteY130" fmla="*/ 55196 h 340850"/>
                <a:gd name="connsiteX131" fmla="*/ 160432 w 449419"/>
                <a:gd name="connsiteY131" fmla="*/ 44718 h 340850"/>
                <a:gd name="connsiteX132" fmla="*/ 150050 w 449419"/>
                <a:gd name="connsiteY132" fmla="*/ 38146 h 340850"/>
                <a:gd name="connsiteX133" fmla="*/ 145573 w 449419"/>
                <a:gd name="connsiteY133" fmla="*/ 43289 h 340850"/>
                <a:gd name="connsiteX134" fmla="*/ 139953 w 449419"/>
                <a:gd name="connsiteY134" fmla="*/ 46242 h 340850"/>
                <a:gd name="connsiteX135" fmla="*/ 138239 w 449419"/>
                <a:gd name="connsiteY135" fmla="*/ 46242 h 340850"/>
                <a:gd name="connsiteX136" fmla="*/ 133286 w 449419"/>
                <a:gd name="connsiteY136" fmla="*/ 52909 h 340850"/>
                <a:gd name="connsiteX137" fmla="*/ 129000 w 449419"/>
                <a:gd name="connsiteY137" fmla="*/ 61672 h 340850"/>
                <a:gd name="connsiteX138" fmla="*/ 126047 w 449419"/>
                <a:gd name="connsiteY138" fmla="*/ 67006 h 340850"/>
                <a:gd name="connsiteX139" fmla="*/ 119951 w 449419"/>
                <a:gd name="connsiteY139" fmla="*/ 68435 h 340850"/>
                <a:gd name="connsiteX140" fmla="*/ 119951 w 449419"/>
                <a:gd name="connsiteY140" fmla="*/ 69769 h 340850"/>
                <a:gd name="connsiteX141" fmla="*/ 114712 w 449419"/>
                <a:gd name="connsiteY141" fmla="*/ 78722 h 340850"/>
                <a:gd name="connsiteX142" fmla="*/ 106616 w 449419"/>
                <a:gd name="connsiteY142" fmla="*/ 75007 h 340850"/>
                <a:gd name="connsiteX143" fmla="*/ 103282 w 449419"/>
                <a:gd name="connsiteY143" fmla="*/ 83104 h 340850"/>
                <a:gd name="connsiteX144" fmla="*/ 82708 w 449419"/>
                <a:gd name="connsiteY144" fmla="*/ 108345 h 340850"/>
                <a:gd name="connsiteX145" fmla="*/ 64801 w 449419"/>
                <a:gd name="connsiteY145" fmla="*/ 113107 h 340850"/>
                <a:gd name="connsiteX146" fmla="*/ 18795 w 449419"/>
                <a:gd name="connsiteY146" fmla="*/ 135015 h 340850"/>
                <a:gd name="connsiteX147" fmla="*/ 14890 w 449419"/>
                <a:gd name="connsiteY147" fmla="*/ 137206 h 340850"/>
                <a:gd name="connsiteX148" fmla="*/ 10699 w 449419"/>
                <a:gd name="connsiteY148" fmla="*/ 135872 h 340850"/>
                <a:gd name="connsiteX149" fmla="*/ 10699 w 449419"/>
                <a:gd name="connsiteY149" fmla="*/ 135872 h 340850"/>
                <a:gd name="connsiteX150" fmla="*/ 15747 w 449419"/>
                <a:gd name="connsiteY150" fmla="*/ 176639 h 340850"/>
                <a:gd name="connsiteX151" fmla="*/ 14700 w 449419"/>
                <a:gd name="connsiteY151" fmla="*/ 182259 h 340850"/>
                <a:gd name="connsiteX152" fmla="*/ 12604 w 449419"/>
                <a:gd name="connsiteY152" fmla="*/ 183688 h 340850"/>
                <a:gd name="connsiteX153" fmla="*/ 16509 w 449419"/>
                <a:gd name="connsiteY153" fmla="*/ 190546 h 340850"/>
                <a:gd name="connsiteX154" fmla="*/ 24415 w 449419"/>
                <a:gd name="connsiteY154" fmla="*/ 208929 h 340850"/>
                <a:gd name="connsiteX155" fmla="*/ 43465 w 449419"/>
                <a:gd name="connsiteY155" fmla="*/ 268555 h 340850"/>
                <a:gd name="connsiteX156" fmla="*/ 40703 w 449419"/>
                <a:gd name="connsiteY156" fmla="*/ 272461 h 340850"/>
                <a:gd name="connsiteX157" fmla="*/ 39845 w 449419"/>
                <a:gd name="connsiteY157" fmla="*/ 273032 h 340850"/>
                <a:gd name="connsiteX158" fmla="*/ 54324 w 449419"/>
                <a:gd name="connsiteY158" fmla="*/ 279319 h 340850"/>
                <a:gd name="connsiteX159" fmla="*/ 77565 w 449419"/>
                <a:gd name="connsiteY159" fmla="*/ 272270 h 340850"/>
                <a:gd name="connsiteX160" fmla="*/ 116141 w 449419"/>
                <a:gd name="connsiteY160" fmla="*/ 266365 h 340850"/>
                <a:gd name="connsiteX161" fmla="*/ 207867 w 449419"/>
                <a:gd name="connsiteY161" fmla="*/ 241695 h 340850"/>
                <a:gd name="connsiteX162" fmla="*/ 247491 w 449419"/>
                <a:gd name="connsiteY162" fmla="*/ 274556 h 340850"/>
                <a:gd name="connsiteX163" fmla="*/ 262540 w 449419"/>
                <a:gd name="connsiteY163" fmla="*/ 259221 h 340850"/>
                <a:gd name="connsiteX164" fmla="*/ 266636 w 449419"/>
                <a:gd name="connsiteY164" fmla="*/ 254839 h 340850"/>
                <a:gd name="connsiteX165" fmla="*/ 272351 w 449419"/>
                <a:gd name="connsiteY165" fmla="*/ 256649 h 340850"/>
                <a:gd name="connsiteX166" fmla="*/ 272351 w 449419"/>
                <a:gd name="connsiteY166" fmla="*/ 276842 h 340850"/>
                <a:gd name="connsiteX167" fmla="*/ 279304 w 449419"/>
                <a:gd name="connsiteY167" fmla="*/ 280747 h 340850"/>
                <a:gd name="connsiteX168" fmla="*/ 280257 w 449419"/>
                <a:gd name="connsiteY168" fmla="*/ 285510 h 340850"/>
                <a:gd name="connsiteX169" fmla="*/ 283400 w 449419"/>
                <a:gd name="connsiteY169" fmla="*/ 291320 h 340850"/>
                <a:gd name="connsiteX170" fmla="*/ 295306 w 449419"/>
                <a:gd name="connsiteY170" fmla="*/ 312656 h 3408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Lst>
              <a:rect l="l" t="t" r="r" b="b"/>
              <a:pathLst>
                <a:path w="449419" h="340850">
                  <a:moveTo>
                    <a:pt x="351027" y="340850"/>
                  </a:moveTo>
                  <a:cubicBezTo>
                    <a:pt x="346522" y="340755"/>
                    <a:pt x="342207" y="338993"/>
                    <a:pt x="338930" y="335897"/>
                  </a:cubicBezTo>
                  <a:cubicBezTo>
                    <a:pt x="335130" y="335507"/>
                    <a:pt x="331320" y="335316"/>
                    <a:pt x="327501" y="335326"/>
                  </a:cubicBezTo>
                  <a:cubicBezTo>
                    <a:pt x="312927" y="335326"/>
                    <a:pt x="294830" y="334659"/>
                    <a:pt x="284447" y="316752"/>
                  </a:cubicBezTo>
                  <a:cubicBezTo>
                    <a:pt x="283781" y="315676"/>
                    <a:pt x="283504" y="314390"/>
                    <a:pt x="283685" y="313132"/>
                  </a:cubicBezTo>
                  <a:cubicBezTo>
                    <a:pt x="284924" y="304846"/>
                    <a:pt x="282447" y="303607"/>
                    <a:pt x="278447" y="300845"/>
                  </a:cubicBezTo>
                  <a:cubicBezTo>
                    <a:pt x="274894" y="299102"/>
                    <a:pt x="272065" y="296168"/>
                    <a:pt x="270446" y="292558"/>
                  </a:cubicBezTo>
                  <a:cubicBezTo>
                    <a:pt x="268636" y="294673"/>
                    <a:pt x="265988" y="295892"/>
                    <a:pt x="263207" y="295892"/>
                  </a:cubicBezTo>
                  <a:cubicBezTo>
                    <a:pt x="259978" y="295540"/>
                    <a:pt x="257206" y="293463"/>
                    <a:pt x="255968" y="290463"/>
                  </a:cubicBezTo>
                  <a:cubicBezTo>
                    <a:pt x="255349" y="289368"/>
                    <a:pt x="255149" y="288082"/>
                    <a:pt x="255396" y="286843"/>
                  </a:cubicBezTo>
                  <a:cubicBezTo>
                    <a:pt x="255615" y="285567"/>
                    <a:pt x="255968" y="284329"/>
                    <a:pt x="256444" y="283129"/>
                  </a:cubicBezTo>
                  <a:cubicBezTo>
                    <a:pt x="254672" y="284205"/>
                    <a:pt x="252739" y="285005"/>
                    <a:pt x="250729" y="285510"/>
                  </a:cubicBezTo>
                  <a:cubicBezTo>
                    <a:pt x="246538" y="286691"/>
                    <a:pt x="242061" y="285081"/>
                    <a:pt x="239585" y="281509"/>
                  </a:cubicBezTo>
                  <a:cubicBezTo>
                    <a:pt x="239327" y="281147"/>
                    <a:pt x="239109" y="280766"/>
                    <a:pt x="238918" y="280366"/>
                  </a:cubicBezTo>
                  <a:cubicBezTo>
                    <a:pt x="233765" y="266003"/>
                    <a:pt x="221421" y="255430"/>
                    <a:pt x="206438" y="252554"/>
                  </a:cubicBezTo>
                  <a:cubicBezTo>
                    <a:pt x="177863" y="245886"/>
                    <a:pt x="140715" y="259888"/>
                    <a:pt x="122427" y="276556"/>
                  </a:cubicBezTo>
                  <a:cubicBezTo>
                    <a:pt x="120979" y="277937"/>
                    <a:pt x="118893" y="278414"/>
                    <a:pt x="116998" y="277795"/>
                  </a:cubicBezTo>
                  <a:cubicBezTo>
                    <a:pt x="105644" y="274566"/>
                    <a:pt x="93462" y="276223"/>
                    <a:pt x="83375" y="282367"/>
                  </a:cubicBezTo>
                  <a:cubicBezTo>
                    <a:pt x="74507" y="287005"/>
                    <a:pt x="64782" y="289758"/>
                    <a:pt x="54800" y="290463"/>
                  </a:cubicBezTo>
                  <a:cubicBezTo>
                    <a:pt x="54200" y="290558"/>
                    <a:pt x="53590" y="290558"/>
                    <a:pt x="52990" y="290463"/>
                  </a:cubicBezTo>
                  <a:cubicBezTo>
                    <a:pt x="36702" y="285605"/>
                    <a:pt x="29559" y="280938"/>
                    <a:pt x="28796" y="274080"/>
                  </a:cubicBezTo>
                  <a:cubicBezTo>
                    <a:pt x="28549" y="270232"/>
                    <a:pt x="30454" y="266565"/>
                    <a:pt x="33750" y="264555"/>
                  </a:cubicBezTo>
                  <a:cubicBezTo>
                    <a:pt x="35369" y="248458"/>
                    <a:pt x="23367" y="227884"/>
                    <a:pt x="15271" y="214072"/>
                  </a:cubicBezTo>
                  <a:cubicBezTo>
                    <a:pt x="14414" y="212682"/>
                    <a:pt x="14042" y="211034"/>
                    <a:pt x="14223" y="209405"/>
                  </a:cubicBezTo>
                  <a:cubicBezTo>
                    <a:pt x="12728" y="204881"/>
                    <a:pt x="10613" y="200585"/>
                    <a:pt x="7937" y="196642"/>
                  </a:cubicBezTo>
                  <a:cubicBezTo>
                    <a:pt x="2698" y="187783"/>
                    <a:pt x="-1588" y="181402"/>
                    <a:pt x="2508" y="176258"/>
                  </a:cubicBezTo>
                  <a:cubicBezTo>
                    <a:pt x="2974" y="175649"/>
                    <a:pt x="3517" y="175106"/>
                    <a:pt x="4127" y="174639"/>
                  </a:cubicBezTo>
                  <a:cubicBezTo>
                    <a:pt x="336" y="161895"/>
                    <a:pt x="-855" y="148521"/>
                    <a:pt x="602" y="135301"/>
                  </a:cubicBezTo>
                  <a:cubicBezTo>
                    <a:pt x="602" y="131872"/>
                    <a:pt x="1269" y="125299"/>
                    <a:pt x="6508" y="123204"/>
                  </a:cubicBezTo>
                  <a:cubicBezTo>
                    <a:pt x="9175" y="122204"/>
                    <a:pt x="12156" y="122556"/>
                    <a:pt x="14509" y="124156"/>
                  </a:cubicBezTo>
                  <a:cubicBezTo>
                    <a:pt x="27177" y="111107"/>
                    <a:pt x="46227" y="106535"/>
                    <a:pt x="63182" y="102439"/>
                  </a:cubicBezTo>
                  <a:cubicBezTo>
                    <a:pt x="69183" y="101011"/>
                    <a:pt x="74802" y="99582"/>
                    <a:pt x="79946" y="97963"/>
                  </a:cubicBezTo>
                  <a:cubicBezTo>
                    <a:pt x="88042" y="94629"/>
                    <a:pt x="90518" y="87866"/>
                    <a:pt x="93852" y="78913"/>
                  </a:cubicBezTo>
                  <a:cubicBezTo>
                    <a:pt x="95881" y="72455"/>
                    <a:pt x="99110" y="66445"/>
                    <a:pt x="103377" y="61196"/>
                  </a:cubicBezTo>
                  <a:cubicBezTo>
                    <a:pt x="104968" y="59444"/>
                    <a:pt x="107473" y="58872"/>
                    <a:pt x="109664" y="59767"/>
                  </a:cubicBezTo>
                  <a:cubicBezTo>
                    <a:pt x="112102" y="57586"/>
                    <a:pt x="115369" y="56577"/>
                    <a:pt x="118617" y="57005"/>
                  </a:cubicBezTo>
                  <a:lnTo>
                    <a:pt x="118617" y="57005"/>
                  </a:lnTo>
                  <a:cubicBezTo>
                    <a:pt x="118532" y="50890"/>
                    <a:pt x="122094" y="45318"/>
                    <a:pt x="127666" y="42813"/>
                  </a:cubicBezTo>
                  <a:cubicBezTo>
                    <a:pt x="127961" y="41394"/>
                    <a:pt x="128580" y="40051"/>
                    <a:pt x="129476" y="38908"/>
                  </a:cubicBezTo>
                  <a:cubicBezTo>
                    <a:pt x="131724" y="36412"/>
                    <a:pt x="134886" y="34936"/>
                    <a:pt x="138239" y="34812"/>
                  </a:cubicBezTo>
                  <a:cubicBezTo>
                    <a:pt x="140515" y="30888"/>
                    <a:pt x="144306" y="28059"/>
                    <a:pt x="148716" y="27001"/>
                  </a:cubicBezTo>
                  <a:cubicBezTo>
                    <a:pt x="156146" y="25573"/>
                    <a:pt x="162432" y="30907"/>
                    <a:pt x="168433" y="36050"/>
                  </a:cubicBezTo>
                  <a:cubicBezTo>
                    <a:pt x="171214" y="38603"/>
                    <a:pt x="174243" y="40870"/>
                    <a:pt x="177482" y="42813"/>
                  </a:cubicBezTo>
                  <a:cubicBezTo>
                    <a:pt x="176186" y="40165"/>
                    <a:pt x="176186" y="37079"/>
                    <a:pt x="177482" y="34431"/>
                  </a:cubicBezTo>
                  <a:cubicBezTo>
                    <a:pt x="177891" y="33717"/>
                    <a:pt x="178444" y="33107"/>
                    <a:pt x="179101" y="32621"/>
                  </a:cubicBezTo>
                  <a:cubicBezTo>
                    <a:pt x="181539" y="30383"/>
                    <a:pt x="183425" y="27611"/>
                    <a:pt x="184626" y="24525"/>
                  </a:cubicBezTo>
                  <a:cubicBezTo>
                    <a:pt x="186807" y="18486"/>
                    <a:pt x="191112" y="13447"/>
                    <a:pt x="196722" y="10333"/>
                  </a:cubicBezTo>
                  <a:lnTo>
                    <a:pt x="197865" y="10333"/>
                  </a:lnTo>
                  <a:cubicBezTo>
                    <a:pt x="201209" y="9571"/>
                    <a:pt x="204628" y="9190"/>
                    <a:pt x="208057" y="9190"/>
                  </a:cubicBezTo>
                  <a:cubicBezTo>
                    <a:pt x="214153" y="9190"/>
                    <a:pt x="215391" y="9190"/>
                    <a:pt x="217010" y="3951"/>
                  </a:cubicBezTo>
                  <a:cubicBezTo>
                    <a:pt x="217563" y="2141"/>
                    <a:pt x="219001" y="741"/>
                    <a:pt x="220820" y="236"/>
                  </a:cubicBezTo>
                  <a:cubicBezTo>
                    <a:pt x="222668" y="-230"/>
                    <a:pt x="224621" y="226"/>
                    <a:pt x="226059" y="1474"/>
                  </a:cubicBezTo>
                  <a:cubicBezTo>
                    <a:pt x="230726" y="4522"/>
                    <a:pt x="236118" y="6265"/>
                    <a:pt x="241680" y="6523"/>
                  </a:cubicBezTo>
                  <a:cubicBezTo>
                    <a:pt x="247824" y="7066"/>
                    <a:pt x="253806" y="8780"/>
                    <a:pt x="259301" y="11571"/>
                  </a:cubicBezTo>
                  <a:cubicBezTo>
                    <a:pt x="262426" y="9104"/>
                    <a:pt x="266579" y="8380"/>
                    <a:pt x="270351" y="9666"/>
                  </a:cubicBezTo>
                  <a:cubicBezTo>
                    <a:pt x="273713" y="11352"/>
                    <a:pt x="275761" y="14867"/>
                    <a:pt x="275589" y="18619"/>
                  </a:cubicBezTo>
                  <a:cubicBezTo>
                    <a:pt x="275723" y="20096"/>
                    <a:pt x="275199" y="21563"/>
                    <a:pt x="274160" y="22620"/>
                  </a:cubicBezTo>
                  <a:cubicBezTo>
                    <a:pt x="264635" y="33288"/>
                    <a:pt x="260254" y="41003"/>
                    <a:pt x="261016" y="45671"/>
                  </a:cubicBezTo>
                  <a:cubicBezTo>
                    <a:pt x="261778" y="50338"/>
                    <a:pt x="269779" y="55196"/>
                    <a:pt x="278828" y="59577"/>
                  </a:cubicBezTo>
                  <a:cubicBezTo>
                    <a:pt x="288343" y="64349"/>
                    <a:pt x="297316" y="70131"/>
                    <a:pt x="305593" y="76817"/>
                  </a:cubicBezTo>
                  <a:cubicBezTo>
                    <a:pt x="307784" y="77960"/>
                    <a:pt x="308641" y="77484"/>
                    <a:pt x="308927" y="77293"/>
                  </a:cubicBezTo>
                  <a:cubicBezTo>
                    <a:pt x="315023" y="74150"/>
                    <a:pt x="317976" y="50338"/>
                    <a:pt x="319690" y="36050"/>
                  </a:cubicBezTo>
                  <a:cubicBezTo>
                    <a:pt x="322262" y="15000"/>
                    <a:pt x="323786" y="2332"/>
                    <a:pt x="332263" y="236"/>
                  </a:cubicBezTo>
                  <a:cubicBezTo>
                    <a:pt x="338930" y="-1383"/>
                    <a:pt x="343884" y="5761"/>
                    <a:pt x="345693" y="8428"/>
                  </a:cubicBezTo>
                  <a:cubicBezTo>
                    <a:pt x="350141" y="16200"/>
                    <a:pt x="352866" y="24839"/>
                    <a:pt x="353694" y="33764"/>
                  </a:cubicBezTo>
                  <a:cubicBezTo>
                    <a:pt x="353694" y="35479"/>
                    <a:pt x="354170" y="37288"/>
                    <a:pt x="354456" y="39098"/>
                  </a:cubicBezTo>
                  <a:cubicBezTo>
                    <a:pt x="356847" y="38365"/>
                    <a:pt x="359419" y="38536"/>
                    <a:pt x="361695" y="39574"/>
                  </a:cubicBezTo>
                  <a:cubicBezTo>
                    <a:pt x="364076" y="40889"/>
                    <a:pt x="365905" y="43022"/>
                    <a:pt x="366839" y="45575"/>
                  </a:cubicBezTo>
                  <a:cubicBezTo>
                    <a:pt x="371925" y="50500"/>
                    <a:pt x="374049" y="57729"/>
                    <a:pt x="372459" y="64625"/>
                  </a:cubicBezTo>
                  <a:lnTo>
                    <a:pt x="372459" y="67864"/>
                  </a:lnTo>
                  <a:cubicBezTo>
                    <a:pt x="378592" y="73674"/>
                    <a:pt x="381831" y="81913"/>
                    <a:pt x="381317" y="90343"/>
                  </a:cubicBezTo>
                  <a:cubicBezTo>
                    <a:pt x="381374" y="93362"/>
                    <a:pt x="381755" y="96362"/>
                    <a:pt x="382460" y="99296"/>
                  </a:cubicBezTo>
                  <a:cubicBezTo>
                    <a:pt x="397509" y="107488"/>
                    <a:pt x="412654" y="118346"/>
                    <a:pt x="416083" y="139777"/>
                  </a:cubicBezTo>
                  <a:cubicBezTo>
                    <a:pt x="420655" y="139482"/>
                    <a:pt x="425103" y="141349"/>
                    <a:pt x="428085" y="144826"/>
                  </a:cubicBezTo>
                  <a:cubicBezTo>
                    <a:pt x="429694" y="147340"/>
                    <a:pt x="430152" y="150426"/>
                    <a:pt x="429323" y="153303"/>
                  </a:cubicBezTo>
                  <a:cubicBezTo>
                    <a:pt x="431275" y="158408"/>
                    <a:pt x="434038" y="163171"/>
                    <a:pt x="437514" y="167400"/>
                  </a:cubicBezTo>
                  <a:cubicBezTo>
                    <a:pt x="444944" y="177973"/>
                    <a:pt x="454278" y="190927"/>
                    <a:pt x="446468" y="208262"/>
                  </a:cubicBezTo>
                  <a:cubicBezTo>
                    <a:pt x="451611" y="241695"/>
                    <a:pt x="419702" y="283129"/>
                    <a:pt x="396271" y="313513"/>
                  </a:cubicBezTo>
                  <a:cubicBezTo>
                    <a:pt x="391699" y="319324"/>
                    <a:pt x="387603" y="324658"/>
                    <a:pt x="384269" y="329230"/>
                  </a:cubicBezTo>
                  <a:cubicBezTo>
                    <a:pt x="383031" y="331011"/>
                    <a:pt x="380879" y="331906"/>
                    <a:pt x="378745" y="331516"/>
                  </a:cubicBezTo>
                  <a:cubicBezTo>
                    <a:pt x="373954" y="331363"/>
                    <a:pt x="369249" y="332840"/>
                    <a:pt x="365410" y="335707"/>
                  </a:cubicBezTo>
                  <a:cubicBezTo>
                    <a:pt x="361124" y="338593"/>
                    <a:pt x="356180" y="340364"/>
                    <a:pt x="351027" y="340850"/>
                  </a:cubicBezTo>
                  <a:close/>
                  <a:moveTo>
                    <a:pt x="295020" y="312275"/>
                  </a:moveTo>
                  <a:cubicBezTo>
                    <a:pt x="302450" y="323229"/>
                    <a:pt x="314737" y="323515"/>
                    <a:pt x="327786" y="323705"/>
                  </a:cubicBezTo>
                  <a:cubicBezTo>
                    <a:pt x="332625" y="323705"/>
                    <a:pt x="337464" y="323991"/>
                    <a:pt x="342264" y="324563"/>
                  </a:cubicBezTo>
                  <a:cubicBezTo>
                    <a:pt x="343426" y="324772"/>
                    <a:pt x="344493" y="325334"/>
                    <a:pt x="345312" y="326182"/>
                  </a:cubicBezTo>
                  <a:cubicBezTo>
                    <a:pt x="350170" y="330849"/>
                    <a:pt x="352932" y="329611"/>
                    <a:pt x="360362" y="325420"/>
                  </a:cubicBezTo>
                  <a:cubicBezTo>
                    <a:pt x="365429" y="322000"/>
                    <a:pt x="371316" y="319990"/>
                    <a:pt x="377411" y="319609"/>
                  </a:cubicBezTo>
                  <a:lnTo>
                    <a:pt x="377411" y="319609"/>
                  </a:lnTo>
                  <a:lnTo>
                    <a:pt x="387699" y="306084"/>
                  </a:lnTo>
                  <a:cubicBezTo>
                    <a:pt x="409035" y="278462"/>
                    <a:pt x="441229" y="236742"/>
                    <a:pt x="435324" y="208072"/>
                  </a:cubicBezTo>
                  <a:cubicBezTo>
                    <a:pt x="434904" y="206871"/>
                    <a:pt x="434904" y="205557"/>
                    <a:pt x="435324" y="204357"/>
                  </a:cubicBezTo>
                  <a:cubicBezTo>
                    <a:pt x="441515" y="192260"/>
                    <a:pt x="435324" y="183497"/>
                    <a:pt x="428085" y="173401"/>
                  </a:cubicBezTo>
                  <a:cubicBezTo>
                    <a:pt x="423455" y="167762"/>
                    <a:pt x="419931" y="161294"/>
                    <a:pt x="417702" y="154351"/>
                  </a:cubicBezTo>
                  <a:cubicBezTo>
                    <a:pt x="417417" y="153293"/>
                    <a:pt x="417417" y="152170"/>
                    <a:pt x="417702" y="151112"/>
                  </a:cubicBezTo>
                  <a:lnTo>
                    <a:pt x="417702" y="151112"/>
                  </a:lnTo>
                  <a:cubicBezTo>
                    <a:pt x="416245" y="151026"/>
                    <a:pt x="414778" y="151026"/>
                    <a:pt x="413321" y="151112"/>
                  </a:cubicBezTo>
                  <a:cubicBezTo>
                    <a:pt x="411997" y="151293"/>
                    <a:pt x="410644" y="151293"/>
                    <a:pt x="409320" y="151112"/>
                  </a:cubicBezTo>
                  <a:cubicBezTo>
                    <a:pt x="406911" y="150598"/>
                    <a:pt x="405148" y="148521"/>
                    <a:pt x="405034" y="146064"/>
                  </a:cubicBezTo>
                  <a:cubicBezTo>
                    <a:pt x="403510" y="127014"/>
                    <a:pt x="389603" y="116632"/>
                    <a:pt x="374744" y="108821"/>
                  </a:cubicBezTo>
                  <a:cubicBezTo>
                    <a:pt x="373611" y="108202"/>
                    <a:pt x="372706" y="107230"/>
                    <a:pt x="372173" y="106059"/>
                  </a:cubicBezTo>
                  <a:cubicBezTo>
                    <a:pt x="370573" y="101458"/>
                    <a:pt x="369706" y="96639"/>
                    <a:pt x="369601" y="91771"/>
                  </a:cubicBezTo>
                  <a:cubicBezTo>
                    <a:pt x="369029" y="83771"/>
                    <a:pt x="368458" y="79103"/>
                    <a:pt x="363695" y="76436"/>
                  </a:cubicBezTo>
                  <a:cubicBezTo>
                    <a:pt x="362019" y="75560"/>
                    <a:pt x="360924" y="73855"/>
                    <a:pt x="360838" y="71959"/>
                  </a:cubicBezTo>
                  <a:cubicBezTo>
                    <a:pt x="360647" y="69426"/>
                    <a:pt x="360647" y="66873"/>
                    <a:pt x="360838" y="64339"/>
                  </a:cubicBezTo>
                  <a:cubicBezTo>
                    <a:pt x="361410" y="57863"/>
                    <a:pt x="360838" y="55767"/>
                    <a:pt x="358838" y="54338"/>
                  </a:cubicBezTo>
                  <a:cubicBezTo>
                    <a:pt x="357695" y="53586"/>
                    <a:pt x="356819" y="52481"/>
                    <a:pt x="356361" y="51195"/>
                  </a:cubicBezTo>
                  <a:cubicBezTo>
                    <a:pt x="356418" y="50976"/>
                    <a:pt x="356418" y="50747"/>
                    <a:pt x="356361" y="50528"/>
                  </a:cubicBezTo>
                  <a:lnTo>
                    <a:pt x="355313" y="50528"/>
                  </a:lnTo>
                  <a:cubicBezTo>
                    <a:pt x="353923" y="51071"/>
                    <a:pt x="352494" y="51490"/>
                    <a:pt x="351027" y="51766"/>
                  </a:cubicBezTo>
                  <a:cubicBezTo>
                    <a:pt x="348084" y="52357"/>
                    <a:pt x="345217" y="50500"/>
                    <a:pt x="344550" y="47575"/>
                  </a:cubicBezTo>
                  <a:cubicBezTo>
                    <a:pt x="343502" y="43289"/>
                    <a:pt x="342931" y="39289"/>
                    <a:pt x="342360" y="35383"/>
                  </a:cubicBezTo>
                  <a:cubicBezTo>
                    <a:pt x="341826" y="28020"/>
                    <a:pt x="339683" y="20867"/>
                    <a:pt x="336073" y="14429"/>
                  </a:cubicBezTo>
                  <a:lnTo>
                    <a:pt x="334740" y="12714"/>
                  </a:lnTo>
                  <a:cubicBezTo>
                    <a:pt x="332749" y="20820"/>
                    <a:pt x="331377" y="29068"/>
                    <a:pt x="330644" y="37384"/>
                  </a:cubicBezTo>
                  <a:cubicBezTo>
                    <a:pt x="327977" y="59005"/>
                    <a:pt x="325310" y="81484"/>
                    <a:pt x="313880" y="87295"/>
                  </a:cubicBezTo>
                  <a:cubicBezTo>
                    <a:pt x="309241" y="89476"/>
                    <a:pt x="303802" y="89123"/>
                    <a:pt x="299497" y="86342"/>
                  </a:cubicBezTo>
                  <a:lnTo>
                    <a:pt x="298544" y="85675"/>
                  </a:lnTo>
                  <a:cubicBezTo>
                    <a:pt x="290753" y="79360"/>
                    <a:pt x="282295" y="73931"/>
                    <a:pt x="273303" y="69483"/>
                  </a:cubicBezTo>
                  <a:cubicBezTo>
                    <a:pt x="261683" y="63292"/>
                    <a:pt x="251586" y="57863"/>
                    <a:pt x="249776" y="47671"/>
                  </a:cubicBezTo>
                  <a:cubicBezTo>
                    <a:pt x="249262" y="38955"/>
                    <a:pt x="252358" y="30411"/>
                    <a:pt x="258349" y="24049"/>
                  </a:cubicBezTo>
                  <a:cubicBezTo>
                    <a:pt x="257216" y="23877"/>
                    <a:pt x="256158" y="23372"/>
                    <a:pt x="255301" y="22620"/>
                  </a:cubicBezTo>
                  <a:cubicBezTo>
                    <a:pt x="250691" y="19534"/>
                    <a:pt x="245319" y="17781"/>
                    <a:pt x="239775" y="17572"/>
                  </a:cubicBezTo>
                  <a:cubicBezTo>
                    <a:pt x="234518" y="16991"/>
                    <a:pt x="229355" y="15714"/>
                    <a:pt x="224440" y="13762"/>
                  </a:cubicBezTo>
                  <a:cubicBezTo>
                    <a:pt x="220525" y="18581"/>
                    <a:pt x="214420" y="21067"/>
                    <a:pt x="208247" y="20334"/>
                  </a:cubicBezTo>
                  <a:cubicBezTo>
                    <a:pt x="205819" y="20353"/>
                    <a:pt x="203390" y="20610"/>
                    <a:pt x="201009" y="21096"/>
                  </a:cubicBezTo>
                  <a:cubicBezTo>
                    <a:pt x="197951" y="23211"/>
                    <a:pt x="195646" y="26249"/>
                    <a:pt x="194436" y="29764"/>
                  </a:cubicBezTo>
                  <a:cubicBezTo>
                    <a:pt x="192912" y="33479"/>
                    <a:pt x="190750" y="36888"/>
                    <a:pt x="188054" y="39860"/>
                  </a:cubicBezTo>
                  <a:lnTo>
                    <a:pt x="188054" y="39860"/>
                  </a:lnTo>
                  <a:cubicBezTo>
                    <a:pt x="191426" y="42861"/>
                    <a:pt x="192636" y="47613"/>
                    <a:pt x="191102" y="51862"/>
                  </a:cubicBezTo>
                  <a:cubicBezTo>
                    <a:pt x="190455" y="53490"/>
                    <a:pt x="189083" y="54729"/>
                    <a:pt x="187388" y="55196"/>
                  </a:cubicBezTo>
                  <a:cubicBezTo>
                    <a:pt x="176339" y="58243"/>
                    <a:pt x="167480" y="50719"/>
                    <a:pt x="160432" y="44718"/>
                  </a:cubicBezTo>
                  <a:cubicBezTo>
                    <a:pt x="156717" y="41575"/>
                    <a:pt x="152241" y="37574"/>
                    <a:pt x="150050" y="38146"/>
                  </a:cubicBezTo>
                  <a:cubicBezTo>
                    <a:pt x="149574" y="38146"/>
                    <a:pt x="147954" y="38813"/>
                    <a:pt x="145573" y="43289"/>
                  </a:cubicBezTo>
                  <a:cubicBezTo>
                    <a:pt x="144468" y="45318"/>
                    <a:pt x="142249" y="46480"/>
                    <a:pt x="139953" y="46242"/>
                  </a:cubicBezTo>
                  <a:cubicBezTo>
                    <a:pt x="139382" y="46156"/>
                    <a:pt x="138810" y="46156"/>
                    <a:pt x="138239" y="46242"/>
                  </a:cubicBezTo>
                  <a:cubicBezTo>
                    <a:pt x="138639" y="49433"/>
                    <a:pt x="136458" y="52376"/>
                    <a:pt x="133286" y="52909"/>
                  </a:cubicBezTo>
                  <a:cubicBezTo>
                    <a:pt x="131000" y="52909"/>
                    <a:pt x="128428" y="53386"/>
                    <a:pt x="129000" y="61672"/>
                  </a:cubicBezTo>
                  <a:cubicBezTo>
                    <a:pt x="129104" y="63863"/>
                    <a:pt x="127961" y="65930"/>
                    <a:pt x="126047" y="67006"/>
                  </a:cubicBezTo>
                  <a:cubicBezTo>
                    <a:pt x="124142" y="67930"/>
                    <a:pt x="122065" y="68416"/>
                    <a:pt x="119951" y="68435"/>
                  </a:cubicBezTo>
                  <a:cubicBezTo>
                    <a:pt x="120046" y="68873"/>
                    <a:pt x="120046" y="69330"/>
                    <a:pt x="119951" y="69769"/>
                  </a:cubicBezTo>
                  <a:cubicBezTo>
                    <a:pt x="119951" y="71674"/>
                    <a:pt x="119951" y="77389"/>
                    <a:pt x="114712" y="78722"/>
                  </a:cubicBezTo>
                  <a:cubicBezTo>
                    <a:pt x="111502" y="79322"/>
                    <a:pt x="108254" y="77836"/>
                    <a:pt x="106616" y="75007"/>
                  </a:cubicBezTo>
                  <a:cubicBezTo>
                    <a:pt x="105377" y="77579"/>
                    <a:pt x="104330" y="80341"/>
                    <a:pt x="103282" y="83104"/>
                  </a:cubicBezTo>
                  <a:cubicBezTo>
                    <a:pt x="100548" y="94172"/>
                    <a:pt x="92995" y="103430"/>
                    <a:pt x="82708" y="108345"/>
                  </a:cubicBezTo>
                  <a:cubicBezTo>
                    <a:pt x="76802" y="110250"/>
                    <a:pt x="70992" y="111679"/>
                    <a:pt x="64801" y="113107"/>
                  </a:cubicBezTo>
                  <a:cubicBezTo>
                    <a:pt x="47084" y="117394"/>
                    <a:pt x="28796" y="121871"/>
                    <a:pt x="18795" y="135015"/>
                  </a:cubicBezTo>
                  <a:cubicBezTo>
                    <a:pt x="17843" y="136234"/>
                    <a:pt x="16433" y="137025"/>
                    <a:pt x="14890" y="137206"/>
                  </a:cubicBezTo>
                  <a:cubicBezTo>
                    <a:pt x="13366" y="137349"/>
                    <a:pt x="11861" y="136872"/>
                    <a:pt x="10699" y="135872"/>
                  </a:cubicBezTo>
                  <a:lnTo>
                    <a:pt x="10699" y="135872"/>
                  </a:lnTo>
                  <a:cubicBezTo>
                    <a:pt x="9118" y="149674"/>
                    <a:pt x="10851" y="163647"/>
                    <a:pt x="15747" y="176639"/>
                  </a:cubicBezTo>
                  <a:cubicBezTo>
                    <a:pt x="16404" y="178563"/>
                    <a:pt x="16014" y="180697"/>
                    <a:pt x="14700" y="182259"/>
                  </a:cubicBezTo>
                  <a:cubicBezTo>
                    <a:pt x="14147" y="182926"/>
                    <a:pt x="13423" y="183421"/>
                    <a:pt x="12604" y="183688"/>
                  </a:cubicBezTo>
                  <a:cubicBezTo>
                    <a:pt x="13747" y="185879"/>
                    <a:pt x="15271" y="188546"/>
                    <a:pt x="16509" y="190546"/>
                  </a:cubicBezTo>
                  <a:cubicBezTo>
                    <a:pt x="20491" y="196003"/>
                    <a:pt x="23196" y="202280"/>
                    <a:pt x="24415" y="208929"/>
                  </a:cubicBezTo>
                  <a:cubicBezTo>
                    <a:pt x="34511" y="226169"/>
                    <a:pt x="47180" y="248553"/>
                    <a:pt x="43465" y="268555"/>
                  </a:cubicBezTo>
                  <a:cubicBezTo>
                    <a:pt x="43189" y="270213"/>
                    <a:pt x="42170" y="271642"/>
                    <a:pt x="40703" y="272461"/>
                  </a:cubicBezTo>
                  <a:lnTo>
                    <a:pt x="39845" y="273032"/>
                  </a:lnTo>
                  <a:cubicBezTo>
                    <a:pt x="44303" y="275890"/>
                    <a:pt x="49190" y="278004"/>
                    <a:pt x="54324" y="279319"/>
                  </a:cubicBezTo>
                  <a:cubicBezTo>
                    <a:pt x="62448" y="278471"/>
                    <a:pt x="70335" y="276071"/>
                    <a:pt x="77565" y="272270"/>
                  </a:cubicBezTo>
                  <a:cubicBezTo>
                    <a:pt x="89223" y="265517"/>
                    <a:pt x="102996" y="263412"/>
                    <a:pt x="116141" y="266365"/>
                  </a:cubicBezTo>
                  <a:cubicBezTo>
                    <a:pt x="137572" y="248267"/>
                    <a:pt x="176625" y="234456"/>
                    <a:pt x="207867" y="241695"/>
                  </a:cubicBezTo>
                  <a:cubicBezTo>
                    <a:pt x="225726" y="245353"/>
                    <a:pt x="240585" y="257678"/>
                    <a:pt x="247491" y="274556"/>
                  </a:cubicBezTo>
                  <a:cubicBezTo>
                    <a:pt x="254148" y="271375"/>
                    <a:pt x="259483" y="265945"/>
                    <a:pt x="262540" y="259221"/>
                  </a:cubicBezTo>
                  <a:cubicBezTo>
                    <a:pt x="262950" y="257097"/>
                    <a:pt x="264540" y="255392"/>
                    <a:pt x="266636" y="254839"/>
                  </a:cubicBezTo>
                  <a:cubicBezTo>
                    <a:pt x="268731" y="254296"/>
                    <a:pt x="270950" y="254992"/>
                    <a:pt x="272351" y="256649"/>
                  </a:cubicBezTo>
                  <a:cubicBezTo>
                    <a:pt x="276923" y="262602"/>
                    <a:pt x="276923" y="270889"/>
                    <a:pt x="272351" y="276842"/>
                  </a:cubicBezTo>
                  <a:cubicBezTo>
                    <a:pt x="275151" y="276985"/>
                    <a:pt x="277723" y="278433"/>
                    <a:pt x="279304" y="280747"/>
                  </a:cubicBezTo>
                  <a:cubicBezTo>
                    <a:pt x="280285" y="282128"/>
                    <a:pt x="280637" y="283862"/>
                    <a:pt x="280257" y="285510"/>
                  </a:cubicBezTo>
                  <a:cubicBezTo>
                    <a:pt x="279494" y="288939"/>
                    <a:pt x="279780" y="289130"/>
                    <a:pt x="283400" y="291320"/>
                  </a:cubicBezTo>
                  <a:cubicBezTo>
                    <a:pt x="291801" y="294844"/>
                    <a:pt x="296716" y="303655"/>
                    <a:pt x="295306" y="312656"/>
                  </a:cubicBezTo>
                  <a:close/>
                </a:path>
              </a:pathLst>
            </a:custGeom>
            <a:solidFill>
              <a:srgbClr val="245A99"/>
            </a:solidFill>
            <a:ln w="7144" cap="flat">
              <a:solidFill>
                <a:srgbClr val="265998"/>
              </a:solidFill>
              <a:prstDash val="solid"/>
              <a:miter/>
            </a:ln>
          </p:spPr>
          <p:txBody>
            <a:bodyPr rtlCol="0" anchor="ctr"/>
            <a:lstStyle/>
            <a:p>
              <a:endParaRPr lang="en-AU" sz="1650"/>
            </a:p>
          </p:txBody>
        </p:sp>
        <p:sp>
          <p:nvSpPr>
            <p:cNvPr id="40" name="Freeform: Shape 39">
              <a:extLst>
                <a:ext uri="{FF2B5EF4-FFF2-40B4-BE49-F238E27FC236}">
                  <a16:creationId xmlns:a16="http://schemas.microsoft.com/office/drawing/2014/main" id="{0A87F6A0-805A-F18B-7B19-3D6B4718A924}"/>
                </a:ext>
              </a:extLst>
            </p:cNvPr>
            <p:cNvSpPr/>
            <p:nvPr/>
          </p:nvSpPr>
          <p:spPr>
            <a:xfrm>
              <a:off x="11283774" y="2157992"/>
              <a:ext cx="55482" cy="55293"/>
            </a:xfrm>
            <a:custGeom>
              <a:avLst/>
              <a:gdLst>
                <a:gd name="connsiteX0" fmla="*/ 19699 w 46435"/>
                <a:gd name="connsiteY0" fmla="*/ 40592 h 40597"/>
                <a:gd name="connsiteX1" fmla="*/ 12936 w 46435"/>
                <a:gd name="connsiteY1" fmla="*/ 38972 h 40597"/>
                <a:gd name="connsiteX2" fmla="*/ 5126 w 46435"/>
                <a:gd name="connsiteY2" fmla="*/ 19922 h 40597"/>
                <a:gd name="connsiteX3" fmla="*/ 1221 w 46435"/>
                <a:gd name="connsiteY3" fmla="*/ 3635 h 40597"/>
                <a:gd name="connsiteX4" fmla="*/ 19699 w 46435"/>
                <a:gd name="connsiteY4" fmla="*/ 968 h 40597"/>
                <a:gd name="connsiteX5" fmla="*/ 37511 w 46435"/>
                <a:gd name="connsiteY5" fmla="*/ 968 h 40597"/>
                <a:gd name="connsiteX6" fmla="*/ 42274 w 46435"/>
                <a:gd name="connsiteY6" fmla="*/ 968 h 40597"/>
                <a:gd name="connsiteX7" fmla="*/ 45512 w 46435"/>
                <a:gd name="connsiteY7" fmla="*/ 4397 h 40597"/>
                <a:gd name="connsiteX8" fmla="*/ 35320 w 46435"/>
                <a:gd name="connsiteY8" fmla="*/ 34210 h 40597"/>
                <a:gd name="connsiteX9" fmla="*/ 19699 w 46435"/>
                <a:gd name="connsiteY9" fmla="*/ 40592 h 40597"/>
                <a:gd name="connsiteX10" fmla="*/ 7412 w 46435"/>
                <a:gd name="connsiteY10" fmla="*/ 4778 h 40597"/>
                <a:gd name="connsiteX11" fmla="*/ 8936 w 46435"/>
                <a:gd name="connsiteY11" fmla="*/ 13731 h 40597"/>
                <a:gd name="connsiteX12" fmla="*/ 10746 w 46435"/>
                <a:gd name="connsiteY12" fmla="*/ 21256 h 40597"/>
                <a:gd name="connsiteX13" fmla="*/ 17509 w 46435"/>
                <a:gd name="connsiteY13" fmla="*/ 33543 h 40597"/>
                <a:gd name="connsiteX14" fmla="*/ 29224 w 46435"/>
                <a:gd name="connsiteY14" fmla="*/ 28019 h 40597"/>
                <a:gd name="connsiteX15" fmla="*/ 40845 w 46435"/>
                <a:gd name="connsiteY15" fmla="*/ 7540 h 40597"/>
                <a:gd name="connsiteX16" fmla="*/ 20461 w 46435"/>
                <a:gd name="connsiteY16" fmla="*/ 7540 h 40597"/>
                <a:gd name="connsiteX17" fmla="*/ 7412 w 46435"/>
                <a:gd name="connsiteY17" fmla="*/ 4778 h 405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46435" h="40597">
                  <a:moveTo>
                    <a:pt x="19699" y="40592"/>
                  </a:moveTo>
                  <a:cubicBezTo>
                    <a:pt x="17347" y="40658"/>
                    <a:pt x="15013" y="40097"/>
                    <a:pt x="12936" y="38972"/>
                  </a:cubicBezTo>
                  <a:cubicBezTo>
                    <a:pt x="8841" y="36782"/>
                    <a:pt x="4269" y="31638"/>
                    <a:pt x="5126" y="19922"/>
                  </a:cubicBezTo>
                  <a:cubicBezTo>
                    <a:pt x="649" y="13351"/>
                    <a:pt x="-1541" y="8112"/>
                    <a:pt x="1221" y="3635"/>
                  </a:cubicBezTo>
                  <a:cubicBezTo>
                    <a:pt x="3983" y="-842"/>
                    <a:pt x="11603" y="-461"/>
                    <a:pt x="19699" y="968"/>
                  </a:cubicBezTo>
                  <a:cubicBezTo>
                    <a:pt x="25538" y="2530"/>
                    <a:pt x="31672" y="2530"/>
                    <a:pt x="37511" y="968"/>
                  </a:cubicBezTo>
                  <a:cubicBezTo>
                    <a:pt x="39026" y="301"/>
                    <a:pt x="40759" y="301"/>
                    <a:pt x="42274" y="968"/>
                  </a:cubicBezTo>
                  <a:cubicBezTo>
                    <a:pt x="43798" y="1587"/>
                    <a:pt x="44979" y="2844"/>
                    <a:pt x="45512" y="4397"/>
                  </a:cubicBezTo>
                  <a:cubicBezTo>
                    <a:pt x="48398" y="15475"/>
                    <a:pt x="44388" y="27209"/>
                    <a:pt x="35320" y="34210"/>
                  </a:cubicBezTo>
                  <a:cubicBezTo>
                    <a:pt x="31005" y="38077"/>
                    <a:pt x="25491" y="40335"/>
                    <a:pt x="19699" y="40592"/>
                  </a:cubicBezTo>
                  <a:close/>
                  <a:moveTo>
                    <a:pt x="7412" y="4778"/>
                  </a:moveTo>
                  <a:cubicBezTo>
                    <a:pt x="7984" y="5826"/>
                    <a:pt x="7412" y="12112"/>
                    <a:pt x="8936" y="13731"/>
                  </a:cubicBezTo>
                  <a:cubicBezTo>
                    <a:pt x="10051" y="16094"/>
                    <a:pt x="10660" y="18646"/>
                    <a:pt x="10746" y="21256"/>
                  </a:cubicBezTo>
                  <a:cubicBezTo>
                    <a:pt x="10736" y="26247"/>
                    <a:pt x="13289" y="30886"/>
                    <a:pt x="17509" y="33543"/>
                  </a:cubicBezTo>
                  <a:cubicBezTo>
                    <a:pt x="19128" y="34496"/>
                    <a:pt x="25128" y="31448"/>
                    <a:pt x="29224" y="28019"/>
                  </a:cubicBezTo>
                  <a:cubicBezTo>
                    <a:pt x="34520" y="22104"/>
                    <a:pt x="38483" y="15122"/>
                    <a:pt x="40845" y="7540"/>
                  </a:cubicBezTo>
                  <a:cubicBezTo>
                    <a:pt x="34073" y="8302"/>
                    <a:pt x="27234" y="8302"/>
                    <a:pt x="20461" y="7540"/>
                  </a:cubicBezTo>
                  <a:cubicBezTo>
                    <a:pt x="19223" y="7350"/>
                    <a:pt x="9222" y="4968"/>
                    <a:pt x="7412" y="4778"/>
                  </a:cubicBezTo>
                  <a:close/>
                </a:path>
              </a:pathLst>
            </a:custGeom>
            <a:solidFill>
              <a:srgbClr val="245A99"/>
            </a:solidFill>
            <a:ln w="7144" cap="flat">
              <a:solidFill>
                <a:srgbClr val="265998"/>
              </a:solidFill>
              <a:prstDash val="solid"/>
              <a:miter/>
            </a:ln>
          </p:spPr>
          <p:txBody>
            <a:bodyPr rtlCol="0" anchor="ctr"/>
            <a:lstStyle/>
            <a:p>
              <a:endParaRPr lang="en-AU" sz="1650"/>
            </a:p>
          </p:txBody>
        </p:sp>
      </p:grpSp>
      <p:sp>
        <p:nvSpPr>
          <p:cNvPr id="6" name="Rectangle 5">
            <a:extLst>
              <a:ext uri="{FF2B5EF4-FFF2-40B4-BE49-F238E27FC236}">
                <a16:creationId xmlns:a16="http://schemas.microsoft.com/office/drawing/2014/main" id="{9C9B5954-EACF-BFFC-1FA7-21E68AF0C852}"/>
              </a:ext>
            </a:extLst>
          </p:cNvPr>
          <p:cNvSpPr/>
          <p:nvPr/>
        </p:nvSpPr>
        <p:spPr>
          <a:xfrm>
            <a:off x="569995" y="2396437"/>
            <a:ext cx="9495636" cy="900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08000" rtlCol="0" anchor="t" anchorCtr="0"/>
          <a:lstStyle/>
          <a:p>
            <a:pPr>
              <a:lnSpc>
                <a:spcPts val="1993"/>
              </a:lnSpc>
              <a:spcAft>
                <a:spcPts val="1600"/>
              </a:spcAft>
            </a:pPr>
            <a: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t>Reduce suicide, suicidal distress and self</a:t>
            </a:r>
            <a:r>
              <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rPr>
              <a:t>‑</a:t>
            </a:r>
            <a: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t>harm </a:t>
            </a: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through a whole-of-government approach to coordinated prevention, early intervention, treatment, aftercare and postvention supports</a:t>
            </a:r>
          </a:p>
        </p:txBody>
      </p:sp>
      <p:sp>
        <p:nvSpPr>
          <p:cNvPr id="5" name="Rectangle 4">
            <a:extLst>
              <a:ext uri="{FF2B5EF4-FFF2-40B4-BE49-F238E27FC236}">
                <a16:creationId xmlns:a16="http://schemas.microsoft.com/office/drawing/2014/main" id="{5B3E7E4E-51FA-5AB8-26A4-78324D6497AC}"/>
              </a:ext>
            </a:extLst>
          </p:cNvPr>
          <p:cNvSpPr/>
          <p:nvPr/>
        </p:nvSpPr>
        <p:spPr>
          <a:xfrm>
            <a:off x="10069363" y="2396437"/>
            <a:ext cx="1220465" cy="900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1650" b="1">
              <a:solidFill>
                <a:schemeClr val="bg2"/>
              </a:solidFill>
            </a:endParaRPr>
          </a:p>
        </p:txBody>
      </p:sp>
      <p:grpSp>
        <p:nvGrpSpPr>
          <p:cNvPr id="12" name="Group 11">
            <a:extLst>
              <a:ext uri="{FF2B5EF4-FFF2-40B4-BE49-F238E27FC236}">
                <a16:creationId xmlns:a16="http://schemas.microsoft.com/office/drawing/2014/main" id="{DEFE7006-CB5B-04C2-2D3B-EBA1594AA5F1}"/>
              </a:ext>
            </a:extLst>
          </p:cNvPr>
          <p:cNvGrpSpPr/>
          <p:nvPr/>
        </p:nvGrpSpPr>
        <p:grpSpPr>
          <a:xfrm>
            <a:off x="10463599" y="2630434"/>
            <a:ext cx="432001" cy="432000"/>
            <a:chOff x="10945515" y="2729573"/>
            <a:chExt cx="432001" cy="432000"/>
          </a:xfrm>
        </p:grpSpPr>
        <p:sp>
          <p:nvSpPr>
            <p:cNvPr id="42" name="Freeform: Shape 41">
              <a:extLst>
                <a:ext uri="{FF2B5EF4-FFF2-40B4-BE49-F238E27FC236}">
                  <a16:creationId xmlns:a16="http://schemas.microsoft.com/office/drawing/2014/main" id="{1886F7D9-2CBB-43BD-4AFD-6F25438789A3}"/>
                </a:ext>
              </a:extLst>
            </p:cNvPr>
            <p:cNvSpPr/>
            <p:nvPr/>
          </p:nvSpPr>
          <p:spPr>
            <a:xfrm>
              <a:off x="10964252" y="2908141"/>
              <a:ext cx="366994" cy="243121"/>
            </a:xfrm>
            <a:custGeom>
              <a:avLst/>
              <a:gdLst>
                <a:gd name="connsiteX0" fmla="*/ 78930 w 522311"/>
                <a:gd name="connsiteY0" fmla="*/ 319964 h 320084"/>
                <a:gd name="connsiteX1" fmla="*/ 78930 w 522311"/>
                <a:gd name="connsiteY1" fmla="*/ 97723 h 320084"/>
                <a:gd name="connsiteX2" fmla="*/ 65593 w 522311"/>
                <a:gd name="connsiteY2" fmla="*/ 84386 h 320084"/>
                <a:gd name="connsiteX3" fmla="*/ 52256 w 522311"/>
                <a:gd name="connsiteY3" fmla="*/ 97723 h 320084"/>
                <a:gd name="connsiteX4" fmla="*/ 52256 w 522311"/>
                <a:gd name="connsiteY4" fmla="*/ 242246 h 320084"/>
                <a:gd name="connsiteX5" fmla="*/ 48255 w 522311"/>
                <a:gd name="connsiteY5" fmla="*/ 242973 h 320084"/>
                <a:gd name="connsiteX6" fmla="*/ 0 w 522311"/>
                <a:gd name="connsiteY6" fmla="*/ 192778 h 320084"/>
                <a:gd name="connsiteX7" fmla="*/ 25461 w 522311"/>
                <a:gd name="connsiteY7" fmla="*/ 75656 h 320084"/>
                <a:gd name="connsiteX8" fmla="*/ 25946 w 522311"/>
                <a:gd name="connsiteY8" fmla="*/ 73959 h 320084"/>
                <a:gd name="connsiteX9" fmla="*/ 176653 w 522311"/>
                <a:gd name="connsiteY9" fmla="*/ 0 h 320084"/>
                <a:gd name="connsiteX10" fmla="*/ 296927 w 522311"/>
                <a:gd name="connsiteY10" fmla="*/ 20369 h 320084"/>
                <a:gd name="connsiteX11" fmla="*/ 375615 w 522311"/>
                <a:gd name="connsiteY11" fmla="*/ 48013 h 320084"/>
                <a:gd name="connsiteX12" fmla="*/ 422900 w 522311"/>
                <a:gd name="connsiteY12" fmla="*/ 43405 h 320084"/>
                <a:gd name="connsiteX13" fmla="*/ 469337 w 522311"/>
                <a:gd name="connsiteY13" fmla="*/ 13579 h 320084"/>
                <a:gd name="connsiteX14" fmla="*/ 510681 w 522311"/>
                <a:gd name="connsiteY14" fmla="*/ 3395 h 320084"/>
                <a:gd name="connsiteX15" fmla="*/ 522199 w 522311"/>
                <a:gd name="connsiteY15" fmla="*/ 19399 h 320084"/>
                <a:gd name="connsiteX16" fmla="*/ 502679 w 522311"/>
                <a:gd name="connsiteY16" fmla="*/ 52378 h 320084"/>
                <a:gd name="connsiteX17" fmla="*/ 435873 w 522311"/>
                <a:gd name="connsiteY17" fmla="*/ 103300 h 320084"/>
                <a:gd name="connsiteX18" fmla="*/ 384951 w 522311"/>
                <a:gd name="connsiteY18" fmla="*/ 114576 h 320084"/>
                <a:gd name="connsiteX19" fmla="*/ 327723 w 522311"/>
                <a:gd name="connsiteY19" fmla="*/ 99784 h 320084"/>
                <a:gd name="connsiteX20" fmla="*/ 290986 w 522311"/>
                <a:gd name="connsiteY20" fmla="*/ 89963 h 320084"/>
                <a:gd name="connsiteX21" fmla="*/ 289289 w 522311"/>
                <a:gd name="connsiteY21" fmla="*/ 89963 h 320084"/>
                <a:gd name="connsiteX22" fmla="*/ 287713 w 522311"/>
                <a:gd name="connsiteY22" fmla="*/ 89600 h 320084"/>
                <a:gd name="connsiteX23" fmla="*/ 286743 w 522311"/>
                <a:gd name="connsiteY23" fmla="*/ 89842 h 320084"/>
                <a:gd name="connsiteX24" fmla="*/ 284075 w 522311"/>
                <a:gd name="connsiteY24" fmla="*/ 90448 h 320084"/>
                <a:gd name="connsiteX25" fmla="*/ 281772 w 522311"/>
                <a:gd name="connsiteY25" fmla="*/ 91297 h 320084"/>
                <a:gd name="connsiteX26" fmla="*/ 279589 w 522311"/>
                <a:gd name="connsiteY26" fmla="*/ 92752 h 320084"/>
                <a:gd name="connsiteX27" fmla="*/ 277771 w 522311"/>
                <a:gd name="connsiteY27" fmla="*/ 94449 h 320084"/>
                <a:gd name="connsiteX28" fmla="*/ 276437 w 522311"/>
                <a:gd name="connsiteY28" fmla="*/ 96511 h 320084"/>
                <a:gd name="connsiteX29" fmla="*/ 275224 w 522311"/>
                <a:gd name="connsiteY29" fmla="*/ 98935 h 320084"/>
                <a:gd name="connsiteX30" fmla="*/ 274740 w 522311"/>
                <a:gd name="connsiteY30" fmla="*/ 99905 h 320084"/>
                <a:gd name="connsiteX31" fmla="*/ 274740 w 522311"/>
                <a:gd name="connsiteY31" fmla="*/ 101481 h 320084"/>
                <a:gd name="connsiteX32" fmla="*/ 274376 w 522311"/>
                <a:gd name="connsiteY32" fmla="*/ 103058 h 320084"/>
                <a:gd name="connsiteX33" fmla="*/ 274376 w 522311"/>
                <a:gd name="connsiteY33" fmla="*/ 320085 h 320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522311" h="320084">
                  <a:moveTo>
                    <a:pt x="78930" y="319964"/>
                  </a:moveTo>
                  <a:lnTo>
                    <a:pt x="78930" y="97723"/>
                  </a:lnTo>
                  <a:cubicBezTo>
                    <a:pt x="78930" y="90327"/>
                    <a:pt x="72989" y="84386"/>
                    <a:pt x="65593" y="84386"/>
                  </a:cubicBezTo>
                  <a:cubicBezTo>
                    <a:pt x="58197" y="84386"/>
                    <a:pt x="52256" y="90327"/>
                    <a:pt x="52256" y="97723"/>
                  </a:cubicBezTo>
                  <a:lnTo>
                    <a:pt x="52256" y="242246"/>
                  </a:lnTo>
                  <a:lnTo>
                    <a:pt x="48255" y="242973"/>
                  </a:lnTo>
                  <a:cubicBezTo>
                    <a:pt x="25946" y="241761"/>
                    <a:pt x="485" y="202842"/>
                    <a:pt x="0" y="192778"/>
                  </a:cubicBezTo>
                  <a:cubicBezTo>
                    <a:pt x="0" y="178835"/>
                    <a:pt x="12609" y="108150"/>
                    <a:pt x="25461" y="75656"/>
                  </a:cubicBezTo>
                  <a:cubicBezTo>
                    <a:pt x="25704" y="75171"/>
                    <a:pt x="25825" y="74565"/>
                    <a:pt x="25946" y="73959"/>
                  </a:cubicBezTo>
                  <a:cubicBezTo>
                    <a:pt x="51286" y="12367"/>
                    <a:pt x="102451" y="0"/>
                    <a:pt x="176653" y="0"/>
                  </a:cubicBezTo>
                  <a:cubicBezTo>
                    <a:pt x="242973" y="0"/>
                    <a:pt x="266495" y="8851"/>
                    <a:pt x="296927" y="20369"/>
                  </a:cubicBezTo>
                  <a:cubicBezTo>
                    <a:pt x="328329" y="32251"/>
                    <a:pt x="374524" y="47649"/>
                    <a:pt x="375615" y="48013"/>
                  </a:cubicBezTo>
                  <a:cubicBezTo>
                    <a:pt x="398894" y="54560"/>
                    <a:pt x="409078" y="51893"/>
                    <a:pt x="422900" y="43405"/>
                  </a:cubicBezTo>
                  <a:cubicBezTo>
                    <a:pt x="436479" y="35161"/>
                    <a:pt x="467518" y="14792"/>
                    <a:pt x="469337" y="13579"/>
                  </a:cubicBezTo>
                  <a:cubicBezTo>
                    <a:pt x="484735" y="2304"/>
                    <a:pt x="499890" y="-1455"/>
                    <a:pt x="510681" y="3395"/>
                  </a:cubicBezTo>
                  <a:cubicBezTo>
                    <a:pt x="517228" y="6305"/>
                    <a:pt x="521350" y="12124"/>
                    <a:pt x="522199" y="19399"/>
                  </a:cubicBezTo>
                  <a:cubicBezTo>
                    <a:pt x="523290" y="30554"/>
                    <a:pt x="516379" y="42557"/>
                    <a:pt x="502679" y="52378"/>
                  </a:cubicBezTo>
                  <a:lnTo>
                    <a:pt x="435873" y="103300"/>
                  </a:lnTo>
                  <a:cubicBezTo>
                    <a:pt x="419626" y="113848"/>
                    <a:pt x="401076" y="117971"/>
                    <a:pt x="384951" y="114576"/>
                  </a:cubicBezTo>
                  <a:cubicBezTo>
                    <a:pt x="368461" y="111060"/>
                    <a:pt x="347729" y="105361"/>
                    <a:pt x="327723" y="99784"/>
                  </a:cubicBezTo>
                  <a:cubicBezTo>
                    <a:pt x="314629" y="96147"/>
                    <a:pt x="302020" y="92631"/>
                    <a:pt x="290986" y="89963"/>
                  </a:cubicBezTo>
                  <a:cubicBezTo>
                    <a:pt x="290380" y="89842"/>
                    <a:pt x="289895" y="89963"/>
                    <a:pt x="289289" y="89963"/>
                  </a:cubicBezTo>
                  <a:cubicBezTo>
                    <a:pt x="288804" y="89963"/>
                    <a:pt x="288319" y="89600"/>
                    <a:pt x="287713" y="89600"/>
                  </a:cubicBezTo>
                  <a:cubicBezTo>
                    <a:pt x="287349" y="89600"/>
                    <a:pt x="287107" y="89721"/>
                    <a:pt x="286743" y="89842"/>
                  </a:cubicBezTo>
                  <a:cubicBezTo>
                    <a:pt x="285773" y="89842"/>
                    <a:pt x="284924" y="90084"/>
                    <a:pt x="284075" y="90448"/>
                  </a:cubicBezTo>
                  <a:cubicBezTo>
                    <a:pt x="283348" y="90691"/>
                    <a:pt x="282499" y="90933"/>
                    <a:pt x="281772" y="91297"/>
                  </a:cubicBezTo>
                  <a:cubicBezTo>
                    <a:pt x="281044" y="91661"/>
                    <a:pt x="280317" y="92146"/>
                    <a:pt x="279589" y="92752"/>
                  </a:cubicBezTo>
                  <a:cubicBezTo>
                    <a:pt x="278862" y="93237"/>
                    <a:pt x="278256" y="93722"/>
                    <a:pt x="277771" y="94449"/>
                  </a:cubicBezTo>
                  <a:cubicBezTo>
                    <a:pt x="277286" y="95055"/>
                    <a:pt x="276801" y="95783"/>
                    <a:pt x="276437" y="96511"/>
                  </a:cubicBezTo>
                  <a:cubicBezTo>
                    <a:pt x="275952" y="97359"/>
                    <a:pt x="275588" y="98087"/>
                    <a:pt x="275224" y="98935"/>
                  </a:cubicBezTo>
                  <a:cubicBezTo>
                    <a:pt x="275224" y="99299"/>
                    <a:pt x="274861" y="99542"/>
                    <a:pt x="274740" y="99905"/>
                  </a:cubicBezTo>
                  <a:cubicBezTo>
                    <a:pt x="274618" y="100390"/>
                    <a:pt x="274740" y="100997"/>
                    <a:pt x="274740" y="101481"/>
                  </a:cubicBezTo>
                  <a:cubicBezTo>
                    <a:pt x="274740" y="102088"/>
                    <a:pt x="274376" y="102573"/>
                    <a:pt x="274376" y="103058"/>
                  </a:cubicBezTo>
                  <a:lnTo>
                    <a:pt x="274376" y="320085"/>
                  </a:lnTo>
                </a:path>
              </a:pathLst>
            </a:custGeom>
            <a:solidFill>
              <a:srgbClr val="C7E4F1"/>
            </a:solidFill>
            <a:ln w="12102" cap="flat">
              <a:noFill/>
              <a:prstDash val="solid"/>
              <a:miter/>
            </a:ln>
          </p:spPr>
          <p:txBody>
            <a:bodyPr rtlCol="0" anchor="ctr"/>
            <a:lstStyle/>
            <a:p>
              <a:endParaRPr lang="en-AU" sz="1650"/>
            </a:p>
          </p:txBody>
        </p:sp>
        <p:sp>
          <p:nvSpPr>
            <p:cNvPr id="43" name="Freeform: Shape 42">
              <a:extLst>
                <a:ext uri="{FF2B5EF4-FFF2-40B4-BE49-F238E27FC236}">
                  <a16:creationId xmlns:a16="http://schemas.microsoft.com/office/drawing/2014/main" id="{50937244-98B8-DEB5-49C4-2AD27C796347}"/>
                </a:ext>
              </a:extLst>
            </p:cNvPr>
            <p:cNvSpPr/>
            <p:nvPr/>
          </p:nvSpPr>
          <p:spPr>
            <a:xfrm>
              <a:off x="11178932" y="2893039"/>
              <a:ext cx="104955" cy="34206"/>
            </a:xfrm>
            <a:custGeom>
              <a:avLst/>
              <a:gdLst>
                <a:gd name="connsiteX0" fmla="*/ 79415 w 149373"/>
                <a:gd name="connsiteY0" fmla="*/ 0 h 45034"/>
                <a:gd name="connsiteX1" fmla="*/ 0 w 149373"/>
                <a:gd name="connsiteY1" fmla="*/ 15156 h 45034"/>
                <a:gd name="connsiteX2" fmla="*/ 77839 w 149373"/>
                <a:gd name="connsiteY2" fmla="*/ 42557 h 45034"/>
                <a:gd name="connsiteX3" fmla="*/ 103543 w 149373"/>
                <a:gd name="connsiteY3" fmla="*/ 40617 h 45034"/>
                <a:gd name="connsiteX4" fmla="*/ 148646 w 149373"/>
                <a:gd name="connsiteY4" fmla="*/ 11761 h 45034"/>
                <a:gd name="connsiteX5" fmla="*/ 149373 w 149373"/>
                <a:gd name="connsiteY5" fmla="*/ 11276 h 45034"/>
                <a:gd name="connsiteX6" fmla="*/ 79658 w 149373"/>
                <a:gd name="connsiteY6" fmla="*/ 0 h 45034"/>
                <a:gd name="connsiteX7" fmla="*/ 79415 w 149373"/>
                <a:gd name="connsiteY7" fmla="*/ 0 h 450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9373" h="45034">
                  <a:moveTo>
                    <a:pt x="79415" y="0"/>
                  </a:moveTo>
                  <a:cubicBezTo>
                    <a:pt x="52863" y="0"/>
                    <a:pt x="24249" y="5698"/>
                    <a:pt x="0" y="15156"/>
                  </a:cubicBezTo>
                  <a:cubicBezTo>
                    <a:pt x="31766" y="27159"/>
                    <a:pt x="77354" y="42435"/>
                    <a:pt x="77839" y="42557"/>
                  </a:cubicBezTo>
                  <a:cubicBezTo>
                    <a:pt x="93358" y="46800"/>
                    <a:pt x="95904" y="45224"/>
                    <a:pt x="103543" y="40617"/>
                  </a:cubicBezTo>
                  <a:cubicBezTo>
                    <a:pt x="116758" y="32615"/>
                    <a:pt x="148282" y="11882"/>
                    <a:pt x="148646" y="11761"/>
                  </a:cubicBezTo>
                  <a:cubicBezTo>
                    <a:pt x="148888" y="11518"/>
                    <a:pt x="149130" y="11397"/>
                    <a:pt x="149373" y="11276"/>
                  </a:cubicBezTo>
                  <a:cubicBezTo>
                    <a:pt x="127549" y="4122"/>
                    <a:pt x="103058" y="0"/>
                    <a:pt x="79658" y="0"/>
                  </a:cubicBezTo>
                  <a:cubicBezTo>
                    <a:pt x="79658" y="0"/>
                    <a:pt x="79415" y="0"/>
                    <a:pt x="79415" y="0"/>
                  </a:cubicBezTo>
                  <a:close/>
                </a:path>
              </a:pathLst>
            </a:custGeom>
            <a:solidFill>
              <a:srgbClr val="66BCDB"/>
            </a:solidFill>
            <a:ln w="12102" cap="flat">
              <a:noFill/>
              <a:prstDash val="solid"/>
              <a:miter/>
            </a:ln>
          </p:spPr>
          <p:txBody>
            <a:bodyPr rtlCol="0" anchor="ctr"/>
            <a:lstStyle/>
            <a:p>
              <a:endParaRPr lang="en-AU" sz="1650"/>
            </a:p>
          </p:txBody>
        </p:sp>
        <p:sp>
          <p:nvSpPr>
            <p:cNvPr id="44" name="Freeform: Shape 43">
              <a:extLst>
                <a:ext uri="{FF2B5EF4-FFF2-40B4-BE49-F238E27FC236}">
                  <a16:creationId xmlns:a16="http://schemas.microsoft.com/office/drawing/2014/main" id="{154BDA0A-942A-61AE-81B9-BC77A93D4598}"/>
                </a:ext>
              </a:extLst>
            </p:cNvPr>
            <p:cNvSpPr/>
            <p:nvPr/>
          </p:nvSpPr>
          <p:spPr>
            <a:xfrm>
              <a:off x="11175865" y="2955661"/>
              <a:ext cx="182988" cy="195325"/>
            </a:xfrm>
            <a:custGeom>
              <a:avLst/>
              <a:gdLst>
                <a:gd name="connsiteX0" fmla="*/ 194840 w 260432"/>
                <a:gd name="connsiteY0" fmla="*/ 77596 h 257158"/>
                <a:gd name="connsiteX1" fmla="*/ 208176 w 260432"/>
                <a:gd name="connsiteY1" fmla="*/ 90933 h 257158"/>
                <a:gd name="connsiteX2" fmla="*/ 208176 w 260432"/>
                <a:gd name="connsiteY2" fmla="*/ 179684 h 257158"/>
                <a:gd name="connsiteX3" fmla="*/ 212177 w 260432"/>
                <a:gd name="connsiteY3" fmla="*/ 180411 h 257158"/>
                <a:gd name="connsiteX4" fmla="*/ 260433 w 260432"/>
                <a:gd name="connsiteY4" fmla="*/ 130095 h 257158"/>
                <a:gd name="connsiteX5" fmla="*/ 234971 w 260432"/>
                <a:gd name="connsiteY5" fmla="*/ 12973 h 257158"/>
                <a:gd name="connsiteX6" fmla="*/ 234365 w 260432"/>
                <a:gd name="connsiteY6" fmla="*/ 11154 h 257158"/>
                <a:gd name="connsiteX7" fmla="*/ 233759 w 260432"/>
                <a:gd name="connsiteY7" fmla="*/ 9578 h 257158"/>
                <a:gd name="connsiteX8" fmla="*/ 230000 w 260432"/>
                <a:gd name="connsiteY8" fmla="*/ 0 h 257158"/>
                <a:gd name="connsiteX9" fmla="*/ 217391 w 260432"/>
                <a:gd name="connsiteY9" fmla="*/ 11033 h 257158"/>
                <a:gd name="connsiteX10" fmla="*/ 150100 w 260432"/>
                <a:gd name="connsiteY10" fmla="*/ 62320 h 257158"/>
                <a:gd name="connsiteX11" fmla="*/ 78324 w 260432"/>
                <a:gd name="connsiteY11" fmla="*/ 77960 h 257158"/>
                <a:gd name="connsiteX12" fmla="*/ 19520 w 260432"/>
                <a:gd name="connsiteY12" fmla="*/ 62804 h 257158"/>
                <a:gd name="connsiteX13" fmla="*/ 0 w 260432"/>
                <a:gd name="connsiteY13" fmla="*/ 57470 h 257158"/>
                <a:gd name="connsiteX14" fmla="*/ 0 w 260432"/>
                <a:gd name="connsiteY14" fmla="*/ 257159 h 257158"/>
                <a:gd name="connsiteX15" fmla="*/ 181624 w 260432"/>
                <a:gd name="connsiteY15" fmla="*/ 257159 h 257158"/>
                <a:gd name="connsiteX16" fmla="*/ 181624 w 260432"/>
                <a:gd name="connsiteY16" fmla="*/ 90691 h 257158"/>
                <a:gd name="connsiteX17" fmla="*/ 194961 w 260432"/>
                <a:gd name="connsiteY17" fmla="*/ 77354 h 257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60432" h="257158">
                  <a:moveTo>
                    <a:pt x="194840" y="77596"/>
                  </a:moveTo>
                  <a:cubicBezTo>
                    <a:pt x="202236" y="77596"/>
                    <a:pt x="208176" y="83537"/>
                    <a:pt x="208176" y="90933"/>
                  </a:cubicBezTo>
                  <a:lnTo>
                    <a:pt x="208176" y="179684"/>
                  </a:lnTo>
                  <a:lnTo>
                    <a:pt x="212177" y="180411"/>
                  </a:lnTo>
                  <a:cubicBezTo>
                    <a:pt x="234487" y="179199"/>
                    <a:pt x="259948" y="140280"/>
                    <a:pt x="260433" y="130095"/>
                  </a:cubicBezTo>
                  <a:cubicBezTo>
                    <a:pt x="260433" y="116273"/>
                    <a:pt x="247823" y="45467"/>
                    <a:pt x="234971" y="12973"/>
                  </a:cubicBezTo>
                  <a:cubicBezTo>
                    <a:pt x="234729" y="12367"/>
                    <a:pt x="234608" y="11761"/>
                    <a:pt x="234365" y="11154"/>
                  </a:cubicBezTo>
                  <a:lnTo>
                    <a:pt x="233759" y="9578"/>
                  </a:lnTo>
                  <a:cubicBezTo>
                    <a:pt x="232910" y="7275"/>
                    <a:pt x="231455" y="3880"/>
                    <a:pt x="230000" y="0"/>
                  </a:cubicBezTo>
                  <a:cubicBezTo>
                    <a:pt x="226242" y="3880"/>
                    <a:pt x="222120" y="7638"/>
                    <a:pt x="217391" y="11033"/>
                  </a:cubicBezTo>
                  <a:lnTo>
                    <a:pt x="150100" y="62320"/>
                  </a:lnTo>
                  <a:cubicBezTo>
                    <a:pt x="127064" y="77354"/>
                    <a:pt x="101239" y="82810"/>
                    <a:pt x="78324" y="77960"/>
                  </a:cubicBezTo>
                  <a:cubicBezTo>
                    <a:pt x="60986" y="74323"/>
                    <a:pt x="39889" y="68382"/>
                    <a:pt x="19520" y="62804"/>
                  </a:cubicBezTo>
                  <a:cubicBezTo>
                    <a:pt x="12852" y="60986"/>
                    <a:pt x="6305" y="59167"/>
                    <a:pt x="0" y="57470"/>
                  </a:cubicBezTo>
                  <a:lnTo>
                    <a:pt x="0" y="257159"/>
                  </a:lnTo>
                  <a:lnTo>
                    <a:pt x="181624" y="257159"/>
                  </a:lnTo>
                  <a:lnTo>
                    <a:pt x="181624" y="90691"/>
                  </a:lnTo>
                  <a:cubicBezTo>
                    <a:pt x="181624" y="83295"/>
                    <a:pt x="187565" y="77354"/>
                    <a:pt x="194961" y="77354"/>
                  </a:cubicBezTo>
                  <a:close/>
                </a:path>
              </a:pathLst>
            </a:custGeom>
            <a:solidFill>
              <a:srgbClr val="66BCDB"/>
            </a:solidFill>
            <a:ln w="12102" cap="flat">
              <a:noFill/>
              <a:prstDash val="solid"/>
              <a:miter/>
            </a:ln>
          </p:spPr>
          <p:txBody>
            <a:bodyPr rtlCol="0" anchor="ctr"/>
            <a:lstStyle/>
            <a:p>
              <a:endParaRPr lang="en-AU" sz="1650"/>
            </a:p>
          </p:txBody>
        </p:sp>
        <p:grpSp>
          <p:nvGrpSpPr>
            <p:cNvPr id="45" name="Graphic 2">
              <a:extLst>
                <a:ext uri="{FF2B5EF4-FFF2-40B4-BE49-F238E27FC236}">
                  <a16:creationId xmlns:a16="http://schemas.microsoft.com/office/drawing/2014/main" id="{391E0165-B75C-F46D-66E2-D60CEC5D6141}"/>
                </a:ext>
              </a:extLst>
            </p:cNvPr>
            <p:cNvGrpSpPr/>
            <p:nvPr/>
          </p:nvGrpSpPr>
          <p:grpSpPr>
            <a:xfrm>
              <a:off x="10945515" y="2729573"/>
              <a:ext cx="432001" cy="432000"/>
              <a:chOff x="2693722" y="1904081"/>
              <a:chExt cx="614829" cy="568757"/>
            </a:xfrm>
            <a:solidFill>
              <a:srgbClr val="265A9A"/>
            </a:solidFill>
          </p:grpSpPr>
          <p:sp>
            <p:nvSpPr>
              <p:cNvPr id="46" name="Freeform: Shape 45">
                <a:extLst>
                  <a:ext uri="{FF2B5EF4-FFF2-40B4-BE49-F238E27FC236}">
                    <a16:creationId xmlns:a16="http://schemas.microsoft.com/office/drawing/2014/main" id="{A1D9BE67-7A14-396D-7733-530567B0F1C2}"/>
                  </a:ext>
                </a:extLst>
              </p:cNvPr>
              <p:cNvSpPr/>
              <p:nvPr/>
            </p:nvSpPr>
            <p:spPr>
              <a:xfrm>
                <a:off x="3022536" y="1945911"/>
                <a:ext cx="165619" cy="138703"/>
              </a:xfrm>
              <a:custGeom>
                <a:avLst/>
                <a:gdLst>
                  <a:gd name="connsiteX0" fmla="*/ 13579 w 165619"/>
                  <a:gd name="connsiteY0" fmla="*/ 138703 h 138703"/>
                  <a:gd name="connsiteX1" fmla="*/ 26916 w 165619"/>
                  <a:gd name="connsiteY1" fmla="*/ 125367 h 138703"/>
                  <a:gd name="connsiteX2" fmla="*/ 26916 w 165619"/>
                  <a:gd name="connsiteY2" fmla="*/ 81719 h 138703"/>
                  <a:gd name="connsiteX3" fmla="*/ 81961 w 165619"/>
                  <a:gd name="connsiteY3" fmla="*/ 26674 h 138703"/>
                  <a:gd name="connsiteX4" fmla="*/ 83901 w 165619"/>
                  <a:gd name="connsiteY4" fmla="*/ 26674 h 138703"/>
                  <a:gd name="connsiteX5" fmla="*/ 138946 w 165619"/>
                  <a:gd name="connsiteY5" fmla="*/ 81719 h 138703"/>
                  <a:gd name="connsiteX6" fmla="*/ 138946 w 165619"/>
                  <a:gd name="connsiteY6" fmla="*/ 124397 h 138703"/>
                  <a:gd name="connsiteX7" fmla="*/ 152283 w 165619"/>
                  <a:gd name="connsiteY7" fmla="*/ 137734 h 138703"/>
                  <a:gd name="connsiteX8" fmla="*/ 165620 w 165619"/>
                  <a:gd name="connsiteY8" fmla="*/ 124397 h 138703"/>
                  <a:gd name="connsiteX9" fmla="*/ 165620 w 165619"/>
                  <a:gd name="connsiteY9" fmla="*/ 81719 h 138703"/>
                  <a:gd name="connsiteX10" fmla="*/ 83780 w 165619"/>
                  <a:gd name="connsiteY10" fmla="*/ 0 h 138703"/>
                  <a:gd name="connsiteX11" fmla="*/ 81840 w 165619"/>
                  <a:gd name="connsiteY11" fmla="*/ 0 h 138703"/>
                  <a:gd name="connsiteX12" fmla="*/ 0 w 165619"/>
                  <a:gd name="connsiteY12" fmla="*/ 81719 h 138703"/>
                  <a:gd name="connsiteX13" fmla="*/ 0 w 165619"/>
                  <a:gd name="connsiteY13" fmla="*/ 125367 h 138703"/>
                  <a:gd name="connsiteX14" fmla="*/ 13337 w 165619"/>
                  <a:gd name="connsiteY14" fmla="*/ 138703 h 1387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5619" h="138703">
                    <a:moveTo>
                      <a:pt x="13579" y="138703"/>
                    </a:moveTo>
                    <a:cubicBezTo>
                      <a:pt x="20975" y="138703"/>
                      <a:pt x="26916" y="132762"/>
                      <a:pt x="26916" y="125367"/>
                    </a:cubicBezTo>
                    <a:lnTo>
                      <a:pt x="26916" y="81719"/>
                    </a:lnTo>
                    <a:cubicBezTo>
                      <a:pt x="26916" y="51286"/>
                      <a:pt x="51650" y="26674"/>
                      <a:pt x="81961" y="26674"/>
                    </a:cubicBezTo>
                    <a:lnTo>
                      <a:pt x="83901" y="26674"/>
                    </a:lnTo>
                    <a:cubicBezTo>
                      <a:pt x="114333" y="26674"/>
                      <a:pt x="138946" y="51408"/>
                      <a:pt x="138946" y="81719"/>
                    </a:cubicBezTo>
                    <a:lnTo>
                      <a:pt x="138946" y="124397"/>
                    </a:lnTo>
                    <a:cubicBezTo>
                      <a:pt x="138946" y="131792"/>
                      <a:pt x="144887" y="137734"/>
                      <a:pt x="152283" y="137734"/>
                    </a:cubicBezTo>
                    <a:cubicBezTo>
                      <a:pt x="159679" y="137734"/>
                      <a:pt x="165620" y="131792"/>
                      <a:pt x="165620" y="124397"/>
                    </a:cubicBezTo>
                    <a:lnTo>
                      <a:pt x="165620" y="81719"/>
                    </a:lnTo>
                    <a:cubicBezTo>
                      <a:pt x="165620" y="36616"/>
                      <a:pt x="128883" y="0"/>
                      <a:pt x="83780" y="0"/>
                    </a:cubicBezTo>
                    <a:lnTo>
                      <a:pt x="81840" y="0"/>
                    </a:lnTo>
                    <a:cubicBezTo>
                      <a:pt x="36737" y="0"/>
                      <a:pt x="0" y="36737"/>
                      <a:pt x="0" y="81719"/>
                    </a:cubicBezTo>
                    <a:lnTo>
                      <a:pt x="0" y="125367"/>
                    </a:lnTo>
                    <a:cubicBezTo>
                      <a:pt x="0" y="132762"/>
                      <a:pt x="5941" y="138703"/>
                      <a:pt x="13337" y="138703"/>
                    </a:cubicBezTo>
                    <a:close/>
                  </a:path>
                </a:pathLst>
              </a:custGeom>
              <a:solidFill>
                <a:srgbClr val="265A9A"/>
              </a:solidFill>
              <a:ln w="12102" cap="flat">
                <a:noFill/>
                <a:prstDash val="solid"/>
                <a:miter/>
              </a:ln>
            </p:spPr>
            <p:txBody>
              <a:bodyPr rtlCol="0" anchor="ctr"/>
              <a:lstStyle/>
              <a:p>
                <a:endParaRPr lang="en-AU" sz="1650"/>
              </a:p>
            </p:txBody>
          </p:sp>
          <p:sp>
            <p:nvSpPr>
              <p:cNvPr id="47" name="Freeform: Shape 46">
                <a:extLst>
                  <a:ext uri="{FF2B5EF4-FFF2-40B4-BE49-F238E27FC236}">
                    <a16:creationId xmlns:a16="http://schemas.microsoft.com/office/drawing/2014/main" id="{68E6AC26-D55A-EC77-2C8E-F03796C18507}"/>
                  </a:ext>
                </a:extLst>
              </p:cNvPr>
              <p:cNvSpPr/>
              <p:nvPr/>
            </p:nvSpPr>
            <p:spPr>
              <a:xfrm>
                <a:off x="2814239" y="1904081"/>
                <a:ext cx="165619" cy="193384"/>
              </a:xfrm>
              <a:custGeom>
                <a:avLst/>
                <a:gdLst>
                  <a:gd name="connsiteX0" fmla="*/ 73110 w 165619"/>
                  <a:gd name="connsiteY0" fmla="*/ 193385 h 193384"/>
                  <a:gd name="connsiteX1" fmla="*/ 92509 w 165619"/>
                  <a:gd name="connsiteY1" fmla="*/ 193385 h 193384"/>
                  <a:gd name="connsiteX2" fmla="*/ 165620 w 165619"/>
                  <a:gd name="connsiteY2" fmla="*/ 120274 h 193384"/>
                  <a:gd name="connsiteX3" fmla="*/ 165620 w 165619"/>
                  <a:gd name="connsiteY3" fmla="*/ 73110 h 193384"/>
                  <a:gd name="connsiteX4" fmla="*/ 92509 w 165619"/>
                  <a:gd name="connsiteY4" fmla="*/ 0 h 193384"/>
                  <a:gd name="connsiteX5" fmla="*/ 73110 w 165619"/>
                  <a:gd name="connsiteY5" fmla="*/ 0 h 193384"/>
                  <a:gd name="connsiteX6" fmla="*/ 0 w 165619"/>
                  <a:gd name="connsiteY6" fmla="*/ 73110 h 193384"/>
                  <a:gd name="connsiteX7" fmla="*/ 0 w 165619"/>
                  <a:gd name="connsiteY7" fmla="*/ 120274 h 193384"/>
                  <a:gd name="connsiteX8" fmla="*/ 73110 w 165619"/>
                  <a:gd name="connsiteY8" fmla="*/ 193385 h 193384"/>
                  <a:gd name="connsiteX9" fmla="*/ 26674 w 165619"/>
                  <a:gd name="connsiteY9" fmla="*/ 73110 h 193384"/>
                  <a:gd name="connsiteX10" fmla="*/ 73110 w 165619"/>
                  <a:gd name="connsiteY10" fmla="*/ 26674 h 193384"/>
                  <a:gd name="connsiteX11" fmla="*/ 92509 w 165619"/>
                  <a:gd name="connsiteY11" fmla="*/ 26674 h 193384"/>
                  <a:gd name="connsiteX12" fmla="*/ 138946 w 165619"/>
                  <a:gd name="connsiteY12" fmla="*/ 73110 h 193384"/>
                  <a:gd name="connsiteX13" fmla="*/ 138946 w 165619"/>
                  <a:gd name="connsiteY13" fmla="*/ 120274 h 193384"/>
                  <a:gd name="connsiteX14" fmla="*/ 92509 w 165619"/>
                  <a:gd name="connsiteY14" fmla="*/ 166711 h 193384"/>
                  <a:gd name="connsiteX15" fmla="*/ 73110 w 165619"/>
                  <a:gd name="connsiteY15" fmla="*/ 166711 h 193384"/>
                  <a:gd name="connsiteX16" fmla="*/ 26674 w 165619"/>
                  <a:gd name="connsiteY16" fmla="*/ 120274 h 193384"/>
                  <a:gd name="connsiteX17" fmla="*/ 26674 w 165619"/>
                  <a:gd name="connsiteY17" fmla="*/ 73110 h 193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65619" h="193384">
                    <a:moveTo>
                      <a:pt x="73110" y="193385"/>
                    </a:moveTo>
                    <a:lnTo>
                      <a:pt x="92509" y="193385"/>
                    </a:lnTo>
                    <a:cubicBezTo>
                      <a:pt x="132762" y="193385"/>
                      <a:pt x="165620" y="160649"/>
                      <a:pt x="165620" y="120274"/>
                    </a:cubicBezTo>
                    <a:lnTo>
                      <a:pt x="165620" y="73110"/>
                    </a:lnTo>
                    <a:cubicBezTo>
                      <a:pt x="165620" y="32857"/>
                      <a:pt x="132884" y="0"/>
                      <a:pt x="92509" y="0"/>
                    </a:cubicBezTo>
                    <a:lnTo>
                      <a:pt x="73110" y="0"/>
                    </a:lnTo>
                    <a:cubicBezTo>
                      <a:pt x="32857" y="0"/>
                      <a:pt x="0" y="32736"/>
                      <a:pt x="0" y="73110"/>
                    </a:cubicBezTo>
                    <a:lnTo>
                      <a:pt x="0" y="120274"/>
                    </a:lnTo>
                    <a:cubicBezTo>
                      <a:pt x="0" y="160527"/>
                      <a:pt x="32736" y="193385"/>
                      <a:pt x="73110" y="193385"/>
                    </a:cubicBezTo>
                    <a:close/>
                    <a:moveTo>
                      <a:pt x="26674" y="73110"/>
                    </a:moveTo>
                    <a:cubicBezTo>
                      <a:pt x="26674" y="47528"/>
                      <a:pt x="47528" y="26674"/>
                      <a:pt x="73110" y="26674"/>
                    </a:cubicBezTo>
                    <a:lnTo>
                      <a:pt x="92509" y="26674"/>
                    </a:lnTo>
                    <a:cubicBezTo>
                      <a:pt x="118092" y="26674"/>
                      <a:pt x="138946" y="47528"/>
                      <a:pt x="138946" y="73110"/>
                    </a:cubicBezTo>
                    <a:lnTo>
                      <a:pt x="138946" y="120274"/>
                    </a:lnTo>
                    <a:cubicBezTo>
                      <a:pt x="138946" y="145857"/>
                      <a:pt x="118092" y="166711"/>
                      <a:pt x="92509" y="166711"/>
                    </a:cubicBezTo>
                    <a:lnTo>
                      <a:pt x="73110" y="166711"/>
                    </a:lnTo>
                    <a:cubicBezTo>
                      <a:pt x="47528" y="166711"/>
                      <a:pt x="26674" y="145857"/>
                      <a:pt x="26674" y="120274"/>
                    </a:cubicBezTo>
                    <a:lnTo>
                      <a:pt x="26674" y="73110"/>
                    </a:lnTo>
                    <a:close/>
                  </a:path>
                </a:pathLst>
              </a:custGeom>
              <a:solidFill>
                <a:srgbClr val="265A9A"/>
              </a:solidFill>
              <a:ln w="12102" cap="flat">
                <a:noFill/>
                <a:prstDash val="solid"/>
                <a:miter/>
              </a:ln>
            </p:spPr>
            <p:txBody>
              <a:bodyPr rtlCol="0" anchor="ctr"/>
              <a:lstStyle/>
              <a:p>
                <a:endParaRPr lang="en-AU" sz="1650"/>
              </a:p>
            </p:txBody>
          </p:sp>
          <p:sp>
            <p:nvSpPr>
              <p:cNvPr id="48" name="Freeform: Shape 47">
                <a:extLst>
                  <a:ext uri="{FF2B5EF4-FFF2-40B4-BE49-F238E27FC236}">
                    <a16:creationId xmlns:a16="http://schemas.microsoft.com/office/drawing/2014/main" id="{25C64E5E-306B-BFA9-261C-296F65C1BD83}"/>
                  </a:ext>
                </a:extLst>
              </p:cNvPr>
              <p:cNvSpPr/>
              <p:nvPr/>
            </p:nvSpPr>
            <p:spPr>
              <a:xfrm>
                <a:off x="2693722" y="2092495"/>
                <a:ext cx="614829" cy="380343"/>
              </a:xfrm>
              <a:custGeom>
                <a:avLst/>
                <a:gdLst>
                  <a:gd name="connsiteX0" fmla="*/ 588398 w 614829"/>
                  <a:gd name="connsiteY0" fmla="*/ 114455 h 380343"/>
                  <a:gd name="connsiteX1" fmla="*/ 587792 w 614829"/>
                  <a:gd name="connsiteY1" fmla="*/ 112515 h 380343"/>
                  <a:gd name="connsiteX2" fmla="*/ 586458 w 614829"/>
                  <a:gd name="connsiteY2" fmla="*/ 109241 h 380343"/>
                  <a:gd name="connsiteX3" fmla="*/ 574455 w 614829"/>
                  <a:gd name="connsiteY3" fmla="*/ 79779 h 380343"/>
                  <a:gd name="connsiteX4" fmla="*/ 575425 w 614829"/>
                  <a:gd name="connsiteY4" fmla="*/ 63411 h 380343"/>
                  <a:gd name="connsiteX5" fmla="*/ 548267 w 614829"/>
                  <a:gd name="connsiteY5" fmla="*/ 25825 h 380343"/>
                  <a:gd name="connsiteX6" fmla="*/ 515167 w 614829"/>
                  <a:gd name="connsiteY6" fmla="*/ 22673 h 380343"/>
                  <a:gd name="connsiteX7" fmla="*/ 411867 w 614829"/>
                  <a:gd name="connsiteY7" fmla="*/ 0 h 380343"/>
                  <a:gd name="connsiteX8" fmla="*/ 411624 w 614829"/>
                  <a:gd name="connsiteY8" fmla="*/ 0 h 380343"/>
                  <a:gd name="connsiteX9" fmla="*/ 296078 w 614829"/>
                  <a:gd name="connsiteY9" fmla="*/ 29584 h 380343"/>
                  <a:gd name="connsiteX10" fmla="*/ 203327 w 614829"/>
                  <a:gd name="connsiteY10" fmla="*/ 20005 h 380343"/>
                  <a:gd name="connsiteX11" fmla="*/ 27159 w 614829"/>
                  <a:gd name="connsiteY11" fmla="*/ 112515 h 380343"/>
                  <a:gd name="connsiteX12" fmla="*/ 26553 w 614829"/>
                  <a:gd name="connsiteY12" fmla="*/ 114455 h 380343"/>
                  <a:gd name="connsiteX13" fmla="*/ 0 w 614829"/>
                  <a:gd name="connsiteY13" fmla="*/ 239579 h 380343"/>
                  <a:gd name="connsiteX14" fmla="*/ 76020 w 614829"/>
                  <a:gd name="connsiteY14" fmla="*/ 316448 h 380343"/>
                  <a:gd name="connsiteX15" fmla="*/ 78566 w 614829"/>
                  <a:gd name="connsiteY15" fmla="*/ 316205 h 380343"/>
                  <a:gd name="connsiteX16" fmla="*/ 78930 w 614829"/>
                  <a:gd name="connsiteY16" fmla="*/ 316205 h 380343"/>
                  <a:gd name="connsiteX17" fmla="*/ 78930 w 614829"/>
                  <a:gd name="connsiteY17" fmla="*/ 366643 h 380343"/>
                  <a:gd name="connsiteX18" fmla="*/ 92267 w 614829"/>
                  <a:gd name="connsiteY18" fmla="*/ 379980 h 380343"/>
                  <a:gd name="connsiteX19" fmla="*/ 105604 w 614829"/>
                  <a:gd name="connsiteY19" fmla="*/ 366643 h 380343"/>
                  <a:gd name="connsiteX20" fmla="*/ 105604 w 614829"/>
                  <a:gd name="connsiteY20" fmla="*/ 144402 h 380343"/>
                  <a:gd name="connsiteX21" fmla="*/ 92267 w 614829"/>
                  <a:gd name="connsiteY21" fmla="*/ 131065 h 380343"/>
                  <a:gd name="connsiteX22" fmla="*/ 78930 w 614829"/>
                  <a:gd name="connsiteY22" fmla="*/ 144402 h 380343"/>
                  <a:gd name="connsiteX23" fmla="*/ 78930 w 614829"/>
                  <a:gd name="connsiteY23" fmla="*/ 288925 h 380343"/>
                  <a:gd name="connsiteX24" fmla="*/ 74929 w 614829"/>
                  <a:gd name="connsiteY24" fmla="*/ 289653 h 380343"/>
                  <a:gd name="connsiteX25" fmla="*/ 26674 w 614829"/>
                  <a:gd name="connsiteY25" fmla="*/ 239457 h 380343"/>
                  <a:gd name="connsiteX26" fmla="*/ 52135 w 614829"/>
                  <a:gd name="connsiteY26" fmla="*/ 122336 h 380343"/>
                  <a:gd name="connsiteX27" fmla="*/ 52620 w 614829"/>
                  <a:gd name="connsiteY27" fmla="*/ 120638 h 380343"/>
                  <a:gd name="connsiteX28" fmla="*/ 203327 w 614829"/>
                  <a:gd name="connsiteY28" fmla="*/ 46679 h 380343"/>
                  <a:gd name="connsiteX29" fmla="*/ 323601 w 614829"/>
                  <a:gd name="connsiteY29" fmla="*/ 67048 h 380343"/>
                  <a:gd name="connsiteX30" fmla="*/ 402288 w 614829"/>
                  <a:gd name="connsiteY30" fmla="*/ 94692 h 380343"/>
                  <a:gd name="connsiteX31" fmla="*/ 449574 w 614829"/>
                  <a:gd name="connsiteY31" fmla="*/ 90085 h 380343"/>
                  <a:gd name="connsiteX32" fmla="*/ 496010 w 614829"/>
                  <a:gd name="connsiteY32" fmla="*/ 60258 h 380343"/>
                  <a:gd name="connsiteX33" fmla="*/ 537354 w 614829"/>
                  <a:gd name="connsiteY33" fmla="*/ 50074 h 380343"/>
                  <a:gd name="connsiteX34" fmla="*/ 548873 w 614829"/>
                  <a:gd name="connsiteY34" fmla="*/ 66078 h 380343"/>
                  <a:gd name="connsiteX35" fmla="*/ 529353 w 614829"/>
                  <a:gd name="connsiteY35" fmla="*/ 99057 h 380343"/>
                  <a:gd name="connsiteX36" fmla="*/ 462547 w 614829"/>
                  <a:gd name="connsiteY36" fmla="*/ 149979 h 380343"/>
                  <a:gd name="connsiteX37" fmla="*/ 411624 w 614829"/>
                  <a:gd name="connsiteY37" fmla="*/ 161255 h 380343"/>
                  <a:gd name="connsiteX38" fmla="*/ 354397 w 614829"/>
                  <a:gd name="connsiteY38" fmla="*/ 146463 h 380343"/>
                  <a:gd name="connsiteX39" fmla="*/ 317660 w 614829"/>
                  <a:gd name="connsiteY39" fmla="*/ 136642 h 380343"/>
                  <a:gd name="connsiteX40" fmla="*/ 315963 w 614829"/>
                  <a:gd name="connsiteY40" fmla="*/ 136642 h 380343"/>
                  <a:gd name="connsiteX41" fmla="*/ 314386 w 614829"/>
                  <a:gd name="connsiteY41" fmla="*/ 136279 h 380343"/>
                  <a:gd name="connsiteX42" fmla="*/ 313416 w 614829"/>
                  <a:gd name="connsiteY42" fmla="*/ 136521 h 380343"/>
                  <a:gd name="connsiteX43" fmla="*/ 310749 w 614829"/>
                  <a:gd name="connsiteY43" fmla="*/ 137127 h 380343"/>
                  <a:gd name="connsiteX44" fmla="*/ 308445 w 614829"/>
                  <a:gd name="connsiteY44" fmla="*/ 137976 h 380343"/>
                  <a:gd name="connsiteX45" fmla="*/ 306263 w 614829"/>
                  <a:gd name="connsiteY45" fmla="*/ 139431 h 380343"/>
                  <a:gd name="connsiteX46" fmla="*/ 304444 w 614829"/>
                  <a:gd name="connsiteY46" fmla="*/ 141128 h 380343"/>
                  <a:gd name="connsiteX47" fmla="*/ 303111 w 614829"/>
                  <a:gd name="connsiteY47" fmla="*/ 143190 h 380343"/>
                  <a:gd name="connsiteX48" fmla="*/ 301898 w 614829"/>
                  <a:gd name="connsiteY48" fmla="*/ 145614 h 380343"/>
                  <a:gd name="connsiteX49" fmla="*/ 301413 w 614829"/>
                  <a:gd name="connsiteY49" fmla="*/ 146584 h 380343"/>
                  <a:gd name="connsiteX50" fmla="*/ 301413 w 614829"/>
                  <a:gd name="connsiteY50" fmla="*/ 148161 h 380343"/>
                  <a:gd name="connsiteX51" fmla="*/ 301050 w 614829"/>
                  <a:gd name="connsiteY51" fmla="*/ 149737 h 380343"/>
                  <a:gd name="connsiteX52" fmla="*/ 301050 w 614829"/>
                  <a:gd name="connsiteY52" fmla="*/ 366764 h 380343"/>
                  <a:gd name="connsiteX53" fmla="*/ 314386 w 614829"/>
                  <a:gd name="connsiteY53" fmla="*/ 380101 h 380343"/>
                  <a:gd name="connsiteX54" fmla="*/ 327723 w 614829"/>
                  <a:gd name="connsiteY54" fmla="*/ 366764 h 380343"/>
                  <a:gd name="connsiteX55" fmla="*/ 327723 w 614829"/>
                  <a:gd name="connsiteY55" fmla="*/ 167075 h 380343"/>
                  <a:gd name="connsiteX56" fmla="*/ 347244 w 614829"/>
                  <a:gd name="connsiteY56" fmla="*/ 172409 h 380343"/>
                  <a:gd name="connsiteX57" fmla="*/ 406047 w 614829"/>
                  <a:gd name="connsiteY57" fmla="*/ 187565 h 380343"/>
                  <a:gd name="connsiteX58" fmla="*/ 477824 w 614829"/>
                  <a:gd name="connsiteY58" fmla="*/ 171924 h 380343"/>
                  <a:gd name="connsiteX59" fmla="*/ 545114 w 614829"/>
                  <a:gd name="connsiteY59" fmla="*/ 120638 h 380343"/>
                  <a:gd name="connsiteX60" fmla="*/ 557724 w 614829"/>
                  <a:gd name="connsiteY60" fmla="*/ 109605 h 380343"/>
                  <a:gd name="connsiteX61" fmla="*/ 561482 w 614829"/>
                  <a:gd name="connsiteY61" fmla="*/ 119183 h 380343"/>
                  <a:gd name="connsiteX62" fmla="*/ 562088 w 614829"/>
                  <a:gd name="connsiteY62" fmla="*/ 120759 h 380343"/>
                  <a:gd name="connsiteX63" fmla="*/ 562695 w 614829"/>
                  <a:gd name="connsiteY63" fmla="*/ 122578 h 380343"/>
                  <a:gd name="connsiteX64" fmla="*/ 588156 w 614829"/>
                  <a:gd name="connsiteY64" fmla="*/ 239700 h 380343"/>
                  <a:gd name="connsiteX65" fmla="*/ 539901 w 614829"/>
                  <a:gd name="connsiteY65" fmla="*/ 290016 h 380343"/>
                  <a:gd name="connsiteX66" fmla="*/ 535900 w 614829"/>
                  <a:gd name="connsiteY66" fmla="*/ 289289 h 380343"/>
                  <a:gd name="connsiteX67" fmla="*/ 535900 w 614829"/>
                  <a:gd name="connsiteY67" fmla="*/ 200538 h 380343"/>
                  <a:gd name="connsiteX68" fmla="*/ 522563 w 614829"/>
                  <a:gd name="connsiteY68" fmla="*/ 187201 h 380343"/>
                  <a:gd name="connsiteX69" fmla="*/ 509226 w 614829"/>
                  <a:gd name="connsiteY69" fmla="*/ 200538 h 380343"/>
                  <a:gd name="connsiteX70" fmla="*/ 509226 w 614829"/>
                  <a:gd name="connsiteY70" fmla="*/ 367006 h 380343"/>
                  <a:gd name="connsiteX71" fmla="*/ 522563 w 614829"/>
                  <a:gd name="connsiteY71" fmla="*/ 380343 h 380343"/>
                  <a:gd name="connsiteX72" fmla="*/ 535900 w 614829"/>
                  <a:gd name="connsiteY72" fmla="*/ 367006 h 380343"/>
                  <a:gd name="connsiteX73" fmla="*/ 535900 w 614829"/>
                  <a:gd name="connsiteY73" fmla="*/ 316448 h 380343"/>
                  <a:gd name="connsiteX74" fmla="*/ 536263 w 614829"/>
                  <a:gd name="connsiteY74" fmla="*/ 316448 h 380343"/>
                  <a:gd name="connsiteX75" fmla="*/ 538810 w 614829"/>
                  <a:gd name="connsiteY75" fmla="*/ 316811 h 380343"/>
                  <a:gd name="connsiteX76" fmla="*/ 614830 w 614829"/>
                  <a:gd name="connsiteY76" fmla="*/ 239943 h 380343"/>
                  <a:gd name="connsiteX77" fmla="*/ 588277 w 614829"/>
                  <a:gd name="connsiteY77" fmla="*/ 114940 h 380343"/>
                  <a:gd name="connsiteX78" fmla="*/ 435873 w 614829"/>
                  <a:gd name="connsiteY78" fmla="*/ 67412 h 380343"/>
                  <a:gd name="connsiteX79" fmla="*/ 410169 w 614829"/>
                  <a:gd name="connsiteY79" fmla="*/ 69352 h 380343"/>
                  <a:gd name="connsiteX80" fmla="*/ 332331 w 614829"/>
                  <a:gd name="connsiteY80" fmla="*/ 41951 h 380343"/>
                  <a:gd name="connsiteX81" fmla="*/ 411745 w 614829"/>
                  <a:gd name="connsiteY81" fmla="*/ 26795 h 380343"/>
                  <a:gd name="connsiteX82" fmla="*/ 411988 w 614829"/>
                  <a:gd name="connsiteY82" fmla="*/ 26795 h 380343"/>
                  <a:gd name="connsiteX83" fmla="*/ 481703 w 614829"/>
                  <a:gd name="connsiteY83" fmla="*/ 38071 h 380343"/>
                  <a:gd name="connsiteX84" fmla="*/ 480976 w 614829"/>
                  <a:gd name="connsiteY84" fmla="*/ 38556 h 380343"/>
                  <a:gd name="connsiteX85" fmla="*/ 435873 w 614829"/>
                  <a:gd name="connsiteY85" fmla="*/ 67412 h 380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Lst>
                <a:rect l="l" t="t" r="r" b="b"/>
                <a:pathLst>
                  <a:path w="614829" h="380343">
                    <a:moveTo>
                      <a:pt x="588398" y="114455"/>
                    </a:moveTo>
                    <a:cubicBezTo>
                      <a:pt x="588277" y="113848"/>
                      <a:pt x="588035" y="113121"/>
                      <a:pt x="587792" y="112515"/>
                    </a:cubicBezTo>
                    <a:lnTo>
                      <a:pt x="586458" y="109241"/>
                    </a:lnTo>
                    <a:cubicBezTo>
                      <a:pt x="582215" y="98572"/>
                      <a:pt x="577608" y="87053"/>
                      <a:pt x="574455" y="79779"/>
                    </a:cubicBezTo>
                    <a:cubicBezTo>
                      <a:pt x="575668" y="74444"/>
                      <a:pt x="576031" y="68988"/>
                      <a:pt x="575425" y="63411"/>
                    </a:cubicBezTo>
                    <a:cubicBezTo>
                      <a:pt x="573728" y="46679"/>
                      <a:pt x="563543" y="32615"/>
                      <a:pt x="548267" y="25825"/>
                    </a:cubicBezTo>
                    <a:cubicBezTo>
                      <a:pt x="538203" y="21339"/>
                      <a:pt x="526927" y="20369"/>
                      <a:pt x="515167" y="22673"/>
                    </a:cubicBezTo>
                    <a:cubicBezTo>
                      <a:pt x="485583" y="8487"/>
                      <a:pt x="447391" y="0"/>
                      <a:pt x="411867" y="0"/>
                    </a:cubicBezTo>
                    <a:cubicBezTo>
                      <a:pt x="411867" y="0"/>
                      <a:pt x="411624" y="0"/>
                      <a:pt x="411624" y="0"/>
                    </a:cubicBezTo>
                    <a:cubicBezTo>
                      <a:pt x="371129" y="0"/>
                      <a:pt x="327602" y="11276"/>
                      <a:pt x="296078" y="29584"/>
                    </a:cubicBezTo>
                    <a:cubicBezTo>
                      <a:pt x="274497" y="23885"/>
                      <a:pt x="247460" y="20005"/>
                      <a:pt x="203327" y="20005"/>
                    </a:cubicBezTo>
                    <a:cubicBezTo>
                      <a:pt x="130944" y="20005"/>
                      <a:pt x="59531" y="31160"/>
                      <a:pt x="27159" y="112515"/>
                    </a:cubicBezTo>
                    <a:cubicBezTo>
                      <a:pt x="26916" y="113121"/>
                      <a:pt x="26674" y="113727"/>
                      <a:pt x="26553" y="114455"/>
                    </a:cubicBezTo>
                    <a:cubicBezTo>
                      <a:pt x="13216" y="149737"/>
                      <a:pt x="0" y="221756"/>
                      <a:pt x="0" y="239579"/>
                    </a:cubicBezTo>
                    <a:cubicBezTo>
                      <a:pt x="0" y="261160"/>
                      <a:pt x="36131" y="316448"/>
                      <a:pt x="76020" y="316448"/>
                    </a:cubicBezTo>
                    <a:cubicBezTo>
                      <a:pt x="76869" y="316448"/>
                      <a:pt x="77718" y="316448"/>
                      <a:pt x="78566" y="316205"/>
                    </a:cubicBezTo>
                    <a:lnTo>
                      <a:pt x="78930" y="316205"/>
                    </a:lnTo>
                    <a:cubicBezTo>
                      <a:pt x="78930" y="316205"/>
                      <a:pt x="78930" y="366643"/>
                      <a:pt x="78930" y="366643"/>
                    </a:cubicBezTo>
                    <a:cubicBezTo>
                      <a:pt x="78930" y="374039"/>
                      <a:pt x="84871" y="379980"/>
                      <a:pt x="92267" y="379980"/>
                    </a:cubicBezTo>
                    <a:cubicBezTo>
                      <a:pt x="99663" y="379980"/>
                      <a:pt x="105604" y="374039"/>
                      <a:pt x="105604" y="366643"/>
                    </a:cubicBezTo>
                    <a:lnTo>
                      <a:pt x="105604" y="144402"/>
                    </a:lnTo>
                    <a:cubicBezTo>
                      <a:pt x="105604" y="137006"/>
                      <a:pt x="99663" y="131065"/>
                      <a:pt x="92267" y="131065"/>
                    </a:cubicBezTo>
                    <a:cubicBezTo>
                      <a:pt x="84871" y="131065"/>
                      <a:pt x="78930" y="137006"/>
                      <a:pt x="78930" y="144402"/>
                    </a:cubicBezTo>
                    <a:lnTo>
                      <a:pt x="78930" y="288925"/>
                    </a:lnTo>
                    <a:lnTo>
                      <a:pt x="74929" y="289653"/>
                    </a:lnTo>
                    <a:cubicBezTo>
                      <a:pt x="52620" y="288440"/>
                      <a:pt x="27159" y="249521"/>
                      <a:pt x="26674" y="239457"/>
                    </a:cubicBezTo>
                    <a:cubicBezTo>
                      <a:pt x="26674" y="225514"/>
                      <a:pt x="39283" y="154829"/>
                      <a:pt x="52135" y="122336"/>
                    </a:cubicBezTo>
                    <a:cubicBezTo>
                      <a:pt x="52377" y="121851"/>
                      <a:pt x="52499" y="121244"/>
                      <a:pt x="52620" y="120638"/>
                    </a:cubicBezTo>
                    <a:cubicBezTo>
                      <a:pt x="77960" y="59046"/>
                      <a:pt x="129125" y="46679"/>
                      <a:pt x="203327" y="46679"/>
                    </a:cubicBezTo>
                    <a:cubicBezTo>
                      <a:pt x="269647" y="46679"/>
                      <a:pt x="293169" y="55530"/>
                      <a:pt x="323601" y="67048"/>
                    </a:cubicBezTo>
                    <a:cubicBezTo>
                      <a:pt x="355003" y="78930"/>
                      <a:pt x="401197" y="94328"/>
                      <a:pt x="402288" y="94692"/>
                    </a:cubicBezTo>
                    <a:cubicBezTo>
                      <a:pt x="425567" y="101239"/>
                      <a:pt x="435752" y="98572"/>
                      <a:pt x="449574" y="90085"/>
                    </a:cubicBezTo>
                    <a:cubicBezTo>
                      <a:pt x="463153" y="81840"/>
                      <a:pt x="494192" y="61471"/>
                      <a:pt x="496010" y="60258"/>
                    </a:cubicBezTo>
                    <a:cubicBezTo>
                      <a:pt x="511408" y="48983"/>
                      <a:pt x="526564" y="45224"/>
                      <a:pt x="537354" y="50074"/>
                    </a:cubicBezTo>
                    <a:cubicBezTo>
                      <a:pt x="543902" y="52984"/>
                      <a:pt x="548024" y="58804"/>
                      <a:pt x="548873" y="66078"/>
                    </a:cubicBezTo>
                    <a:cubicBezTo>
                      <a:pt x="549964" y="77233"/>
                      <a:pt x="543053" y="89236"/>
                      <a:pt x="529353" y="99057"/>
                    </a:cubicBezTo>
                    <a:lnTo>
                      <a:pt x="462547" y="149979"/>
                    </a:lnTo>
                    <a:cubicBezTo>
                      <a:pt x="446300" y="160527"/>
                      <a:pt x="427750" y="164650"/>
                      <a:pt x="411624" y="161255"/>
                    </a:cubicBezTo>
                    <a:cubicBezTo>
                      <a:pt x="395135" y="157739"/>
                      <a:pt x="374402" y="152040"/>
                      <a:pt x="354397" y="146463"/>
                    </a:cubicBezTo>
                    <a:cubicBezTo>
                      <a:pt x="341303" y="142826"/>
                      <a:pt x="328693" y="139310"/>
                      <a:pt x="317660" y="136642"/>
                    </a:cubicBezTo>
                    <a:cubicBezTo>
                      <a:pt x="317054" y="136521"/>
                      <a:pt x="316569" y="136642"/>
                      <a:pt x="315963" y="136642"/>
                    </a:cubicBezTo>
                    <a:cubicBezTo>
                      <a:pt x="315478" y="136642"/>
                      <a:pt x="314993" y="136279"/>
                      <a:pt x="314386" y="136279"/>
                    </a:cubicBezTo>
                    <a:cubicBezTo>
                      <a:pt x="314023" y="136279"/>
                      <a:pt x="313780" y="136400"/>
                      <a:pt x="313416" y="136521"/>
                    </a:cubicBezTo>
                    <a:cubicBezTo>
                      <a:pt x="312447" y="136521"/>
                      <a:pt x="311598" y="136764"/>
                      <a:pt x="310749" y="137127"/>
                    </a:cubicBezTo>
                    <a:cubicBezTo>
                      <a:pt x="310021" y="137370"/>
                      <a:pt x="309173" y="137612"/>
                      <a:pt x="308445" y="137976"/>
                    </a:cubicBezTo>
                    <a:cubicBezTo>
                      <a:pt x="307718" y="138340"/>
                      <a:pt x="306990" y="138825"/>
                      <a:pt x="306263" y="139431"/>
                    </a:cubicBezTo>
                    <a:cubicBezTo>
                      <a:pt x="305536" y="139916"/>
                      <a:pt x="304929" y="140401"/>
                      <a:pt x="304444" y="141128"/>
                    </a:cubicBezTo>
                    <a:cubicBezTo>
                      <a:pt x="303959" y="141735"/>
                      <a:pt x="303474" y="142462"/>
                      <a:pt x="303111" y="143190"/>
                    </a:cubicBezTo>
                    <a:cubicBezTo>
                      <a:pt x="302626" y="144038"/>
                      <a:pt x="302262" y="144766"/>
                      <a:pt x="301898" y="145614"/>
                    </a:cubicBezTo>
                    <a:cubicBezTo>
                      <a:pt x="301898" y="145978"/>
                      <a:pt x="301534" y="146221"/>
                      <a:pt x="301413" y="146584"/>
                    </a:cubicBezTo>
                    <a:cubicBezTo>
                      <a:pt x="301292" y="147069"/>
                      <a:pt x="301413" y="147676"/>
                      <a:pt x="301413" y="148161"/>
                    </a:cubicBezTo>
                    <a:cubicBezTo>
                      <a:pt x="301413" y="148767"/>
                      <a:pt x="301050" y="149252"/>
                      <a:pt x="301050" y="149737"/>
                    </a:cubicBezTo>
                    <a:lnTo>
                      <a:pt x="301050" y="366764"/>
                    </a:lnTo>
                    <a:cubicBezTo>
                      <a:pt x="301050" y="374160"/>
                      <a:pt x="306990" y="380101"/>
                      <a:pt x="314386" y="380101"/>
                    </a:cubicBezTo>
                    <a:cubicBezTo>
                      <a:pt x="321782" y="380101"/>
                      <a:pt x="327723" y="374160"/>
                      <a:pt x="327723" y="366764"/>
                    </a:cubicBezTo>
                    <a:lnTo>
                      <a:pt x="327723" y="167075"/>
                    </a:lnTo>
                    <a:cubicBezTo>
                      <a:pt x="334028" y="168772"/>
                      <a:pt x="340575" y="170591"/>
                      <a:pt x="347244" y="172409"/>
                    </a:cubicBezTo>
                    <a:cubicBezTo>
                      <a:pt x="367613" y="178108"/>
                      <a:pt x="388830" y="183928"/>
                      <a:pt x="406047" y="187565"/>
                    </a:cubicBezTo>
                    <a:cubicBezTo>
                      <a:pt x="428962" y="192415"/>
                      <a:pt x="454909" y="186959"/>
                      <a:pt x="477824" y="171924"/>
                    </a:cubicBezTo>
                    <a:lnTo>
                      <a:pt x="545114" y="120638"/>
                    </a:lnTo>
                    <a:cubicBezTo>
                      <a:pt x="549843" y="117243"/>
                      <a:pt x="554086" y="113485"/>
                      <a:pt x="557724" y="109605"/>
                    </a:cubicBezTo>
                    <a:cubicBezTo>
                      <a:pt x="559178" y="113363"/>
                      <a:pt x="560633" y="116879"/>
                      <a:pt x="561482" y="119183"/>
                    </a:cubicBezTo>
                    <a:lnTo>
                      <a:pt x="562088" y="120759"/>
                    </a:lnTo>
                    <a:cubicBezTo>
                      <a:pt x="562088" y="120759"/>
                      <a:pt x="562452" y="121972"/>
                      <a:pt x="562695" y="122578"/>
                    </a:cubicBezTo>
                    <a:cubicBezTo>
                      <a:pt x="575547" y="155072"/>
                      <a:pt x="588156" y="225878"/>
                      <a:pt x="588156" y="239700"/>
                    </a:cubicBezTo>
                    <a:cubicBezTo>
                      <a:pt x="587671" y="249884"/>
                      <a:pt x="562210" y="288683"/>
                      <a:pt x="539901" y="290016"/>
                    </a:cubicBezTo>
                    <a:lnTo>
                      <a:pt x="535900" y="289289"/>
                    </a:lnTo>
                    <a:lnTo>
                      <a:pt x="535900" y="200538"/>
                    </a:lnTo>
                    <a:cubicBezTo>
                      <a:pt x="535900" y="193142"/>
                      <a:pt x="529959" y="187201"/>
                      <a:pt x="522563" y="187201"/>
                    </a:cubicBezTo>
                    <a:cubicBezTo>
                      <a:pt x="515167" y="187201"/>
                      <a:pt x="509226" y="193142"/>
                      <a:pt x="509226" y="200538"/>
                    </a:cubicBezTo>
                    <a:lnTo>
                      <a:pt x="509226" y="367006"/>
                    </a:lnTo>
                    <a:cubicBezTo>
                      <a:pt x="509226" y="374402"/>
                      <a:pt x="515167" y="380343"/>
                      <a:pt x="522563" y="380343"/>
                    </a:cubicBezTo>
                    <a:cubicBezTo>
                      <a:pt x="529959" y="380343"/>
                      <a:pt x="535900" y="374402"/>
                      <a:pt x="535900" y="367006"/>
                    </a:cubicBezTo>
                    <a:lnTo>
                      <a:pt x="535900" y="316448"/>
                    </a:lnTo>
                    <a:lnTo>
                      <a:pt x="536263" y="316448"/>
                    </a:lnTo>
                    <a:cubicBezTo>
                      <a:pt x="537112" y="316690"/>
                      <a:pt x="537961" y="316811"/>
                      <a:pt x="538810" y="316811"/>
                    </a:cubicBezTo>
                    <a:cubicBezTo>
                      <a:pt x="578699" y="316811"/>
                      <a:pt x="614830" y="261403"/>
                      <a:pt x="614830" y="239943"/>
                    </a:cubicBezTo>
                    <a:cubicBezTo>
                      <a:pt x="614830" y="222241"/>
                      <a:pt x="601614" y="150222"/>
                      <a:pt x="588277" y="114940"/>
                    </a:cubicBezTo>
                    <a:close/>
                    <a:moveTo>
                      <a:pt x="435873" y="67412"/>
                    </a:moveTo>
                    <a:cubicBezTo>
                      <a:pt x="428235" y="72019"/>
                      <a:pt x="425689" y="73595"/>
                      <a:pt x="410169" y="69352"/>
                    </a:cubicBezTo>
                    <a:cubicBezTo>
                      <a:pt x="409684" y="69231"/>
                      <a:pt x="364097" y="53954"/>
                      <a:pt x="332331" y="41951"/>
                    </a:cubicBezTo>
                    <a:cubicBezTo>
                      <a:pt x="356579" y="32494"/>
                      <a:pt x="385193" y="26795"/>
                      <a:pt x="411745" y="26795"/>
                    </a:cubicBezTo>
                    <a:cubicBezTo>
                      <a:pt x="411745" y="26795"/>
                      <a:pt x="411867" y="26795"/>
                      <a:pt x="411988" y="26795"/>
                    </a:cubicBezTo>
                    <a:cubicBezTo>
                      <a:pt x="435388" y="26795"/>
                      <a:pt x="460001" y="30917"/>
                      <a:pt x="481703" y="38071"/>
                    </a:cubicBezTo>
                    <a:cubicBezTo>
                      <a:pt x="481461" y="38313"/>
                      <a:pt x="481219" y="38435"/>
                      <a:pt x="480976" y="38556"/>
                    </a:cubicBezTo>
                    <a:cubicBezTo>
                      <a:pt x="480612" y="38798"/>
                      <a:pt x="449089" y="59531"/>
                      <a:pt x="435873" y="67412"/>
                    </a:cubicBezTo>
                    <a:close/>
                  </a:path>
                </a:pathLst>
              </a:custGeom>
              <a:solidFill>
                <a:srgbClr val="265A9A"/>
              </a:solidFill>
              <a:ln w="12102" cap="flat">
                <a:noFill/>
                <a:prstDash val="solid"/>
                <a:miter/>
              </a:ln>
            </p:spPr>
            <p:txBody>
              <a:bodyPr rtlCol="0" anchor="ctr"/>
              <a:lstStyle/>
              <a:p>
                <a:endParaRPr lang="en-AU" sz="1650"/>
              </a:p>
            </p:txBody>
          </p:sp>
        </p:grpSp>
      </p:grpSp>
      <p:sp>
        <p:nvSpPr>
          <p:cNvPr id="3" name="Rectangle 2">
            <a:extLst>
              <a:ext uri="{FF2B5EF4-FFF2-40B4-BE49-F238E27FC236}">
                <a16:creationId xmlns:a16="http://schemas.microsoft.com/office/drawing/2014/main" id="{FCA7B593-21AB-3022-FBC2-F7E4F919FB49}"/>
              </a:ext>
            </a:extLst>
          </p:cNvPr>
          <p:cNvSpPr/>
          <p:nvPr/>
        </p:nvSpPr>
        <p:spPr>
          <a:xfrm>
            <a:off x="569995" y="3419385"/>
            <a:ext cx="9495636" cy="900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lIns="288000" tIns="108000" bIns="0" rtlCol="0" anchor="t" anchorCtr="0"/>
          <a:lstStyle/>
          <a:p>
            <a:pPr>
              <a:lnSpc>
                <a:spcPts val="1993"/>
              </a:lnSpc>
              <a:spcBef>
                <a:spcPts val="0"/>
              </a:spcBef>
              <a:spcAft>
                <a:spcPts val="1600"/>
              </a:spcAft>
            </a:pPr>
            <a:r>
              <a:rPr lang="en-AU"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 a balanced and integrated mental health and suicide prevention system</a:t>
            </a:r>
            <a: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 for all </a:t>
            </a:r>
            <a:b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communities and groups</a:t>
            </a:r>
          </a:p>
          <a:p>
            <a:pPr>
              <a:lnSpc>
                <a:spcPts val="1993"/>
              </a:lnSpc>
              <a:spcAft>
                <a:spcPts val="600"/>
              </a:spcAft>
            </a:pPr>
            <a:endParaRPr lang="en-US" sz="1600" b="1" dirty="0">
              <a:solidFill>
                <a:schemeClr val="tx1"/>
              </a:solidFill>
            </a:endParaRPr>
          </a:p>
        </p:txBody>
      </p:sp>
      <p:sp>
        <p:nvSpPr>
          <p:cNvPr id="7" name="Rectangle 6">
            <a:extLst>
              <a:ext uri="{FF2B5EF4-FFF2-40B4-BE49-F238E27FC236}">
                <a16:creationId xmlns:a16="http://schemas.microsoft.com/office/drawing/2014/main" id="{DB89704B-EAA0-126C-FD91-3CE68374054D}"/>
              </a:ext>
            </a:extLst>
          </p:cNvPr>
          <p:cNvSpPr/>
          <p:nvPr/>
        </p:nvSpPr>
        <p:spPr>
          <a:xfrm>
            <a:off x="10069362" y="3419385"/>
            <a:ext cx="1220465" cy="900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1650" b="1">
              <a:solidFill>
                <a:schemeClr val="bg2"/>
              </a:solidFill>
            </a:endParaRPr>
          </a:p>
        </p:txBody>
      </p:sp>
      <p:grpSp>
        <p:nvGrpSpPr>
          <p:cNvPr id="11" name="Group 10">
            <a:extLst>
              <a:ext uri="{FF2B5EF4-FFF2-40B4-BE49-F238E27FC236}">
                <a16:creationId xmlns:a16="http://schemas.microsoft.com/office/drawing/2014/main" id="{ADBECF22-F27A-1698-61E1-39A8EF4F1AE3}"/>
              </a:ext>
            </a:extLst>
          </p:cNvPr>
          <p:cNvGrpSpPr/>
          <p:nvPr/>
        </p:nvGrpSpPr>
        <p:grpSpPr>
          <a:xfrm>
            <a:off x="10463594" y="3653385"/>
            <a:ext cx="432000" cy="432000"/>
            <a:chOff x="10945510" y="3787945"/>
            <a:chExt cx="432000" cy="432000"/>
          </a:xfrm>
        </p:grpSpPr>
        <p:sp>
          <p:nvSpPr>
            <p:cNvPr id="50" name="Freeform 2">
              <a:extLst>
                <a:ext uri="{FF2B5EF4-FFF2-40B4-BE49-F238E27FC236}">
                  <a16:creationId xmlns:a16="http://schemas.microsoft.com/office/drawing/2014/main" id="{14B2802F-ABF7-0F1E-61DE-23722B7D6D66}"/>
                </a:ext>
              </a:extLst>
            </p:cNvPr>
            <p:cNvSpPr/>
            <p:nvPr/>
          </p:nvSpPr>
          <p:spPr>
            <a:xfrm>
              <a:off x="10964803" y="3806800"/>
              <a:ext cx="187011" cy="243635"/>
            </a:xfrm>
            <a:custGeom>
              <a:avLst/>
              <a:gdLst>
                <a:gd name="connsiteX0" fmla="*/ 40832 w 109668"/>
                <a:gd name="connsiteY0" fmla="*/ 114130 h 147909"/>
                <a:gd name="connsiteX1" fmla="*/ 45985 w 109668"/>
                <a:gd name="connsiteY1" fmla="*/ 117553 h 147909"/>
                <a:gd name="connsiteX2" fmla="*/ 44809 w 109668"/>
                <a:gd name="connsiteY2" fmla="*/ 123669 h 147909"/>
                <a:gd name="connsiteX3" fmla="*/ 40720 w 109668"/>
                <a:gd name="connsiteY3" fmla="*/ 133657 h 147909"/>
                <a:gd name="connsiteX4" fmla="*/ 54946 w 109668"/>
                <a:gd name="connsiteY4" fmla="*/ 147909 h 147909"/>
                <a:gd name="connsiteX5" fmla="*/ 69173 w 109668"/>
                <a:gd name="connsiteY5" fmla="*/ 133657 h 147909"/>
                <a:gd name="connsiteX6" fmla="*/ 65084 w 109668"/>
                <a:gd name="connsiteY6" fmla="*/ 123669 h 147909"/>
                <a:gd name="connsiteX7" fmla="*/ 63908 w 109668"/>
                <a:gd name="connsiteY7" fmla="*/ 117553 h 147909"/>
                <a:gd name="connsiteX8" fmla="*/ 69061 w 109668"/>
                <a:gd name="connsiteY8" fmla="*/ 114130 h 147909"/>
                <a:gd name="connsiteX9" fmla="*/ 109669 w 109668"/>
                <a:gd name="connsiteY9" fmla="*/ 114130 h 147909"/>
                <a:gd name="connsiteX10" fmla="*/ 109669 w 109668"/>
                <a:gd name="connsiteY10" fmla="*/ 83381 h 147909"/>
                <a:gd name="connsiteX11" fmla="*/ 101379 w 109668"/>
                <a:gd name="connsiteY11" fmla="*/ 84784 h 147909"/>
                <a:gd name="connsiteX12" fmla="*/ 75950 w 109668"/>
                <a:gd name="connsiteY12" fmla="*/ 59310 h 147909"/>
                <a:gd name="connsiteX13" fmla="*/ 101379 w 109668"/>
                <a:gd name="connsiteY13" fmla="*/ 33835 h 147909"/>
                <a:gd name="connsiteX14" fmla="*/ 109669 w 109668"/>
                <a:gd name="connsiteY14" fmla="*/ 35238 h 147909"/>
                <a:gd name="connsiteX15" fmla="*/ 109669 w 109668"/>
                <a:gd name="connsiteY15" fmla="*/ 20256 h 147909"/>
                <a:gd name="connsiteX16" fmla="*/ 91409 w 109668"/>
                <a:gd name="connsiteY16" fmla="*/ 0 h 147909"/>
                <a:gd name="connsiteX17" fmla="*/ 74830 w 109668"/>
                <a:gd name="connsiteY17" fmla="*/ 11839 h 147909"/>
                <a:gd name="connsiteX18" fmla="*/ 71470 w 109668"/>
                <a:gd name="connsiteY18" fmla="*/ 15038 h 147909"/>
                <a:gd name="connsiteX19" fmla="*/ 66877 w 109668"/>
                <a:gd name="connsiteY19" fmla="*/ 14589 h 147909"/>
                <a:gd name="connsiteX20" fmla="*/ 58419 w 109668"/>
                <a:gd name="connsiteY20" fmla="*/ 12288 h 147909"/>
                <a:gd name="connsiteX21" fmla="*/ 40160 w 109668"/>
                <a:gd name="connsiteY21" fmla="*/ 32545 h 147909"/>
                <a:gd name="connsiteX22" fmla="*/ 38255 w 109668"/>
                <a:gd name="connsiteY22" fmla="*/ 36809 h 147909"/>
                <a:gd name="connsiteX23" fmla="*/ 33886 w 109668"/>
                <a:gd name="connsiteY23" fmla="*/ 38268 h 147909"/>
                <a:gd name="connsiteX24" fmla="*/ 32038 w 109668"/>
                <a:gd name="connsiteY24" fmla="*/ 38156 h 147909"/>
                <a:gd name="connsiteX25" fmla="*/ 13779 w 109668"/>
                <a:gd name="connsiteY25" fmla="*/ 58412 h 147909"/>
                <a:gd name="connsiteX26" fmla="*/ 17811 w 109668"/>
                <a:gd name="connsiteY26" fmla="*/ 71093 h 147909"/>
                <a:gd name="connsiteX27" fmla="*/ 18540 w 109668"/>
                <a:gd name="connsiteY27" fmla="*/ 76368 h 147909"/>
                <a:gd name="connsiteX28" fmla="*/ 14563 w 109668"/>
                <a:gd name="connsiteY28" fmla="*/ 79846 h 147909"/>
                <a:gd name="connsiteX29" fmla="*/ 0 w 109668"/>
                <a:gd name="connsiteY29" fmla="*/ 99710 h 147909"/>
                <a:gd name="connsiteX30" fmla="*/ 5769 w 109668"/>
                <a:gd name="connsiteY30" fmla="*/ 114299 h 147909"/>
                <a:gd name="connsiteX31" fmla="*/ 40776 w 109668"/>
                <a:gd name="connsiteY31" fmla="*/ 114299 h 1479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09668" h="147909">
                  <a:moveTo>
                    <a:pt x="40832" y="114130"/>
                  </a:moveTo>
                  <a:cubicBezTo>
                    <a:pt x="43072" y="114130"/>
                    <a:pt x="45145" y="115477"/>
                    <a:pt x="45985" y="117553"/>
                  </a:cubicBezTo>
                  <a:cubicBezTo>
                    <a:pt x="46825" y="119629"/>
                    <a:pt x="46377" y="122042"/>
                    <a:pt x="44809" y="123669"/>
                  </a:cubicBezTo>
                  <a:cubicBezTo>
                    <a:pt x="42176" y="126363"/>
                    <a:pt x="40720" y="129898"/>
                    <a:pt x="40720" y="133657"/>
                  </a:cubicBezTo>
                  <a:cubicBezTo>
                    <a:pt x="40720" y="141513"/>
                    <a:pt x="47105" y="147909"/>
                    <a:pt x="54946" y="147909"/>
                  </a:cubicBezTo>
                  <a:cubicBezTo>
                    <a:pt x="62788" y="147909"/>
                    <a:pt x="69173" y="141513"/>
                    <a:pt x="69173" y="133657"/>
                  </a:cubicBezTo>
                  <a:cubicBezTo>
                    <a:pt x="69173" y="129898"/>
                    <a:pt x="67717" y="126363"/>
                    <a:pt x="65084" y="123669"/>
                  </a:cubicBezTo>
                  <a:cubicBezTo>
                    <a:pt x="63516" y="122042"/>
                    <a:pt x="63068" y="119629"/>
                    <a:pt x="63908" y="117553"/>
                  </a:cubicBezTo>
                  <a:cubicBezTo>
                    <a:pt x="64804" y="115477"/>
                    <a:pt x="66821" y="114130"/>
                    <a:pt x="69061" y="114130"/>
                  </a:cubicBezTo>
                  <a:lnTo>
                    <a:pt x="109669" y="114130"/>
                  </a:lnTo>
                  <a:lnTo>
                    <a:pt x="109669" y="83381"/>
                  </a:lnTo>
                  <a:cubicBezTo>
                    <a:pt x="107036" y="84279"/>
                    <a:pt x="104236" y="84784"/>
                    <a:pt x="101379" y="84784"/>
                  </a:cubicBezTo>
                  <a:cubicBezTo>
                    <a:pt x="87321" y="84784"/>
                    <a:pt x="75950" y="73338"/>
                    <a:pt x="75950" y="59310"/>
                  </a:cubicBezTo>
                  <a:cubicBezTo>
                    <a:pt x="75950" y="45282"/>
                    <a:pt x="87377" y="33835"/>
                    <a:pt x="101379" y="33835"/>
                  </a:cubicBezTo>
                  <a:cubicBezTo>
                    <a:pt x="104236" y="33835"/>
                    <a:pt x="107036" y="34284"/>
                    <a:pt x="109669" y="35238"/>
                  </a:cubicBezTo>
                  <a:lnTo>
                    <a:pt x="109669" y="20256"/>
                  </a:lnTo>
                  <a:cubicBezTo>
                    <a:pt x="109669" y="9090"/>
                    <a:pt x="101491" y="0"/>
                    <a:pt x="91409" y="0"/>
                  </a:cubicBezTo>
                  <a:cubicBezTo>
                    <a:pt x="84296" y="0"/>
                    <a:pt x="77799" y="4657"/>
                    <a:pt x="74830" y="11839"/>
                  </a:cubicBezTo>
                  <a:cubicBezTo>
                    <a:pt x="74214" y="13355"/>
                    <a:pt x="72982" y="14477"/>
                    <a:pt x="71470" y="15038"/>
                  </a:cubicBezTo>
                  <a:cubicBezTo>
                    <a:pt x="69901" y="15543"/>
                    <a:pt x="68277" y="15375"/>
                    <a:pt x="66877" y="14589"/>
                  </a:cubicBezTo>
                  <a:cubicBezTo>
                    <a:pt x="64244" y="13074"/>
                    <a:pt x="61388" y="12288"/>
                    <a:pt x="58419" y="12288"/>
                  </a:cubicBezTo>
                  <a:cubicBezTo>
                    <a:pt x="48337" y="12288"/>
                    <a:pt x="40160" y="21378"/>
                    <a:pt x="40160" y="32545"/>
                  </a:cubicBezTo>
                  <a:cubicBezTo>
                    <a:pt x="40160" y="34172"/>
                    <a:pt x="39488" y="35743"/>
                    <a:pt x="38255" y="36809"/>
                  </a:cubicBezTo>
                  <a:cubicBezTo>
                    <a:pt x="37079" y="37875"/>
                    <a:pt x="35511" y="38436"/>
                    <a:pt x="33886" y="38268"/>
                  </a:cubicBezTo>
                  <a:cubicBezTo>
                    <a:pt x="33270" y="38212"/>
                    <a:pt x="32654" y="38156"/>
                    <a:pt x="32038" y="38156"/>
                  </a:cubicBezTo>
                  <a:cubicBezTo>
                    <a:pt x="21956" y="38156"/>
                    <a:pt x="13779" y="47246"/>
                    <a:pt x="13779" y="58412"/>
                  </a:cubicBezTo>
                  <a:cubicBezTo>
                    <a:pt x="13779" y="63069"/>
                    <a:pt x="15179" y="67446"/>
                    <a:pt x="17811" y="71093"/>
                  </a:cubicBezTo>
                  <a:cubicBezTo>
                    <a:pt x="18932" y="72608"/>
                    <a:pt x="19212" y="74628"/>
                    <a:pt x="18540" y="76368"/>
                  </a:cubicBezTo>
                  <a:cubicBezTo>
                    <a:pt x="17867" y="78163"/>
                    <a:pt x="16355" y="79454"/>
                    <a:pt x="14563" y="79846"/>
                  </a:cubicBezTo>
                  <a:cubicBezTo>
                    <a:pt x="6105" y="81754"/>
                    <a:pt x="0" y="90115"/>
                    <a:pt x="0" y="99710"/>
                  </a:cubicBezTo>
                  <a:cubicBezTo>
                    <a:pt x="0" y="105321"/>
                    <a:pt x="2128" y="110483"/>
                    <a:pt x="5769" y="114299"/>
                  </a:cubicBezTo>
                  <a:lnTo>
                    <a:pt x="40776" y="114299"/>
                  </a:lnTo>
                  <a:close/>
                </a:path>
              </a:pathLst>
            </a:custGeom>
            <a:solidFill>
              <a:srgbClr val="C7E4F1"/>
            </a:solidFill>
            <a:ln w="5581" cap="flat">
              <a:noFill/>
              <a:prstDash val="solid"/>
              <a:miter/>
            </a:ln>
          </p:spPr>
          <p:txBody>
            <a:bodyPr rtlCol="0" anchor="ctr"/>
            <a:lstStyle/>
            <a:p>
              <a:endParaRPr lang="en-AU" sz="1650"/>
            </a:p>
          </p:txBody>
        </p:sp>
        <p:sp>
          <p:nvSpPr>
            <p:cNvPr id="51" name="Freeform 3">
              <a:extLst>
                <a:ext uri="{FF2B5EF4-FFF2-40B4-BE49-F238E27FC236}">
                  <a16:creationId xmlns:a16="http://schemas.microsoft.com/office/drawing/2014/main" id="{E3D4F1EE-99C0-F6A8-504E-902A0792DD53}"/>
                </a:ext>
              </a:extLst>
            </p:cNvPr>
            <p:cNvSpPr/>
            <p:nvPr/>
          </p:nvSpPr>
          <p:spPr>
            <a:xfrm>
              <a:off x="11113611" y="3806430"/>
              <a:ext cx="244796" cy="394475"/>
            </a:xfrm>
            <a:custGeom>
              <a:avLst/>
              <a:gdLst>
                <a:gd name="connsiteX0" fmla="*/ 143555 w 143555"/>
                <a:gd name="connsiteY0" fmla="*/ 99766 h 239483"/>
                <a:gd name="connsiteX1" fmla="*/ 132185 w 143555"/>
                <a:gd name="connsiteY1" fmla="*/ 81025 h 239483"/>
                <a:gd name="connsiteX2" fmla="*/ 111685 w 143555"/>
                <a:gd name="connsiteY2" fmla="*/ 89946 h 239483"/>
                <a:gd name="connsiteX3" fmla="*/ 106084 w 143555"/>
                <a:gd name="connsiteY3" fmla="*/ 84335 h 239483"/>
                <a:gd name="connsiteX4" fmla="*/ 111685 w 143555"/>
                <a:gd name="connsiteY4" fmla="*/ 78724 h 239483"/>
                <a:gd name="connsiteX5" fmla="*/ 125296 w 143555"/>
                <a:gd name="connsiteY5" fmla="*/ 71822 h 239483"/>
                <a:gd name="connsiteX6" fmla="*/ 125688 w 143555"/>
                <a:gd name="connsiteY6" fmla="*/ 71149 h 239483"/>
                <a:gd name="connsiteX7" fmla="*/ 129721 w 143555"/>
                <a:gd name="connsiteY7" fmla="*/ 58468 h 239483"/>
                <a:gd name="connsiteX8" fmla="*/ 111461 w 143555"/>
                <a:gd name="connsiteY8" fmla="*/ 38212 h 239483"/>
                <a:gd name="connsiteX9" fmla="*/ 109613 w 143555"/>
                <a:gd name="connsiteY9" fmla="*/ 38324 h 239483"/>
                <a:gd name="connsiteX10" fmla="*/ 105244 w 143555"/>
                <a:gd name="connsiteY10" fmla="*/ 36921 h 239483"/>
                <a:gd name="connsiteX11" fmla="*/ 103340 w 143555"/>
                <a:gd name="connsiteY11" fmla="*/ 32713 h 239483"/>
                <a:gd name="connsiteX12" fmla="*/ 85080 w 143555"/>
                <a:gd name="connsiteY12" fmla="*/ 12288 h 239483"/>
                <a:gd name="connsiteX13" fmla="*/ 80599 w 143555"/>
                <a:gd name="connsiteY13" fmla="*/ 12906 h 239483"/>
                <a:gd name="connsiteX14" fmla="*/ 81440 w 143555"/>
                <a:gd name="connsiteY14" fmla="*/ 20312 h 239483"/>
                <a:gd name="connsiteX15" fmla="*/ 71134 w 143555"/>
                <a:gd name="connsiteY15" fmla="*/ 44216 h 239483"/>
                <a:gd name="connsiteX16" fmla="*/ 67381 w 143555"/>
                <a:gd name="connsiteY16" fmla="*/ 45675 h 239483"/>
                <a:gd name="connsiteX17" fmla="*/ 63236 w 143555"/>
                <a:gd name="connsiteY17" fmla="*/ 43823 h 239483"/>
                <a:gd name="connsiteX18" fmla="*/ 63572 w 143555"/>
                <a:gd name="connsiteY18" fmla="*/ 35911 h 239483"/>
                <a:gd name="connsiteX19" fmla="*/ 70237 w 143555"/>
                <a:gd name="connsiteY19" fmla="*/ 20256 h 239483"/>
                <a:gd name="connsiteX20" fmla="*/ 67213 w 143555"/>
                <a:gd name="connsiteY20" fmla="*/ 9146 h 239483"/>
                <a:gd name="connsiteX21" fmla="*/ 66653 w 143555"/>
                <a:gd name="connsiteY21" fmla="*/ 8304 h 239483"/>
                <a:gd name="connsiteX22" fmla="*/ 65252 w 143555"/>
                <a:gd name="connsiteY22" fmla="*/ 6453 h 239483"/>
                <a:gd name="connsiteX23" fmla="*/ 64412 w 143555"/>
                <a:gd name="connsiteY23" fmla="*/ 5499 h 239483"/>
                <a:gd name="connsiteX24" fmla="*/ 62844 w 143555"/>
                <a:gd name="connsiteY24" fmla="*/ 4040 h 239483"/>
                <a:gd name="connsiteX25" fmla="*/ 61948 w 143555"/>
                <a:gd name="connsiteY25" fmla="*/ 3311 h 239483"/>
                <a:gd name="connsiteX26" fmla="*/ 59371 w 143555"/>
                <a:gd name="connsiteY26" fmla="*/ 1739 h 239483"/>
                <a:gd name="connsiteX27" fmla="*/ 58363 w 143555"/>
                <a:gd name="connsiteY27" fmla="*/ 1347 h 239483"/>
                <a:gd name="connsiteX28" fmla="*/ 56235 w 143555"/>
                <a:gd name="connsiteY28" fmla="*/ 617 h 239483"/>
                <a:gd name="connsiteX29" fmla="*/ 55227 w 143555"/>
                <a:gd name="connsiteY29" fmla="*/ 337 h 239483"/>
                <a:gd name="connsiteX30" fmla="*/ 51978 w 143555"/>
                <a:gd name="connsiteY30" fmla="*/ 0 h 239483"/>
                <a:gd name="connsiteX31" fmla="*/ 33718 w 143555"/>
                <a:gd name="connsiteY31" fmla="*/ 20256 h 239483"/>
                <a:gd name="connsiteX32" fmla="*/ 33718 w 143555"/>
                <a:gd name="connsiteY32" fmla="*/ 45170 h 239483"/>
                <a:gd name="connsiteX33" fmla="*/ 30302 w 143555"/>
                <a:gd name="connsiteY33" fmla="*/ 50332 h 239483"/>
                <a:gd name="connsiteX34" fmla="*/ 24197 w 143555"/>
                <a:gd name="connsiteY34" fmla="*/ 49154 h 239483"/>
                <a:gd name="connsiteX35" fmla="*/ 14227 w 143555"/>
                <a:gd name="connsiteY35" fmla="*/ 45057 h 239483"/>
                <a:gd name="connsiteX36" fmla="*/ 0 w 143555"/>
                <a:gd name="connsiteY36" fmla="*/ 59310 h 239483"/>
                <a:gd name="connsiteX37" fmla="*/ 14227 w 143555"/>
                <a:gd name="connsiteY37" fmla="*/ 73562 h 239483"/>
                <a:gd name="connsiteX38" fmla="*/ 24197 w 143555"/>
                <a:gd name="connsiteY38" fmla="*/ 69466 h 239483"/>
                <a:gd name="connsiteX39" fmla="*/ 30302 w 143555"/>
                <a:gd name="connsiteY39" fmla="*/ 68288 h 239483"/>
                <a:gd name="connsiteX40" fmla="*/ 33718 w 143555"/>
                <a:gd name="connsiteY40" fmla="*/ 73450 h 239483"/>
                <a:gd name="connsiteX41" fmla="*/ 33718 w 143555"/>
                <a:gd name="connsiteY41" fmla="*/ 119742 h 239483"/>
                <a:gd name="connsiteX42" fmla="*/ 33718 w 143555"/>
                <a:gd name="connsiteY42" fmla="*/ 119742 h 239483"/>
                <a:gd name="connsiteX43" fmla="*/ 33718 w 143555"/>
                <a:gd name="connsiteY43" fmla="*/ 156102 h 239483"/>
                <a:gd name="connsiteX44" fmla="*/ 42008 w 143555"/>
                <a:gd name="connsiteY44" fmla="*/ 154699 h 239483"/>
                <a:gd name="connsiteX45" fmla="*/ 67437 w 143555"/>
                <a:gd name="connsiteY45" fmla="*/ 180174 h 239483"/>
                <a:gd name="connsiteX46" fmla="*/ 42008 w 143555"/>
                <a:gd name="connsiteY46" fmla="*/ 205648 h 239483"/>
                <a:gd name="connsiteX47" fmla="*/ 33718 w 143555"/>
                <a:gd name="connsiteY47" fmla="*/ 204245 h 239483"/>
                <a:gd name="connsiteX48" fmla="*/ 33718 w 143555"/>
                <a:gd name="connsiteY48" fmla="*/ 219227 h 239483"/>
                <a:gd name="connsiteX49" fmla="*/ 33718 w 143555"/>
                <a:gd name="connsiteY49" fmla="*/ 219227 h 239483"/>
                <a:gd name="connsiteX50" fmla="*/ 51978 w 143555"/>
                <a:gd name="connsiteY50" fmla="*/ 239483 h 239483"/>
                <a:gd name="connsiteX51" fmla="*/ 68557 w 143555"/>
                <a:gd name="connsiteY51" fmla="*/ 227644 h 239483"/>
                <a:gd name="connsiteX52" fmla="*/ 71918 w 143555"/>
                <a:gd name="connsiteY52" fmla="*/ 224445 h 239483"/>
                <a:gd name="connsiteX53" fmla="*/ 76511 w 143555"/>
                <a:gd name="connsiteY53" fmla="*/ 224894 h 239483"/>
                <a:gd name="connsiteX54" fmla="*/ 84968 w 143555"/>
                <a:gd name="connsiteY54" fmla="*/ 227195 h 239483"/>
                <a:gd name="connsiteX55" fmla="*/ 103228 w 143555"/>
                <a:gd name="connsiteY55" fmla="*/ 206939 h 239483"/>
                <a:gd name="connsiteX56" fmla="*/ 105076 w 143555"/>
                <a:gd name="connsiteY56" fmla="*/ 202674 h 239483"/>
                <a:gd name="connsiteX57" fmla="*/ 109445 w 143555"/>
                <a:gd name="connsiteY57" fmla="*/ 201215 h 239483"/>
                <a:gd name="connsiteX58" fmla="*/ 111349 w 143555"/>
                <a:gd name="connsiteY58" fmla="*/ 201327 h 239483"/>
                <a:gd name="connsiteX59" fmla="*/ 129609 w 143555"/>
                <a:gd name="connsiteY59" fmla="*/ 181071 h 239483"/>
                <a:gd name="connsiteX60" fmla="*/ 125576 w 143555"/>
                <a:gd name="connsiteY60" fmla="*/ 168390 h 239483"/>
                <a:gd name="connsiteX61" fmla="*/ 125184 w 143555"/>
                <a:gd name="connsiteY61" fmla="*/ 167717 h 239483"/>
                <a:gd name="connsiteX62" fmla="*/ 111573 w 143555"/>
                <a:gd name="connsiteY62" fmla="*/ 160815 h 239483"/>
                <a:gd name="connsiteX63" fmla="*/ 105972 w 143555"/>
                <a:gd name="connsiteY63" fmla="*/ 155204 h 239483"/>
                <a:gd name="connsiteX64" fmla="*/ 111573 w 143555"/>
                <a:gd name="connsiteY64" fmla="*/ 149593 h 239483"/>
                <a:gd name="connsiteX65" fmla="*/ 132073 w 143555"/>
                <a:gd name="connsiteY65" fmla="*/ 158515 h 239483"/>
                <a:gd name="connsiteX66" fmla="*/ 143443 w 143555"/>
                <a:gd name="connsiteY66" fmla="*/ 139773 h 239483"/>
                <a:gd name="connsiteX67" fmla="*/ 136386 w 143555"/>
                <a:gd name="connsiteY67" fmla="*/ 123838 h 239483"/>
                <a:gd name="connsiteX68" fmla="*/ 134426 w 143555"/>
                <a:gd name="connsiteY68" fmla="*/ 119573 h 239483"/>
                <a:gd name="connsiteX69" fmla="*/ 136386 w 143555"/>
                <a:gd name="connsiteY69" fmla="*/ 115309 h 239483"/>
                <a:gd name="connsiteX70" fmla="*/ 143443 w 143555"/>
                <a:gd name="connsiteY70" fmla="*/ 99373 h 239483"/>
                <a:gd name="connsiteX71" fmla="*/ 90905 w 143555"/>
                <a:gd name="connsiteY71" fmla="*/ 141625 h 239483"/>
                <a:gd name="connsiteX72" fmla="*/ 86761 w 143555"/>
                <a:gd name="connsiteY72" fmla="*/ 143477 h 239483"/>
                <a:gd name="connsiteX73" fmla="*/ 83008 w 143555"/>
                <a:gd name="connsiteY73" fmla="*/ 142018 h 239483"/>
                <a:gd name="connsiteX74" fmla="*/ 82560 w 143555"/>
                <a:gd name="connsiteY74" fmla="*/ 134106 h 239483"/>
                <a:gd name="connsiteX75" fmla="*/ 85808 w 143555"/>
                <a:gd name="connsiteY75" fmla="*/ 124343 h 239483"/>
                <a:gd name="connsiteX76" fmla="*/ 82000 w 143555"/>
                <a:gd name="connsiteY76" fmla="*/ 116319 h 239483"/>
                <a:gd name="connsiteX77" fmla="*/ 66205 w 143555"/>
                <a:gd name="connsiteY77" fmla="*/ 121986 h 239483"/>
                <a:gd name="connsiteX78" fmla="*/ 45089 w 143555"/>
                <a:gd name="connsiteY78" fmla="*/ 110708 h 239483"/>
                <a:gd name="connsiteX79" fmla="*/ 46601 w 143555"/>
                <a:gd name="connsiteY79" fmla="*/ 102908 h 239483"/>
                <a:gd name="connsiteX80" fmla="*/ 54386 w 143555"/>
                <a:gd name="connsiteY80" fmla="*/ 104423 h 239483"/>
                <a:gd name="connsiteX81" fmla="*/ 66205 w 143555"/>
                <a:gd name="connsiteY81" fmla="*/ 110708 h 239483"/>
                <a:gd name="connsiteX82" fmla="*/ 80375 w 143555"/>
                <a:gd name="connsiteY82" fmla="*/ 96512 h 239483"/>
                <a:gd name="connsiteX83" fmla="*/ 75278 w 143555"/>
                <a:gd name="connsiteY83" fmla="*/ 85626 h 239483"/>
                <a:gd name="connsiteX84" fmla="*/ 74550 w 143555"/>
                <a:gd name="connsiteY84" fmla="*/ 77714 h 239483"/>
                <a:gd name="connsiteX85" fmla="*/ 82448 w 143555"/>
                <a:gd name="connsiteY85" fmla="*/ 76985 h 239483"/>
                <a:gd name="connsiteX86" fmla="*/ 91577 w 143555"/>
                <a:gd name="connsiteY86" fmla="*/ 96512 h 239483"/>
                <a:gd name="connsiteX87" fmla="*/ 89001 w 143555"/>
                <a:gd name="connsiteY87" fmla="*/ 107453 h 239483"/>
                <a:gd name="connsiteX88" fmla="*/ 96898 w 143555"/>
                <a:gd name="connsiteY88" fmla="*/ 123613 h 239483"/>
                <a:gd name="connsiteX89" fmla="*/ 90849 w 143555"/>
                <a:gd name="connsiteY89" fmla="*/ 141625 h 2394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Lst>
              <a:rect l="l" t="t" r="r" b="b"/>
              <a:pathLst>
                <a:path w="143555" h="239483">
                  <a:moveTo>
                    <a:pt x="143555" y="99766"/>
                  </a:moveTo>
                  <a:cubicBezTo>
                    <a:pt x="143555" y="91461"/>
                    <a:pt x="138906" y="84111"/>
                    <a:pt x="132185" y="81025"/>
                  </a:cubicBezTo>
                  <a:cubicBezTo>
                    <a:pt x="126864" y="86524"/>
                    <a:pt x="119639" y="89946"/>
                    <a:pt x="111685" y="89946"/>
                  </a:cubicBezTo>
                  <a:cubicBezTo>
                    <a:pt x="108605" y="89946"/>
                    <a:pt x="106084" y="87422"/>
                    <a:pt x="106084" y="84335"/>
                  </a:cubicBezTo>
                  <a:cubicBezTo>
                    <a:pt x="106084" y="81249"/>
                    <a:pt x="108605" y="78724"/>
                    <a:pt x="111685" y="78724"/>
                  </a:cubicBezTo>
                  <a:cubicBezTo>
                    <a:pt x="117118" y="78724"/>
                    <a:pt x="121991" y="76031"/>
                    <a:pt x="125296" y="71822"/>
                  </a:cubicBezTo>
                  <a:cubicBezTo>
                    <a:pt x="125408" y="71598"/>
                    <a:pt x="125520" y="71374"/>
                    <a:pt x="125688" y="71149"/>
                  </a:cubicBezTo>
                  <a:cubicBezTo>
                    <a:pt x="128320" y="67502"/>
                    <a:pt x="129721" y="63125"/>
                    <a:pt x="129721" y="58468"/>
                  </a:cubicBezTo>
                  <a:cubicBezTo>
                    <a:pt x="129721" y="47302"/>
                    <a:pt x="121543" y="38212"/>
                    <a:pt x="111461" y="38212"/>
                  </a:cubicBezTo>
                  <a:cubicBezTo>
                    <a:pt x="110845" y="38212"/>
                    <a:pt x="110229" y="38212"/>
                    <a:pt x="109613" y="38324"/>
                  </a:cubicBezTo>
                  <a:cubicBezTo>
                    <a:pt x="108045" y="38548"/>
                    <a:pt x="106420" y="37987"/>
                    <a:pt x="105244" y="36921"/>
                  </a:cubicBezTo>
                  <a:cubicBezTo>
                    <a:pt x="104068" y="35855"/>
                    <a:pt x="103340" y="34340"/>
                    <a:pt x="103340" y="32713"/>
                  </a:cubicBezTo>
                  <a:cubicBezTo>
                    <a:pt x="103340" y="21378"/>
                    <a:pt x="95162" y="12288"/>
                    <a:pt x="85080" y="12288"/>
                  </a:cubicBezTo>
                  <a:cubicBezTo>
                    <a:pt x="83568" y="12288"/>
                    <a:pt x="82056" y="12513"/>
                    <a:pt x="80599" y="12906"/>
                  </a:cubicBezTo>
                  <a:cubicBezTo>
                    <a:pt x="81159" y="15262"/>
                    <a:pt x="81440" y="17731"/>
                    <a:pt x="81440" y="20312"/>
                  </a:cubicBezTo>
                  <a:cubicBezTo>
                    <a:pt x="81440" y="29515"/>
                    <a:pt x="77687" y="38268"/>
                    <a:pt x="71134" y="44216"/>
                  </a:cubicBezTo>
                  <a:cubicBezTo>
                    <a:pt x="70069" y="45170"/>
                    <a:pt x="68725" y="45675"/>
                    <a:pt x="67381" y="45675"/>
                  </a:cubicBezTo>
                  <a:cubicBezTo>
                    <a:pt x="65869" y="45675"/>
                    <a:pt x="64356" y="45057"/>
                    <a:pt x="63236" y="43823"/>
                  </a:cubicBezTo>
                  <a:cubicBezTo>
                    <a:pt x="61164" y="41522"/>
                    <a:pt x="61332" y="37987"/>
                    <a:pt x="63572" y="35911"/>
                  </a:cubicBezTo>
                  <a:cubicBezTo>
                    <a:pt x="67829" y="32040"/>
                    <a:pt x="70237" y="26316"/>
                    <a:pt x="70237" y="20256"/>
                  </a:cubicBezTo>
                  <a:cubicBezTo>
                    <a:pt x="70237" y="16160"/>
                    <a:pt x="69117" y="12345"/>
                    <a:pt x="67213" y="9146"/>
                  </a:cubicBezTo>
                  <a:cubicBezTo>
                    <a:pt x="67045" y="8866"/>
                    <a:pt x="66821" y="8585"/>
                    <a:pt x="66653" y="8304"/>
                  </a:cubicBezTo>
                  <a:cubicBezTo>
                    <a:pt x="66205" y="7631"/>
                    <a:pt x="65757" y="7014"/>
                    <a:pt x="65252" y="6453"/>
                  </a:cubicBezTo>
                  <a:cubicBezTo>
                    <a:pt x="64972" y="6116"/>
                    <a:pt x="64692" y="5836"/>
                    <a:pt x="64412" y="5499"/>
                  </a:cubicBezTo>
                  <a:cubicBezTo>
                    <a:pt x="63908" y="4994"/>
                    <a:pt x="63348" y="4489"/>
                    <a:pt x="62844" y="4040"/>
                  </a:cubicBezTo>
                  <a:cubicBezTo>
                    <a:pt x="62564" y="3816"/>
                    <a:pt x="62284" y="3535"/>
                    <a:pt x="61948" y="3311"/>
                  </a:cubicBezTo>
                  <a:cubicBezTo>
                    <a:pt x="61108" y="2693"/>
                    <a:pt x="60267" y="2188"/>
                    <a:pt x="59371" y="1739"/>
                  </a:cubicBezTo>
                  <a:cubicBezTo>
                    <a:pt x="59035" y="1571"/>
                    <a:pt x="58699" y="1459"/>
                    <a:pt x="58363" y="1347"/>
                  </a:cubicBezTo>
                  <a:cubicBezTo>
                    <a:pt x="57691" y="1066"/>
                    <a:pt x="56963" y="786"/>
                    <a:pt x="56235" y="617"/>
                  </a:cubicBezTo>
                  <a:cubicBezTo>
                    <a:pt x="55899" y="505"/>
                    <a:pt x="55563" y="449"/>
                    <a:pt x="55227" y="337"/>
                  </a:cubicBezTo>
                  <a:cubicBezTo>
                    <a:pt x="54162" y="112"/>
                    <a:pt x="53098" y="0"/>
                    <a:pt x="51978" y="0"/>
                  </a:cubicBezTo>
                  <a:cubicBezTo>
                    <a:pt x="41896" y="0"/>
                    <a:pt x="33718" y="9090"/>
                    <a:pt x="33718" y="20256"/>
                  </a:cubicBezTo>
                  <a:lnTo>
                    <a:pt x="33718" y="45170"/>
                  </a:lnTo>
                  <a:cubicBezTo>
                    <a:pt x="33718" y="47414"/>
                    <a:pt x="32374" y="49490"/>
                    <a:pt x="30302" y="50332"/>
                  </a:cubicBezTo>
                  <a:cubicBezTo>
                    <a:pt x="28229" y="51230"/>
                    <a:pt x="25821" y="50781"/>
                    <a:pt x="24197" y="49154"/>
                  </a:cubicBezTo>
                  <a:cubicBezTo>
                    <a:pt x="21508" y="46516"/>
                    <a:pt x="17979" y="45057"/>
                    <a:pt x="14227" y="45057"/>
                  </a:cubicBezTo>
                  <a:cubicBezTo>
                    <a:pt x="6385" y="45057"/>
                    <a:pt x="0" y="51454"/>
                    <a:pt x="0" y="59310"/>
                  </a:cubicBezTo>
                  <a:cubicBezTo>
                    <a:pt x="0" y="67165"/>
                    <a:pt x="6385" y="73562"/>
                    <a:pt x="14227" y="73562"/>
                  </a:cubicBezTo>
                  <a:cubicBezTo>
                    <a:pt x="17979" y="73562"/>
                    <a:pt x="21508" y="72103"/>
                    <a:pt x="24197" y="69466"/>
                  </a:cubicBezTo>
                  <a:cubicBezTo>
                    <a:pt x="25821" y="67895"/>
                    <a:pt x="28229" y="67446"/>
                    <a:pt x="30302" y="68288"/>
                  </a:cubicBezTo>
                  <a:cubicBezTo>
                    <a:pt x="32374" y="69185"/>
                    <a:pt x="33718" y="71205"/>
                    <a:pt x="33718" y="73450"/>
                  </a:cubicBezTo>
                  <a:lnTo>
                    <a:pt x="33718" y="119742"/>
                  </a:lnTo>
                  <a:lnTo>
                    <a:pt x="33718" y="119742"/>
                  </a:lnTo>
                  <a:lnTo>
                    <a:pt x="33718" y="156102"/>
                  </a:lnTo>
                  <a:cubicBezTo>
                    <a:pt x="36351" y="155204"/>
                    <a:pt x="39151" y="154699"/>
                    <a:pt x="42008" y="154699"/>
                  </a:cubicBezTo>
                  <a:cubicBezTo>
                    <a:pt x="56067" y="154699"/>
                    <a:pt x="67437" y="166146"/>
                    <a:pt x="67437" y="180174"/>
                  </a:cubicBezTo>
                  <a:cubicBezTo>
                    <a:pt x="67437" y="194201"/>
                    <a:pt x="56011" y="205648"/>
                    <a:pt x="42008" y="205648"/>
                  </a:cubicBezTo>
                  <a:cubicBezTo>
                    <a:pt x="39151" y="205648"/>
                    <a:pt x="36351" y="205199"/>
                    <a:pt x="33718" y="204245"/>
                  </a:cubicBezTo>
                  <a:lnTo>
                    <a:pt x="33718" y="219227"/>
                  </a:lnTo>
                  <a:lnTo>
                    <a:pt x="33718" y="219227"/>
                  </a:lnTo>
                  <a:cubicBezTo>
                    <a:pt x="33718" y="230393"/>
                    <a:pt x="41896" y="239483"/>
                    <a:pt x="51978" y="239483"/>
                  </a:cubicBezTo>
                  <a:cubicBezTo>
                    <a:pt x="59091" y="239483"/>
                    <a:pt x="65589" y="234826"/>
                    <a:pt x="68557" y="227644"/>
                  </a:cubicBezTo>
                  <a:cubicBezTo>
                    <a:pt x="69173" y="226129"/>
                    <a:pt x="70405" y="225006"/>
                    <a:pt x="71918" y="224445"/>
                  </a:cubicBezTo>
                  <a:cubicBezTo>
                    <a:pt x="73430" y="223940"/>
                    <a:pt x="75110" y="224109"/>
                    <a:pt x="76511" y="224894"/>
                  </a:cubicBezTo>
                  <a:cubicBezTo>
                    <a:pt x="79143" y="226409"/>
                    <a:pt x="82000" y="227195"/>
                    <a:pt x="84968" y="227195"/>
                  </a:cubicBezTo>
                  <a:cubicBezTo>
                    <a:pt x="95050" y="227195"/>
                    <a:pt x="103228" y="218105"/>
                    <a:pt x="103228" y="206939"/>
                  </a:cubicBezTo>
                  <a:cubicBezTo>
                    <a:pt x="103228" y="205311"/>
                    <a:pt x="103900" y="203740"/>
                    <a:pt x="105076" y="202674"/>
                  </a:cubicBezTo>
                  <a:cubicBezTo>
                    <a:pt x="106252" y="201608"/>
                    <a:pt x="107877" y="201047"/>
                    <a:pt x="109445" y="201215"/>
                  </a:cubicBezTo>
                  <a:cubicBezTo>
                    <a:pt x="110061" y="201271"/>
                    <a:pt x="110677" y="201327"/>
                    <a:pt x="111349" y="201327"/>
                  </a:cubicBezTo>
                  <a:cubicBezTo>
                    <a:pt x="121431" y="201327"/>
                    <a:pt x="129609" y="192237"/>
                    <a:pt x="129609" y="181071"/>
                  </a:cubicBezTo>
                  <a:cubicBezTo>
                    <a:pt x="129609" y="176414"/>
                    <a:pt x="128208" y="172037"/>
                    <a:pt x="125576" y="168390"/>
                  </a:cubicBezTo>
                  <a:cubicBezTo>
                    <a:pt x="125408" y="168166"/>
                    <a:pt x="125352" y="167941"/>
                    <a:pt x="125184" y="167717"/>
                  </a:cubicBezTo>
                  <a:cubicBezTo>
                    <a:pt x="121823" y="163508"/>
                    <a:pt x="117006" y="160815"/>
                    <a:pt x="111573" y="160815"/>
                  </a:cubicBezTo>
                  <a:cubicBezTo>
                    <a:pt x="108493" y="160815"/>
                    <a:pt x="105972" y="158290"/>
                    <a:pt x="105972" y="155204"/>
                  </a:cubicBezTo>
                  <a:cubicBezTo>
                    <a:pt x="105972" y="152118"/>
                    <a:pt x="108493" y="149593"/>
                    <a:pt x="111573" y="149593"/>
                  </a:cubicBezTo>
                  <a:cubicBezTo>
                    <a:pt x="119527" y="149593"/>
                    <a:pt x="126752" y="153016"/>
                    <a:pt x="132073" y="158515"/>
                  </a:cubicBezTo>
                  <a:cubicBezTo>
                    <a:pt x="138794" y="155484"/>
                    <a:pt x="143443" y="148078"/>
                    <a:pt x="143443" y="139773"/>
                  </a:cubicBezTo>
                  <a:cubicBezTo>
                    <a:pt x="143443" y="133489"/>
                    <a:pt x="140867" y="127709"/>
                    <a:pt x="136386" y="123838"/>
                  </a:cubicBezTo>
                  <a:cubicBezTo>
                    <a:pt x="135154" y="122772"/>
                    <a:pt x="134426" y="121200"/>
                    <a:pt x="134426" y="119573"/>
                  </a:cubicBezTo>
                  <a:cubicBezTo>
                    <a:pt x="134426" y="117946"/>
                    <a:pt x="135154" y="116375"/>
                    <a:pt x="136386" y="115309"/>
                  </a:cubicBezTo>
                  <a:cubicBezTo>
                    <a:pt x="140867" y="111437"/>
                    <a:pt x="143443" y="105602"/>
                    <a:pt x="143443" y="99373"/>
                  </a:cubicBezTo>
                  <a:close/>
                  <a:moveTo>
                    <a:pt x="90905" y="141625"/>
                  </a:moveTo>
                  <a:cubicBezTo>
                    <a:pt x="89785" y="142859"/>
                    <a:pt x="88273" y="143477"/>
                    <a:pt x="86761" y="143477"/>
                  </a:cubicBezTo>
                  <a:cubicBezTo>
                    <a:pt x="85416" y="143477"/>
                    <a:pt x="84072" y="143028"/>
                    <a:pt x="83008" y="142018"/>
                  </a:cubicBezTo>
                  <a:cubicBezTo>
                    <a:pt x="80711" y="139942"/>
                    <a:pt x="80543" y="136407"/>
                    <a:pt x="82560" y="134106"/>
                  </a:cubicBezTo>
                  <a:cubicBezTo>
                    <a:pt x="82672" y="133994"/>
                    <a:pt x="86256" y="129729"/>
                    <a:pt x="85808" y="124343"/>
                  </a:cubicBezTo>
                  <a:cubicBezTo>
                    <a:pt x="85584" y="121593"/>
                    <a:pt x="84240" y="118900"/>
                    <a:pt x="82000" y="116319"/>
                  </a:cubicBezTo>
                  <a:cubicBezTo>
                    <a:pt x="77631" y="119798"/>
                    <a:pt x="72198" y="121986"/>
                    <a:pt x="66205" y="121986"/>
                  </a:cubicBezTo>
                  <a:cubicBezTo>
                    <a:pt x="57747" y="121986"/>
                    <a:pt x="49849" y="117778"/>
                    <a:pt x="45089" y="110708"/>
                  </a:cubicBezTo>
                  <a:cubicBezTo>
                    <a:pt x="43352" y="108127"/>
                    <a:pt x="44024" y="104648"/>
                    <a:pt x="46601" y="102908"/>
                  </a:cubicBezTo>
                  <a:cubicBezTo>
                    <a:pt x="49177" y="101169"/>
                    <a:pt x="52650" y="101842"/>
                    <a:pt x="54386" y="104423"/>
                  </a:cubicBezTo>
                  <a:cubicBezTo>
                    <a:pt x="57019" y="108351"/>
                    <a:pt x="61444" y="110708"/>
                    <a:pt x="66205" y="110708"/>
                  </a:cubicBezTo>
                  <a:cubicBezTo>
                    <a:pt x="74046" y="110708"/>
                    <a:pt x="80375" y="104311"/>
                    <a:pt x="80375" y="96512"/>
                  </a:cubicBezTo>
                  <a:cubicBezTo>
                    <a:pt x="80375" y="92303"/>
                    <a:pt x="78527" y="88319"/>
                    <a:pt x="75278" y="85626"/>
                  </a:cubicBezTo>
                  <a:cubicBezTo>
                    <a:pt x="72926" y="83662"/>
                    <a:pt x="72590" y="80071"/>
                    <a:pt x="74550" y="77714"/>
                  </a:cubicBezTo>
                  <a:cubicBezTo>
                    <a:pt x="76511" y="75358"/>
                    <a:pt x="80039" y="75021"/>
                    <a:pt x="82448" y="76985"/>
                  </a:cubicBezTo>
                  <a:cubicBezTo>
                    <a:pt x="88217" y="81866"/>
                    <a:pt x="91577" y="88936"/>
                    <a:pt x="91577" y="96512"/>
                  </a:cubicBezTo>
                  <a:cubicBezTo>
                    <a:pt x="91577" y="100439"/>
                    <a:pt x="90625" y="104143"/>
                    <a:pt x="89001" y="107453"/>
                  </a:cubicBezTo>
                  <a:cubicBezTo>
                    <a:pt x="93762" y="112391"/>
                    <a:pt x="96450" y="117778"/>
                    <a:pt x="96898" y="123613"/>
                  </a:cubicBezTo>
                  <a:cubicBezTo>
                    <a:pt x="97683" y="133713"/>
                    <a:pt x="91521" y="140839"/>
                    <a:pt x="90849" y="141625"/>
                  </a:cubicBezTo>
                  <a:close/>
                </a:path>
              </a:pathLst>
            </a:custGeom>
            <a:solidFill>
              <a:srgbClr val="C7E4F1"/>
            </a:solidFill>
            <a:ln w="5581" cap="flat">
              <a:noFill/>
              <a:prstDash val="solid"/>
              <a:miter/>
            </a:ln>
          </p:spPr>
          <p:txBody>
            <a:bodyPr rtlCol="0" anchor="ctr"/>
            <a:lstStyle/>
            <a:p>
              <a:endParaRPr lang="en-AU" sz="1650"/>
            </a:p>
          </p:txBody>
        </p:sp>
        <p:sp>
          <p:nvSpPr>
            <p:cNvPr id="52" name="Freeform 4">
              <a:extLst>
                <a:ext uri="{FF2B5EF4-FFF2-40B4-BE49-F238E27FC236}">
                  <a16:creationId xmlns:a16="http://schemas.microsoft.com/office/drawing/2014/main" id="{4CB647E0-4AC0-ED22-3B1B-50400E96BBFA}"/>
                </a:ext>
              </a:extLst>
            </p:cNvPr>
            <p:cNvSpPr/>
            <p:nvPr/>
          </p:nvSpPr>
          <p:spPr>
            <a:xfrm>
              <a:off x="10965090" y="4013372"/>
              <a:ext cx="244605" cy="188271"/>
            </a:xfrm>
            <a:custGeom>
              <a:avLst/>
              <a:gdLst>
                <a:gd name="connsiteX0" fmla="*/ 143387 w 143443"/>
                <a:gd name="connsiteY0" fmla="*/ 54821 h 114298"/>
                <a:gd name="connsiteX1" fmla="*/ 129161 w 143443"/>
                <a:gd name="connsiteY1" fmla="*/ 40568 h 114298"/>
                <a:gd name="connsiteX2" fmla="*/ 119191 w 143443"/>
                <a:gd name="connsiteY2" fmla="*/ 44665 h 114298"/>
                <a:gd name="connsiteX3" fmla="*/ 113086 w 143443"/>
                <a:gd name="connsiteY3" fmla="*/ 45843 h 114298"/>
                <a:gd name="connsiteX4" fmla="*/ 109669 w 143443"/>
                <a:gd name="connsiteY4" fmla="*/ 40681 h 114298"/>
                <a:gd name="connsiteX5" fmla="*/ 109669 w 143443"/>
                <a:gd name="connsiteY5" fmla="*/ 0 h 114298"/>
                <a:gd name="connsiteX6" fmla="*/ 78975 w 143443"/>
                <a:gd name="connsiteY6" fmla="*/ 0 h 114298"/>
                <a:gd name="connsiteX7" fmla="*/ 80375 w 143443"/>
                <a:gd name="connsiteY7" fmla="*/ 8304 h 114298"/>
                <a:gd name="connsiteX8" fmla="*/ 54946 w 143443"/>
                <a:gd name="connsiteY8" fmla="*/ 33779 h 114298"/>
                <a:gd name="connsiteX9" fmla="*/ 29518 w 143443"/>
                <a:gd name="connsiteY9" fmla="*/ 8304 h 114298"/>
                <a:gd name="connsiteX10" fmla="*/ 30918 w 143443"/>
                <a:gd name="connsiteY10" fmla="*/ 0 h 114298"/>
                <a:gd name="connsiteX11" fmla="*/ 5769 w 143443"/>
                <a:gd name="connsiteY11" fmla="*/ 0 h 114298"/>
                <a:gd name="connsiteX12" fmla="*/ 0 w 143443"/>
                <a:gd name="connsiteY12" fmla="*/ 14589 h 114298"/>
                <a:gd name="connsiteX13" fmla="*/ 14563 w 143443"/>
                <a:gd name="connsiteY13" fmla="*/ 34396 h 114298"/>
                <a:gd name="connsiteX14" fmla="*/ 18596 w 143443"/>
                <a:gd name="connsiteY14" fmla="*/ 37875 h 114298"/>
                <a:gd name="connsiteX15" fmla="*/ 17867 w 143443"/>
                <a:gd name="connsiteY15" fmla="*/ 43150 h 114298"/>
                <a:gd name="connsiteX16" fmla="*/ 13835 w 143443"/>
                <a:gd name="connsiteY16" fmla="*/ 55831 h 114298"/>
                <a:gd name="connsiteX17" fmla="*/ 32094 w 143443"/>
                <a:gd name="connsiteY17" fmla="*/ 76087 h 114298"/>
                <a:gd name="connsiteX18" fmla="*/ 33998 w 143443"/>
                <a:gd name="connsiteY18" fmla="*/ 75975 h 114298"/>
                <a:gd name="connsiteX19" fmla="*/ 38367 w 143443"/>
                <a:gd name="connsiteY19" fmla="*/ 77377 h 114298"/>
                <a:gd name="connsiteX20" fmla="*/ 40216 w 143443"/>
                <a:gd name="connsiteY20" fmla="*/ 81586 h 114298"/>
                <a:gd name="connsiteX21" fmla="*/ 58475 w 143443"/>
                <a:gd name="connsiteY21" fmla="*/ 102010 h 114298"/>
                <a:gd name="connsiteX22" fmla="*/ 66933 w 143443"/>
                <a:gd name="connsiteY22" fmla="*/ 99710 h 114298"/>
                <a:gd name="connsiteX23" fmla="*/ 71526 w 143443"/>
                <a:gd name="connsiteY23" fmla="*/ 99261 h 114298"/>
                <a:gd name="connsiteX24" fmla="*/ 74886 w 143443"/>
                <a:gd name="connsiteY24" fmla="*/ 102459 h 114298"/>
                <a:gd name="connsiteX25" fmla="*/ 91465 w 143443"/>
                <a:gd name="connsiteY25" fmla="*/ 114299 h 114298"/>
                <a:gd name="connsiteX26" fmla="*/ 109725 w 143443"/>
                <a:gd name="connsiteY26" fmla="*/ 94043 h 114298"/>
                <a:gd name="connsiteX27" fmla="*/ 109725 w 143443"/>
                <a:gd name="connsiteY27" fmla="*/ 94043 h 114298"/>
                <a:gd name="connsiteX28" fmla="*/ 109725 w 143443"/>
                <a:gd name="connsiteY28" fmla="*/ 69185 h 114298"/>
                <a:gd name="connsiteX29" fmla="*/ 113142 w 143443"/>
                <a:gd name="connsiteY29" fmla="*/ 64023 h 114298"/>
                <a:gd name="connsiteX30" fmla="*/ 119247 w 143443"/>
                <a:gd name="connsiteY30" fmla="*/ 65201 h 114298"/>
                <a:gd name="connsiteX31" fmla="*/ 129217 w 143443"/>
                <a:gd name="connsiteY31" fmla="*/ 69297 h 114298"/>
                <a:gd name="connsiteX32" fmla="*/ 143443 w 143443"/>
                <a:gd name="connsiteY32" fmla="*/ 55045 h 1142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43443" h="114298">
                  <a:moveTo>
                    <a:pt x="143387" y="54821"/>
                  </a:moveTo>
                  <a:cubicBezTo>
                    <a:pt x="143387" y="46965"/>
                    <a:pt x="137002" y="40568"/>
                    <a:pt x="129161" y="40568"/>
                  </a:cubicBezTo>
                  <a:cubicBezTo>
                    <a:pt x="125408" y="40568"/>
                    <a:pt x="121879" y="42027"/>
                    <a:pt x="119191" y="44665"/>
                  </a:cubicBezTo>
                  <a:cubicBezTo>
                    <a:pt x="117566" y="46236"/>
                    <a:pt x="115158" y="46685"/>
                    <a:pt x="113086" y="45843"/>
                  </a:cubicBezTo>
                  <a:cubicBezTo>
                    <a:pt x="111013" y="44945"/>
                    <a:pt x="109669" y="42925"/>
                    <a:pt x="109669" y="40681"/>
                  </a:cubicBezTo>
                  <a:lnTo>
                    <a:pt x="109669" y="0"/>
                  </a:lnTo>
                  <a:lnTo>
                    <a:pt x="78975" y="0"/>
                  </a:lnTo>
                  <a:cubicBezTo>
                    <a:pt x="79871" y="2637"/>
                    <a:pt x="80375" y="5443"/>
                    <a:pt x="80375" y="8304"/>
                  </a:cubicBezTo>
                  <a:cubicBezTo>
                    <a:pt x="80375" y="22388"/>
                    <a:pt x="68949" y="33779"/>
                    <a:pt x="54946" y="33779"/>
                  </a:cubicBezTo>
                  <a:cubicBezTo>
                    <a:pt x="40944" y="33779"/>
                    <a:pt x="29518" y="22332"/>
                    <a:pt x="29518" y="8304"/>
                  </a:cubicBezTo>
                  <a:cubicBezTo>
                    <a:pt x="29518" y="5443"/>
                    <a:pt x="29966" y="2637"/>
                    <a:pt x="30918" y="0"/>
                  </a:cubicBezTo>
                  <a:lnTo>
                    <a:pt x="5769" y="0"/>
                  </a:lnTo>
                  <a:cubicBezTo>
                    <a:pt x="2128" y="3816"/>
                    <a:pt x="0" y="8978"/>
                    <a:pt x="0" y="14589"/>
                  </a:cubicBezTo>
                  <a:cubicBezTo>
                    <a:pt x="0" y="24184"/>
                    <a:pt x="6105" y="32488"/>
                    <a:pt x="14563" y="34396"/>
                  </a:cubicBezTo>
                  <a:cubicBezTo>
                    <a:pt x="16411" y="34789"/>
                    <a:pt x="17923" y="36136"/>
                    <a:pt x="18596" y="37875"/>
                  </a:cubicBezTo>
                  <a:cubicBezTo>
                    <a:pt x="19268" y="39615"/>
                    <a:pt x="18988" y="41635"/>
                    <a:pt x="17867" y="43150"/>
                  </a:cubicBezTo>
                  <a:cubicBezTo>
                    <a:pt x="15235" y="46797"/>
                    <a:pt x="13835" y="51174"/>
                    <a:pt x="13835" y="55831"/>
                  </a:cubicBezTo>
                  <a:cubicBezTo>
                    <a:pt x="13835" y="66997"/>
                    <a:pt x="22012" y="76087"/>
                    <a:pt x="32094" y="76087"/>
                  </a:cubicBezTo>
                  <a:cubicBezTo>
                    <a:pt x="32710" y="76087"/>
                    <a:pt x="33382" y="76087"/>
                    <a:pt x="33998" y="75975"/>
                  </a:cubicBezTo>
                  <a:cubicBezTo>
                    <a:pt x="35623" y="75806"/>
                    <a:pt x="37191" y="76311"/>
                    <a:pt x="38367" y="77377"/>
                  </a:cubicBezTo>
                  <a:cubicBezTo>
                    <a:pt x="39544" y="78444"/>
                    <a:pt x="40216" y="79959"/>
                    <a:pt x="40216" y="81586"/>
                  </a:cubicBezTo>
                  <a:cubicBezTo>
                    <a:pt x="40216" y="92920"/>
                    <a:pt x="48393" y="102010"/>
                    <a:pt x="58475" y="102010"/>
                  </a:cubicBezTo>
                  <a:cubicBezTo>
                    <a:pt x="61444" y="102010"/>
                    <a:pt x="64300" y="101225"/>
                    <a:pt x="66933" y="99710"/>
                  </a:cubicBezTo>
                  <a:cubicBezTo>
                    <a:pt x="68333" y="98924"/>
                    <a:pt x="70013" y="98756"/>
                    <a:pt x="71526" y="99261"/>
                  </a:cubicBezTo>
                  <a:cubicBezTo>
                    <a:pt x="73038" y="99766"/>
                    <a:pt x="74270" y="100944"/>
                    <a:pt x="74886" y="102459"/>
                  </a:cubicBezTo>
                  <a:cubicBezTo>
                    <a:pt x="77855" y="109642"/>
                    <a:pt x="84352" y="114299"/>
                    <a:pt x="91465" y="114299"/>
                  </a:cubicBezTo>
                  <a:cubicBezTo>
                    <a:pt x="101547" y="114299"/>
                    <a:pt x="109725" y="105209"/>
                    <a:pt x="109725" y="94043"/>
                  </a:cubicBezTo>
                  <a:cubicBezTo>
                    <a:pt x="109725" y="94043"/>
                    <a:pt x="109725" y="94043"/>
                    <a:pt x="109725" y="94043"/>
                  </a:cubicBezTo>
                  <a:lnTo>
                    <a:pt x="109725" y="69185"/>
                  </a:lnTo>
                  <a:cubicBezTo>
                    <a:pt x="109725" y="66941"/>
                    <a:pt x="111069" y="64865"/>
                    <a:pt x="113142" y="64023"/>
                  </a:cubicBezTo>
                  <a:cubicBezTo>
                    <a:pt x="115214" y="63125"/>
                    <a:pt x="117622" y="63630"/>
                    <a:pt x="119247" y="65201"/>
                  </a:cubicBezTo>
                  <a:cubicBezTo>
                    <a:pt x="121935" y="67839"/>
                    <a:pt x="125464" y="69297"/>
                    <a:pt x="129217" y="69297"/>
                  </a:cubicBezTo>
                  <a:cubicBezTo>
                    <a:pt x="137058" y="69297"/>
                    <a:pt x="143443" y="62901"/>
                    <a:pt x="143443" y="55045"/>
                  </a:cubicBezTo>
                  <a:close/>
                </a:path>
              </a:pathLst>
            </a:custGeom>
            <a:solidFill>
              <a:srgbClr val="66BCDB"/>
            </a:solidFill>
            <a:ln w="5581" cap="flat">
              <a:noFill/>
              <a:prstDash val="solid"/>
              <a:miter/>
            </a:ln>
          </p:spPr>
          <p:txBody>
            <a:bodyPr rtlCol="0" anchor="ctr"/>
            <a:lstStyle/>
            <a:p>
              <a:endParaRPr lang="en-AU" sz="1650"/>
            </a:p>
          </p:txBody>
        </p:sp>
        <p:grpSp>
          <p:nvGrpSpPr>
            <p:cNvPr id="53" name="Graphic 1">
              <a:extLst>
                <a:ext uri="{FF2B5EF4-FFF2-40B4-BE49-F238E27FC236}">
                  <a16:creationId xmlns:a16="http://schemas.microsoft.com/office/drawing/2014/main" id="{1B45F23E-D7C7-BC82-462B-C08F6F9BE8F5}"/>
                </a:ext>
              </a:extLst>
            </p:cNvPr>
            <p:cNvGrpSpPr/>
            <p:nvPr/>
          </p:nvGrpSpPr>
          <p:grpSpPr>
            <a:xfrm>
              <a:off x="10945510" y="3787945"/>
              <a:ext cx="432000" cy="432000"/>
              <a:chOff x="-464820" y="409737"/>
              <a:chExt cx="253336" cy="262264"/>
            </a:xfrm>
            <a:solidFill>
              <a:srgbClr val="265A9A"/>
            </a:solidFill>
          </p:grpSpPr>
          <p:sp>
            <p:nvSpPr>
              <p:cNvPr id="54" name="Freeform 6">
                <a:extLst>
                  <a:ext uri="{FF2B5EF4-FFF2-40B4-BE49-F238E27FC236}">
                    <a16:creationId xmlns:a16="http://schemas.microsoft.com/office/drawing/2014/main" id="{97DA2936-7256-73F3-3C70-8614711F5315}"/>
                  </a:ext>
                </a:extLst>
              </p:cNvPr>
              <p:cNvSpPr/>
              <p:nvPr/>
            </p:nvSpPr>
            <p:spPr>
              <a:xfrm>
                <a:off x="-464820" y="409737"/>
                <a:ext cx="253336" cy="262264"/>
              </a:xfrm>
              <a:custGeom>
                <a:avLst/>
                <a:gdLst>
                  <a:gd name="connsiteX0" fmla="*/ 253336 w 253336"/>
                  <a:gd name="connsiteY0" fmla="*/ 110988 h 262264"/>
                  <a:gd name="connsiteX1" fmla="*/ 236981 w 253336"/>
                  <a:gd name="connsiteY1" fmla="*/ 82820 h 262264"/>
                  <a:gd name="connsiteX2" fmla="*/ 239726 w 253336"/>
                  <a:gd name="connsiteY2" fmla="*/ 69690 h 262264"/>
                  <a:gd name="connsiteX3" fmla="*/ 239334 w 253336"/>
                  <a:gd name="connsiteY3" fmla="*/ 67839 h 262264"/>
                  <a:gd name="connsiteX4" fmla="*/ 212672 w 253336"/>
                  <a:gd name="connsiteY4" fmla="*/ 38324 h 262264"/>
                  <a:gd name="connsiteX5" fmla="*/ 183659 w 253336"/>
                  <a:gd name="connsiteY5" fmla="*/ 12345 h 262264"/>
                  <a:gd name="connsiteX6" fmla="*/ 174865 w 253336"/>
                  <a:gd name="connsiteY6" fmla="*/ 13747 h 262264"/>
                  <a:gd name="connsiteX7" fmla="*/ 174417 w 253336"/>
                  <a:gd name="connsiteY7" fmla="*/ 13130 h 262264"/>
                  <a:gd name="connsiteX8" fmla="*/ 172961 w 253336"/>
                  <a:gd name="connsiteY8" fmla="*/ 11166 h 262264"/>
                  <a:gd name="connsiteX9" fmla="*/ 172065 w 253336"/>
                  <a:gd name="connsiteY9" fmla="*/ 10156 h 262264"/>
                  <a:gd name="connsiteX10" fmla="*/ 170664 w 253336"/>
                  <a:gd name="connsiteY10" fmla="*/ 8641 h 262264"/>
                  <a:gd name="connsiteX11" fmla="*/ 169712 w 253336"/>
                  <a:gd name="connsiteY11" fmla="*/ 7687 h 262264"/>
                  <a:gd name="connsiteX12" fmla="*/ 167976 w 253336"/>
                  <a:gd name="connsiteY12" fmla="*/ 6228 h 262264"/>
                  <a:gd name="connsiteX13" fmla="*/ 167192 w 253336"/>
                  <a:gd name="connsiteY13" fmla="*/ 5611 h 262264"/>
                  <a:gd name="connsiteX14" fmla="*/ 164447 w 253336"/>
                  <a:gd name="connsiteY14" fmla="*/ 3816 h 262264"/>
                  <a:gd name="connsiteX15" fmla="*/ 163943 w 253336"/>
                  <a:gd name="connsiteY15" fmla="*/ 3535 h 262264"/>
                  <a:gd name="connsiteX16" fmla="*/ 161423 w 253336"/>
                  <a:gd name="connsiteY16" fmla="*/ 2301 h 262264"/>
                  <a:gd name="connsiteX17" fmla="*/ 160527 w 253336"/>
                  <a:gd name="connsiteY17" fmla="*/ 1964 h 262264"/>
                  <a:gd name="connsiteX18" fmla="*/ 158230 w 253336"/>
                  <a:gd name="connsiteY18" fmla="*/ 1178 h 262264"/>
                  <a:gd name="connsiteX19" fmla="*/ 157222 w 253336"/>
                  <a:gd name="connsiteY19" fmla="*/ 898 h 262264"/>
                  <a:gd name="connsiteX20" fmla="*/ 154813 w 253336"/>
                  <a:gd name="connsiteY20" fmla="*/ 393 h 262264"/>
                  <a:gd name="connsiteX21" fmla="*/ 153861 w 253336"/>
                  <a:gd name="connsiteY21" fmla="*/ 224 h 262264"/>
                  <a:gd name="connsiteX22" fmla="*/ 150501 w 253336"/>
                  <a:gd name="connsiteY22" fmla="*/ 0 h 262264"/>
                  <a:gd name="connsiteX23" fmla="*/ 126640 w 253336"/>
                  <a:gd name="connsiteY23" fmla="*/ 13074 h 262264"/>
                  <a:gd name="connsiteX24" fmla="*/ 102780 w 253336"/>
                  <a:gd name="connsiteY24" fmla="*/ 0 h 262264"/>
                  <a:gd name="connsiteX25" fmla="*/ 78471 w 253336"/>
                  <a:gd name="connsiteY25" fmla="*/ 13691 h 262264"/>
                  <a:gd name="connsiteX26" fmla="*/ 69677 w 253336"/>
                  <a:gd name="connsiteY26" fmla="*/ 12288 h 262264"/>
                  <a:gd name="connsiteX27" fmla="*/ 40664 w 253336"/>
                  <a:gd name="connsiteY27" fmla="*/ 38268 h 262264"/>
                  <a:gd name="connsiteX28" fmla="*/ 13835 w 253336"/>
                  <a:gd name="connsiteY28" fmla="*/ 69634 h 262264"/>
                  <a:gd name="connsiteX29" fmla="*/ 16467 w 253336"/>
                  <a:gd name="connsiteY29" fmla="*/ 82708 h 262264"/>
                  <a:gd name="connsiteX30" fmla="*/ 0 w 253336"/>
                  <a:gd name="connsiteY30" fmla="*/ 110932 h 262264"/>
                  <a:gd name="connsiteX31" fmla="*/ 6889 w 253336"/>
                  <a:gd name="connsiteY31" fmla="*/ 131132 h 262264"/>
                  <a:gd name="connsiteX32" fmla="*/ 0 w 253336"/>
                  <a:gd name="connsiteY32" fmla="*/ 151332 h 262264"/>
                  <a:gd name="connsiteX33" fmla="*/ 16467 w 253336"/>
                  <a:gd name="connsiteY33" fmla="*/ 179556 h 262264"/>
                  <a:gd name="connsiteX34" fmla="*/ 13835 w 253336"/>
                  <a:gd name="connsiteY34" fmla="*/ 192630 h 262264"/>
                  <a:gd name="connsiteX35" fmla="*/ 40664 w 253336"/>
                  <a:gd name="connsiteY35" fmla="*/ 223996 h 262264"/>
                  <a:gd name="connsiteX36" fmla="*/ 69677 w 253336"/>
                  <a:gd name="connsiteY36" fmla="*/ 249976 h 262264"/>
                  <a:gd name="connsiteX37" fmla="*/ 78471 w 253336"/>
                  <a:gd name="connsiteY37" fmla="*/ 248573 h 262264"/>
                  <a:gd name="connsiteX38" fmla="*/ 102780 w 253336"/>
                  <a:gd name="connsiteY38" fmla="*/ 262264 h 262264"/>
                  <a:gd name="connsiteX39" fmla="*/ 126640 w 253336"/>
                  <a:gd name="connsiteY39" fmla="*/ 249190 h 262264"/>
                  <a:gd name="connsiteX40" fmla="*/ 150501 w 253336"/>
                  <a:gd name="connsiteY40" fmla="*/ 262264 h 262264"/>
                  <a:gd name="connsiteX41" fmla="*/ 174809 w 253336"/>
                  <a:gd name="connsiteY41" fmla="*/ 248573 h 262264"/>
                  <a:gd name="connsiteX42" fmla="*/ 183603 w 253336"/>
                  <a:gd name="connsiteY42" fmla="*/ 249976 h 262264"/>
                  <a:gd name="connsiteX43" fmla="*/ 212616 w 253336"/>
                  <a:gd name="connsiteY43" fmla="*/ 223996 h 262264"/>
                  <a:gd name="connsiteX44" fmla="*/ 239278 w 253336"/>
                  <a:gd name="connsiteY44" fmla="*/ 194482 h 262264"/>
                  <a:gd name="connsiteX45" fmla="*/ 239670 w 253336"/>
                  <a:gd name="connsiteY45" fmla="*/ 192630 h 262264"/>
                  <a:gd name="connsiteX46" fmla="*/ 236925 w 253336"/>
                  <a:gd name="connsiteY46" fmla="*/ 179500 h 262264"/>
                  <a:gd name="connsiteX47" fmla="*/ 253280 w 253336"/>
                  <a:gd name="connsiteY47" fmla="*/ 151332 h 262264"/>
                  <a:gd name="connsiteX48" fmla="*/ 246391 w 253336"/>
                  <a:gd name="connsiteY48" fmla="*/ 131132 h 262264"/>
                  <a:gd name="connsiteX49" fmla="*/ 253280 w 253336"/>
                  <a:gd name="connsiteY49" fmla="*/ 110932 h 262264"/>
                  <a:gd name="connsiteX50" fmla="*/ 25933 w 253336"/>
                  <a:gd name="connsiteY50" fmla="*/ 91125 h 262264"/>
                  <a:gd name="connsiteX51" fmla="*/ 29910 w 253336"/>
                  <a:gd name="connsiteY51" fmla="*/ 87646 h 262264"/>
                  <a:gd name="connsiteX52" fmla="*/ 29182 w 253336"/>
                  <a:gd name="connsiteY52" fmla="*/ 82371 h 262264"/>
                  <a:gd name="connsiteX53" fmla="*/ 25149 w 253336"/>
                  <a:gd name="connsiteY53" fmla="*/ 69690 h 262264"/>
                  <a:gd name="connsiteX54" fmla="*/ 43408 w 253336"/>
                  <a:gd name="connsiteY54" fmla="*/ 49434 h 262264"/>
                  <a:gd name="connsiteX55" fmla="*/ 45257 w 253336"/>
                  <a:gd name="connsiteY55" fmla="*/ 49546 h 262264"/>
                  <a:gd name="connsiteX56" fmla="*/ 49625 w 253336"/>
                  <a:gd name="connsiteY56" fmla="*/ 48087 h 262264"/>
                  <a:gd name="connsiteX57" fmla="*/ 51530 w 253336"/>
                  <a:gd name="connsiteY57" fmla="*/ 43823 h 262264"/>
                  <a:gd name="connsiteX58" fmla="*/ 69789 w 253336"/>
                  <a:gd name="connsiteY58" fmla="*/ 23567 h 262264"/>
                  <a:gd name="connsiteX59" fmla="*/ 78247 w 253336"/>
                  <a:gd name="connsiteY59" fmla="*/ 25867 h 262264"/>
                  <a:gd name="connsiteX60" fmla="*/ 82840 w 253336"/>
                  <a:gd name="connsiteY60" fmla="*/ 26316 h 262264"/>
                  <a:gd name="connsiteX61" fmla="*/ 86200 w 253336"/>
                  <a:gd name="connsiteY61" fmla="*/ 23118 h 262264"/>
                  <a:gd name="connsiteX62" fmla="*/ 102780 w 253336"/>
                  <a:gd name="connsiteY62" fmla="*/ 11278 h 262264"/>
                  <a:gd name="connsiteX63" fmla="*/ 121039 w 253336"/>
                  <a:gd name="connsiteY63" fmla="*/ 31535 h 262264"/>
                  <a:gd name="connsiteX64" fmla="*/ 121039 w 253336"/>
                  <a:gd name="connsiteY64" fmla="*/ 46516 h 262264"/>
                  <a:gd name="connsiteX65" fmla="*/ 112749 w 253336"/>
                  <a:gd name="connsiteY65" fmla="*/ 45114 h 262264"/>
                  <a:gd name="connsiteX66" fmla="*/ 92026 w 253336"/>
                  <a:gd name="connsiteY66" fmla="*/ 86187 h 262264"/>
                  <a:gd name="connsiteX67" fmla="*/ 96170 w 253336"/>
                  <a:gd name="connsiteY67" fmla="*/ 90564 h 262264"/>
                  <a:gd name="connsiteX68" fmla="*/ 121039 w 253336"/>
                  <a:gd name="connsiteY68" fmla="*/ 94772 h 262264"/>
                  <a:gd name="connsiteX69" fmla="*/ 121039 w 253336"/>
                  <a:gd name="connsiteY69" fmla="*/ 125521 h 262264"/>
                  <a:gd name="connsiteX70" fmla="*/ 80431 w 253336"/>
                  <a:gd name="connsiteY70" fmla="*/ 125521 h 262264"/>
                  <a:gd name="connsiteX71" fmla="*/ 75278 w 253336"/>
                  <a:gd name="connsiteY71" fmla="*/ 128944 h 262264"/>
                  <a:gd name="connsiteX72" fmla="*/ 76455 w 253336"/>
                  <a:gd name="connsiteY72" fmla="*/ 135060 h 262264"/>
                  <a:gd name="connsiteX73" fmla="*/ 80543 w 253336"/>
                  <a:gd name="connsiteY73" fmla="*/ 145048 h 262264"/>
                  <a:gd name="connsiteX74" fmla="*/ 57299 w 253336"/>
                  <a:gd name="connsiteY74" fmla="*/ 156495 h 262264"/>
                  <a:gd name="connsiteX75" fmla="*/ 55339 w 253336"/>
                  <a:gd name="connsiteY75" fmla="*/ 154587 h 262264"/>
                  <a:gd name="connsiteX76" fmla="*/ 56179 w 253336"/>
                  <a:gd name="connsiteY76" fmla="*/ 135060 h 262264"/>
                  <a:gd name="connsiteX77" fmla="*/ 57355 w 253336"/>
                  <a:gd name="connsiteY77" fmla="*/ 128944 h 262264"/>
                  <a:gd name="connsiteX78" fmla="*/ 52202 w 253336"/>
                  <a:gd name="connsiteY78" fmla="*/ 125521 h 262264"/>
                  <a:gd name="connsiteX79" fmla="*/ 17195 w 253336"/>
                  <a:gd name="connsiteY79" fmla="*/ 125521 h 262264"/>
                  <a:gd name="connsiteX80" fmla="*/ 11426 w 253336"/>
                  <a:gd name="connsiteY80" fmla="*/ 110932 h 262264"/>
                  <a:gd name="connsiteX81" fmla="*/ 25989 w 253336"/>
                  <a:gd name="connsiteY81" fmla="*/ 91069 h 262264"/>
                  <a:gd name="connsiteX82" fmla="*/ 102892 w 253336"/>
                  <a:gd name="connsiteY82" fmla="*/ 250986 h 262264"/>
                  <a:gd name="connsiteX83" fmla="*/ 86312 w 253336"/>
                  <a:gd name="connsiteY83" fmla="*/ 239147 h 262264"/>
                  <a:gd name="connsiteX84" fmla="*/ 82952 w 253336"/>
                  <a:gd name="connsiteY84" fmla="*/ 235948 h 262264"/>
                  <a:gd name="connsiteX85" fmla="*/ 78359 w 253336"/>
                  <a:gd name="connsiteY85" fmla="*/ 236397 h 262264"/>
                  <a:gd name="connsiteX86" fmla="*/ 69901 w 253336"/>
                  <a:gd name="connsiteY86" fmla="*/ 238698 h 262264"/>
                  <a:gd name="connsiteX87" fmla="*/ 51642 w 253336"/>
                  <a:gd name="connsiteY87" fmla="*/ 218273 h 262264"/>
                  <a:gd name="connsiteX88" fmla="*/ 49793 w 253336"/>
                  <a:gd name="connsiteY88" fmla="*/ 214065 h 262264"/>
                  <a:gd name="connsiteX89" fmla="*/ 45425 w 253336"/>
                  <a:gd name="connsiteY89" fmla="*/ 212662 h 262264"/>
                  <a:gd name="connsiteX90" fmla="*/ 43520 w 253336"/>
                  <a:gd name="connsiteY90" fmla="*/ 212774 h 262264"/>
                  <a:gd name="connsiteX91" fmla="*/ 25261 w 253336"/>
                  <a:gd name="connsiteY91" fmla="*/ 192518 h 262264"/>
                  <a:gd name="connsiteX92" fmla="*/ 29294 w 253336"/>
                  <a:gd name="connsiteY92" fmla="*/ 179837 h 262264"/>
                  <a:gd name="connsiteX93" fmla="*/ 30022 w 253336"/>
                  <a:gd name="connsiteY93" fmla="*/ 174562 h 262264"/>
                  <a:gd name="connsiteX94" fmla="*/ 25989 w 253336"/>
                  <a:gd name="connsiteY94" fmla="*/ 171083 h 262264"/>
                  <a:gd name="connsiteX95" fmla="*/ 11426 w 253336"/>
                  <a:gd name="connsiteY95" fmla="*/ 151276 h 262264"/>
                  <a:gd name="connsiteX96" fmla="*/ 17195 w 253336"/>
                  <a:gd name="connsiteY96" fmla="*/ 136687 h 262264"/>
                  <a:gd name="connsiteX97" fmla="*/ 42344 w 253336"/>
                  <a:gd name="connsiteY97" fmla="*/ 136687 h 262264"/>
                  <a:gd name="connsiteX98" fmla="*/ 46153 w 253336"/>
                  <a:gd name="connsiteY98" fmla="*/ 161208 h 262264"/>
                  <a:gd name="connsiteX99" fmla="*/ 50578 w 253336"/>
                  <a:gd name="connsiteY99" fmla="*/ 165585 h 262264"/>
                  <a:gd name="connsiteX100" fmla="*/ 91857 w 253336"/>
                  <a:gd name="connsiteY100" fmla="*/ 144992 h 262264"/>
                  <a:gd name="connsiteX101" fmla="*/ 90457 w 253336"/>
                  <a:gd name="connsiteY101" fmla="*/ 136687 h 262264"/>
                  <a:gd name="connsiteX102" fmla="*/ 121151 w 253336"/>
                  <a:gd name="connsiteY102" fmla="*/ 136687 h 262264"/>
                  <a:gd name="connsiteX103" fmla="*/ 121151 w 253336"/>
                  <a:gd name="connsiteY103" fmla="*/ 177368 h 262264"/>
                  <a:gd name="connsiteX104" fmla="*/ 124568 w 253336"/>
                  <a:gd name="connsiteY104" fmla="*/ 182530 h 262264"/>
                  <a:gd name="connsiteX105" fmla="*/ 130673 w 253336"/>
                  <a:gd name="connsiteY105" fmla="*/ 181352 h 262264"/>
                  <a:gd name="connsiteX106" fmla="*/ 140643 w 253336"/>
                  <a:gd name="connsiteY106" fmla="*/ 177256 h 262264"/>
                  <a:gd name="connsiteX107" fmla="*/ 152069 w 253336"/>
                  <a:gd name="connsiteY107" fmla="*/ 200598 h 262264"/>
                  <a:gd name="connsiteX108" fmla="*/ 150165 w 253336"/>
                  <a:gd name="connsiteY108" fmla="*/ 202562 h 262264"/>
                  <a:gd name="connsiteX109" fmla="*/ 130673 w 253336"/>
                  <a:gd name="connsiteY109" fmla="*/ 201720 h 262264"/>
                  <a:gd name="connsiteX110" fmla="*/ 124568 w 253336"/>
                  <a:gd name="connsiteY110" fmla="*/ 200542 h 262264"/>
                  <a:gd name="connsiteX111" fmla="*/ 121151 w 253336"/>
                  <a:gd name="connsiteY111" fmla="*/ 205704 h 262264"/>
                  <a:gd name="connsiteX112" fmla="*/ 121151 w 253336"/>
                  <a:gd name="connsiteY112" fmla="*/ 230561 h 262264"/>
                  <a:gd name="connsiteX113" fmla="*/ 121151 w 253336"/>
                  <a:gd name="connsiteY113" fmla="*/ 230561 h 262264"/>
                  <a:gd name="connsiteX114" fmla="*/ 102892 w 253336"/>
                  <a:gd name="connsiteY114" fmla="*/ 250818 h 262264"/>
                  <a:gd name="connsiteX115" fmla="*/ 235077 w 253336"/>
                  <a:gd name="connsiteY115" fmla="*/ 135397 h 262264"/>
                  <a:gd name="connsiteX116" fmla="*/ 242134 w 253336"/>
                  <a:gd name="connsiteY116" fmla="*/ 151332 h 262264"/>
                  <a:gd name="connsiteX117" fmla="*/ 230764 w 253336"/>
                  <a:gd name="connsiteY117" fmla="*/ 170073 h 262264"/>
                  <a:gd name="connsiteX118" fmla="*/ 210264 w 253336"/>
                  <a:gd name="connsiteY118" fmla="*/ 161152 h 262264"/>
                  <a:gd name="connsiteX119" fmla="*/ 204663 w 253336"/>
                  <a:gd name="connsiteY119" fmla="*/ 166763 h 262264"/>
                  <a:gd name="connsiteX120" fmla="*/ 210264 w 253336"/>
                  <a:gd name="connsiteY120" fmla="*/ 172374 h 262264"/>
                  <a:gd name="connsiteX121" fmla="*/ 223875 w 253336"/>
                  <a:gd name="connsiteY121" fmla="*/ 179276 h 262264"/>
                  <a:gd name="connsiteX122" fmla="*/ 224267 w 253336"/>
                  <a:gd name="connsiteY122" fmla="*/ 179949 h 262264"/>
                  <a:gd name="connsiteX123" fmla="*/ 228299 w 253336"/>
                  <a:gd name="connsiteY123" fmla="*/ 192630 h 262264"/>
                  <a:gd name="connsiteX124" fmla="*/ 210040 w 253336"/>
                  <a:gd name="connsiteY124" fmla="*/ 212886 h 262264"/>
                  <a:gd name="connsiteX125" fmla="*/ 208136 w 253336"/>
                  <a:gd name="connsiteY125" fmla="*/ 212774 h 262264"/>
                  <a:gd name="connsiteX126" fmla="*/ 203767 w 253336"/>
                  <a:gd name="connsiteY126" fmla="*/ 214233 h 262264"/>
                  <a:gd name="connsiteX127" fmla="*/ 201918 w 253336"/>
                  <a:gd name="connsiteY127" fmla="*/ 218498 h 262264"/>
                  <a:gd name="connsiteX128" fmla="*/ 183659 w 253336"/>
                  <a:gd name="connsiteY128" fmla="*/ 238754 h 262264"/>
                  <a:gd name="connsiteX129" fmla="*/ 175201 w 253336"/>
                  <a:gd name="connsiteY129" fmla="*/ 236453 h 262264"/>
                  <a:gd name="connsiteX130" fmla="*/ 170608 w 253336"/>
                  <a:gd name="connsiteY130" fmla="*/ 236004 h 262264"/>
                  <a:gd name="connsiteX131" fmla="*/ 167248 w 253336"/>
                  <a:gd name="connsiteY131" fmla="*/ 239203 h 262264"/>
                  <a:gd name="connsiteX132" fmla="*/ 150669 w 253336"/>
                  <a:gd name="connsiteY132" fmla="*/ 251042 h 262264"/>
                  <a:gd name="connsiteX133" fmla="*/ 132409 w 253336"/>
                  <a:gd name="connsiteY133" fmla="*/ 230786 h 262264"/>
                  <a:gd name="connsiteX134" fmla="*/ 132409 w 253336"/>
                  <a:gd name="connsiteY134" fmla="*/ 230786 h 262264"/>
                  <a:gd name="connsiteX135" fmla="*/ 132409 w 253336"/>
                  <a:gd name="connsiteY135" fmla="*/ 215804 h 262264"/>
                  <a:gd name="connsiteX136" fmla="*/ 140699 w 253336"/>
                  <a:gd name="connsiteY136" fmla="*/ 217207 h 262264"/>
                  <a:gd name="connsiteX137" fmla="*/ 161255 w 253336"/>
                  <a:gd name="connsiteY137" fmla="*/ 175853 h 262264"/>
                  <a:gd name="connsiteX138" fmla="*/ 156886 w 253336"/>
                  <a:gd name="connsiteY138" fmla="*/ 171420 h 262264"/>
                  <a:gd name="connsiteX139" fmla="*/ 132409 w 253336"/>
                  <a:gd name="connsiteY139" fmla="*/ 167605 h 262264"/>
                  <a:gd name="connsiteX140" fmla="*/ 132409 w 253336"/>
                  <a:gd name="connsiteY140" fmla="*/ 131244 h 262264"/>
                  <a:gd name="connsiteX141" fmla="*/ 132409 w 253336"/>
                  <a:gd name="connsiteY141" fmla="*/ 131244 h 262264"/>
                  <a:gd name="connsiteX142" fmla="*/ 132409 w 253336"/>
                  <a:gd name="connsiteY142" fmla="*/ 84953 h 262264"/>
                  <a:gd name="connsiteX143" fmla="*/ 128993 w 253336"/>
                  <a:gd name="connsiteY143" fmla="*/ 79790 h 262264"/>
                  <a:gd name="connsiteX144" fmla="*/ 122887 w 253336"/>
                  <a:gd name="connsiteY144" fmla="*/ 80969 h 262264"/>
                  <a:gd name="connsiteX145" fmla="*/ 112917 w 253336"/>
                  <a:gd name="connsiteY145" fmla="*/ 85065 h 262264"/>
                  <a:gd name="connsiteX146" fmla="*/ 101435 w 253336"/>
                  <a:gd name="connsiteY146" fmla="*/ 61835 h 262264"/>
                  <a:gd name="connsiteX147" fmla="*/ 103284 w 253336"/>
                  <a:gd name="connsiteY147" fmla="*/ 59815 h 262264"/>
                  <a:gd name="connsiteX148" fmla="*/ 122831 w 253336"/>
                  <a:gd name="connsiteY148" fmla="*/ 60544 h 262264"/>
                  <a:gd name="connsiteX149" fmla="*/ 128937 w 253336"/>
                  <a:gd name="connsiteY149" fmla="*/ 61723 h 262264"/>
                  <a:gd name="connsiteX150" fmla="*/ 132353 w 253336"/>
                  <a:gd name="connsiteY150" fmla="*/ 56560 h 262264"/>
                  <a:gd name="connsiteX151" fmla="*/ 132353 w 253336"/>
                  <a:gd name="connsiteY151" fmla="*/ 31647 h 262264"/>
                  <a:gd name="connsiteX152" fmla="*/ 150613 w 253336"/>
                  <a:gd name="connsiteY152" fmla="*/ 11391 h 262264"/>
                  <a:gd name="connsiteX153" fmla="*/ 153861 w 253336"/>
                  <a:gd name="connsiteY153" fmla="*/ 11727 h 262264"/>
                  <a:gd name="connsiteX154" fmla="*/ 154869 w 253336"/>
                  <a:gd name="connsiteY154" fmla="*/ 12008 h 262264"/>
                  <a:gd name="connsiteX155" fmla="*/ 156998 w 253336"/>
                  <a:gd name="connsiteY155" fmla="*/ 12737 h 262264"/>
                  <a:gd name="connsiteX156" fmla="*/ 158006 w 253336"/>
                  <a:gd name="connsiteY156" fmla="*/ 13130 h 262264"/>
                  <a:gd name="connsiteX157" fmla="*/ 160583 w 253336"/>
                  <a:gd name="connsiteY157" fmla="*/ 14701 h 262264"/>
                  <a:gd name="connsiteX158" fmla="*/ 161479 w 253336"/>
                  <a:gd name="connsiteY158" fmla="*/ 15431 h 262264"/>
                  <a:gd name="connsiteX159" fmla="*/ 163047 w 253336"/>
                  <a:gd name="connsiteY159" fmla="*/ 16890 h 262264"/>
                  <a:gd name="connsiteX160" fmla="*/ 163887 w 253336"/>
                  <a:gd name="connsiteY160" fmla="*/ 17843 h 262264"/>
                  <a:gd name="connsiteX161" fmla="*/ 165287 w 253336"/>
                  <a:gd name="connsiteY161" fmla="*/ 19695 h 262264"/>
                  <a:gd name="connsiteX162" fmla="*/ 165848 w 253336"/>
                  <a:gd name="connsiteY162" fmla="*/ 20537 h 262264"/>
                  <a:gd name="connsiteX163" fmla="*/ 168872 w 253336"/>
                  <a:gd name="connsiteY163" fmla="*/ 31647 h 262264"/>
                  <a:gd name="connsiteX164" fmla="*/ 162207 w 253336"/>
                  <a:gd name="connsiteY164" fmla="*/ 47302 h 262264"/>
                  <a:gd name="connsiteX165" fmla="*/ 161871 w 253336"/>
                  <a:gd name="connsiteY165" fmla="*/ 55214 h 262264"/>
                  <a:gd name="connsiteX166" fmla="*/ 166016 w 253336"/>
                  <a:gd name="connsiteY166" fmla="*/ 57065 h 262264"/>
                  <a:gd name="connsiteX167" fmla="*/ 169768 w 253336"/>
                  <a:gd name="connsiteY167" fmla="*/ 55606 h 262264"/>
                  <a:gd name="connsiteX168" fmla="*/ 180074 w 253336"/>
                  <a:gd name="connsiteY168" fmla="*/ 31703 h 262264"/>
                  <a:gd name="connsiteX169" fmla="*/ 179234 w 253336"/>
                  <a:gd name="connsiteY169" fmla="*/ 24296 h 262264"/>
                  <a:gd name="connsiteX170" fmla="*/ 183715 w 253336"/>
                  <a:gd name="connsiteY170" fmla="*/ 23679 h 262264"/>
                  <a:gd name="connsiteX171" fmla="*/ 201974 w 253336"/>
                  <a:gd name="connsiteY171" fmla="*/ 44104 h 262264"/>
                  <a:gd name="connsiteX172" fmla="*/ 203879 w 253336"/>
                  <a:gd name="connsiteY172" fmla="*/ 48312 h 262264"/>
                  <a:gd name="connsiteX173" fmla="*/ 208248 w 253336"/>
                  <a:gd name="connsiteY173" fmla="*/ 49715 h 262264"/>
                  <a:gd name="connsiteX174" fmla="*/ 210096 w 253336"/>
                  <a:gd name="connsiteY174" fmla="*/ 49602 h 262264"/>
                  <a:gd name="connsiteX175" fmla="*/ 228355 w 253336"/>
                  <a:gd name="connsiteY175" fmla="*/ 69859 h 262264"/>
                  <a:gd name="connsiteX176" fmla="*/ 224323 w 253336"/>
                  <a:gd name="connsiteY176" fmla="*/ 82540 h 262264"/>
                  <a:gd name="connsiteX177" fmla="*/ 223931 w 253336"/>
                  <a:gd name="connsiteY177" fmla="*/ 83213 h 262264"/>
                  <a:gd name="connsiteX178" fmla="*/ 210320 w 253336"/>
                  <a:gd name="connsiteY178" fmla="*/ 90115 h 262264"/>
                  <a:gd name="connsiteX179" fmla="*/ 204719 w 253336"/>
                  <a:gd name="connsiteY179" fmla="*/ 95726 h 262264"/>
                  <a:gd name="connsiteX180" fmla="*/ 210320 w 253336"/>
                  <a:gd name="connsiteY180" fmla="*/ 101337 h 262264"/>
                  <a:gd name="connsiteX181" fmla="*/ 230820 w 253336"/>
                  <a:gd name="connsiteY181" fmla="*/ 92415 h 262264"/>
                  <a:gd name="connsiteX182" fmla="*/ 242190 w 253336"/>
                  <a:gd name="connsiteY182" fmla="*/ 111157 h 262264"/>
                  <a:gd name="connsiteX183" fmla="*/ 235133 w 253336"/>
                  <a:gd name="connsiteY183" fmla="*/ 127092 h 262264"/>
                  <a:gd name="connsiteX184" fmla="*/ 233172 w 253336"/>
                  <a:gd name="connsiteY184" fmla="*/ 131357 h 262264"/>
                  <a:gd name="connsiteX185" fmla="*/ 235133 w 253336"/>
                  <a:gd name="connsiteY185" fmla="*/ 135621 h 262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Lst>
                <a:rect l="l" t="t" r="r" b="b"/>
                <a:pathLst>
                  <a:path w="253336" h="262264">
                    <a:moveTo>
                      <a:pt x="253336" y="110988"/>
                    </a:moveTo>
                    <a:cubicBezTo>
                      <a:pt x="253336" y="98924"/>
                      <a:pt x="246783" y="88095"/>
                      <a:pt x="236981" y="82820"/>
                    </a:cubicBezTo>
                    <a:cubicBezTo>
                      <a:pt x="238717" y="78836"/>
                      <a:pt x="239726" y="74404"/>
                      <a:pt x="239726" y="69690"/>
                    </a:cubicBezTo>
                    <a:cubicBezTo>
                      <a:pt x="239726" y="69017"/>
                      <a:pt x="239558" y="68400"/>
                      <a:pt x="239334" y="67839"/>
                    </a:cubicBezTo>
                    <a:cubicBezTo>
                      <a:pt x="238493" y="52296"/>
                      <a:pt x="227123" y="39727"/>
                      <a:pt x="212672" y="38324"/>
                    </a:cubicBezTo>
                    <a:cubicBezTo>
                      <a:pt x="210264" y="23567"/>
                      <a:pt x="198166" y="12345"/>
                      <a:pt x="183659" y="12345"/>
                    </a:cubicBezTo>
                    <a:cubicBezTo>
                      <a:pt x="180690" y="12345"/>
                      <a:pt x="177722" y="12849"/>
                      <a:pt x="174865" y="13747"/>
                    </a:cubicBezTo>
                    <a:cubicBezTo>
                      <a:pt x="174753" y="13523"/>
                      <a:pt x="174585" y="13354"/>
                      <a:pt x="174417" y="13130"/>
                    </a:cubicBezTo>
                    <a:cubicBezTo>
                      <a:pt x="173969" y="12457"/>
                      <a:pt x="173465" y="11783"/>
                      <a:pt x="172961" y="11166"/>
                    </a:cubicBezTo>
                    <a:cubicBezTo>
                      <a:pt x="172681" y="10829"/>
                      <a:pt x="172401" y="10493"/>
                      <a:pt x="172065" y="10156"/>
                    </a:cubicBezTo>
                    <a:cubicBezTo>
                      <a:pt x="171617" y="9651"/>
                      <a:pt x="171169" y="9146"/>
                      <a:pt x="170664" y="8641"/>
                    </a:cubicBezTo>
                    <a:cubicBezTo>
                      <a:pt x="170328" y="8304"/>
                      <a:pt x="170048" y="8024"/>
                      <a:pt x="169712" y="7687"/>
                    </a:cubicBezTo>
                    <a:cubicBezTo>
                      <a:pt x="169152" y="7182"/>
                      <a:pt x="168536" y="6677"/>
                      <a:pt x="167976" y="6228"/>
                    </a:cubicBezTo>
                    <a:cubicBezTo>
                      <a:pt x="167696" y="6004"/>
                      <a:pt x="167472" y="5836"/>
                      <a:pt x="167192" y="5611"/>
                    </a:cubicBezTo>
                    <a:cubicBezTo>
                      <a:pt x="166296" y="4938"/>
                      <a:pt x="165399" y="4377"/>
                      <a:pt x="164447" y="3816"/>
                    </a:cubicBezTo>
                    <a:cubicBezTo>
                      <a:pt x="164279" y="3703"/>
                      <a:pt x="164111" y="3647"/>
                      <a:pt x="163943" y="3535"/>
                    </a:cubicBezTo>
                    <a:cubicBezTo>
                      <a:pt x="163159" y="3086"/>
                      <a:pt x="162319" y="2693"/>
                      <a:pt x="161423" y="2301"/>
                    </a:cubicBezTo>
                    <a:cubicBezTo>
                      <a:pt x="161143" y="2188"/>
                      <a:pt x="160807" y="2076"/>
                      <a:pt x="160527" y="1964"/>
                    </a:cubicBezTo>
                    <a:cubicBezTo>
                      <a:pt x="159798" y="1683"/>
                      <a:pt x="159014" y="1403"/>
                      <a:pt x="158230" y="1178"/>
                    </a:cubicBezTo>
                    <a:cubicBezTo>
                      <a:pt x="157894" y="1066"/>
                      <a:pt x="157558" y="1010"/>
                      <a:pt x="157222" y="898"/>
                    </a:cubicBezTo>
                    <a:cubicBezTo>
                      <a:pt x="156438" y="673"/>
                      <a:pt x="155654" y="561"/>
                      <a:pt x="154813" y="393"/>
                    </a:cubicBezTo>
                    <a:cubicBezTo>
                      <a:pt x="154477" y="393"/>
                      <a:pt x="154197" y="281"/>
                      <a:pt x="153861" y="224"/>
                    </a:cubicBezTo>
                    <a:cubicBezTo>
                      <a:pt x="152741" y="112"/>
                      <a:pt x="151621" y="0"/>
                      <a:pt x="150501" y="0"/>
                    </a:cubicBezTo>
                    <a:cubicBezTo>
                      <a:pt x="140699" y="0"/>
                      <a:pt x="132017" y="5162"/>
                      <a:pt x="126640" y="13074"/>
                    </a:cubicBezTo>
                    <a:cubicBezTo>
                      <a:pt x="121263" y="5162"/>
                      <a:pt x="112581" y="0"/>
                      <a:pt x="102780" y="0"/>
                    </a:cubicBezTo>
                    <a:cubicBezTo>
                      <a:pt x="92978" y="0"/>
                      <a:pt x="83904" y="5218"/>
                      <a:pt x="78471" y="13691"/>
                    </a:cubicBezTo>
                    <a:cubicBezTo>
                      <a:pt x="75670" y="12737"/>
                      <a:pt x="72646" y="12288"/>
                      <a:pt x="69677" y="12288"/>
                    </a:cubicBezTo>
                    <a:cubicBezTo>
                      <a:pt x="55227" y="12288"/>
                      <a:pt x="43128" y="23455"/>
                      <a:pt x="40664" y="38268"/>
                    </a:cubicBezTo>
                    <a:cubicBezTo>
                      <a:pt x="25653" y="39671"/>
                      <a:pt x="13835" y="53194"/>
                      <a:pt x="13835" y="69634"/>
                    </a:cubicBezTo>
                    <a:cubicBezTo>
                      <a:pt x="13835" y="74235"/>
                      <a:pt x="14731" y="78612"/>
                      <a:pt x="16467" y="82708"/>
                    </a:cubicBezTo>
                    <a:cubicBezTo>
                      <a:pt x="6609" y="87926"/>
                      <a:pt x="0" y="98812"/>
                      <a:pt x="0" y="110932"/>
                    </a:cubicBezTo>
                    <a:cubicBezTo>
                      <a:pt x="0" y="118395"/>
                      <a:pt x="2464" y="125521"/>
                      <a:pt x="6889" y="131132"/>
                    </a:cubicBezTo>
                    <a:cubicBezTo>
                      <a:pt x="2464" y="136743"/>
                      <a:pt x="0" y="143869"/>
                      <a:pt x="0" y="151332"/>
                    </a:cubicBezTo>
                    <a:cubicBezTo>
                      <a:pt x="0" y="163452"/>
                      <a:pt x="6609" y="174394"/>
                      <a:pt x="16467" y="179556"/>
                    </a:cubicBezTo>
                    <a:cubicBezTo>
                      <a:pt x="14731" y="183596"/>
                      <a:pt x="13835" y="188029"/>
                      <a:pt x="13835" y="192630"/>
                    </a:cubicBezTo>
                    <a:cubicBezTo>
                      <a:pt x="13835" y="209015"/>
                      <a:pt x="25653" y="222538"/>
                      <a:pt x="40664" y="223996"/>
                    </a:cubicBezTo>
                    <a:cubicBezTo>
                      <a:pt x="43072" y="238754"/>
                      <a:pt x="55170" y="249976"/>
                      <a:pt x="69677" y="249976"/>
                    </a:cubicBezTo>
                    <a:cubicBezTo>
                      <a:pt x="72646" y="249976"/>
                      <a:pt x="75614" y="249471"/>
                      <a:pt x="78471" y="248573"/>
                    </a:cubicBezTo>
                    <a:cubicBezTo>
                      <a:pt x="83904" y="257046"/>
                      <a:pt x="92922" y="262264"/>
                      <a:pt x="102780" y="262264"/>
                    </a:cubicBezTo>
                    <a:cubicBezTo>
                      <a:pt x="112637" y="262264"/>
                      <a:pt x="121263" y="257102"/>
                      <a:pt x="126640" y="249190"/>
                    </a:cubicBezTo>
                    <a:cubicBezTo>
                      <a:pt x="132017" y="257102"/>
                      <a:pt x="140699" y="262264"/>
                      <a:pt x="150501" y="262264"/>
                    </a:cubicBezTo>
                    <a:cubicBezTo>
                      <a:pt x="160303" y="262264"/>
                      <a:pt x="169376" y="257046"/>
                      <a:pt x="174809" y="248573"/>
                    </a:cubicBezTo>
                    <a:cubicBezTo>
                      <a:pt x="177666" y="249527"/>
                      <a:pt x="180634" y="249976"/>
                      <a:pt x="183603" y="249976"/>
                    </a:cubicBezTo>
                    <a:cubicBezTo>
                      <a:pt x="198054" y="249976"/>
                      <a:pt x="210152" y="238810"/>
                      <a:pt x="212616" y="223996"/>
                    </a:cubicBezTo>
                    <a:cubicBezTo>
                      <a:pt x="227067" y="222650"/>
                      <a:pt x="238437" y="210081"/>
                      <a:pt x="239278" y="194482"/>
                    </a:cubicBezTo>
                    <a:cubicBezTo>
                      <a:pt x="239502" y="193921"/>
                      <a:pt x="239670" y="193304"/>
                      <a:pt x="239670" y="192630"/>
                    </a:cubicBezTo>
                    <a:cubicBezTo>
                      <a:pt x="239670" y="187917"/>
                      <a:pt x="238661" y="183484"/>
                      <a:pt x="236925" y="179500"/>
                    </a:cubicBezTo>
                    <a:cubicBezTo>
                      <a:pt x="246671" y="174282"/>
                      <a:pt x="253280" y="163396"/>
                      <a:pt x="253280" y="151332"/>
                    </a:cubicBezTo>
                    <a:cubicBezTo>
                      <a:pt x="253280" y="143869"/>
                      <a:pt x="250816" y="136743"/>
                      <a:pt x="246391" y="131132"/>
                    </a:cubicBezTo>
                    <a:cubicBezTo>
                      <a:pt x="250816" y="125521"/>
                      <a:pt x="253280" y="118395"/>
                      <a:pt x="253280" y="110932"/>
                    </a:cubicBezTo>
                    <a:close/>
                    <a:moveTo>
                      <a:pt x="25933" y="91125"/>
                    </a:moveTo>
                    <a:cubicBezTo>
                      <a:pt x="27781" y="90676"/>
                      <a:pt x="29294" y="89385"/>
                      <a:pt x="29910" y="87646"/>
                    </a:cubicBezTo>
                    <a:cubicBezTo>
                      <a:pt x="30582" y="85906"/>
                      <a:pt x="30302" y="83886"/>
                      <a:pt x="29182" y="82371"/>
                    </a:cubicBezTo>
                    <a:cubicBezTo>
                      <a:pt x="26549" y="78724"/>
                      <a:pt x="25149" y="74348"/>
                      <a:pt x="25149" y="69690"/>
                    </a:cubicBezTo>
                    <a:cubicBezTo>
                      <a:pt x="25149" y="58524"/>
                      <a:pt x="33326" y="49434"/>
                      <a:pt x="43408" y="49434"/>
                    </a:cubicBezTo>
                    <a:cubicBezTo>
                      <a:pt x="44024" y="49434"/>
                      <a:pt x="44641" y="49434"/>
                      <a:pt x="45257" y="49546"/>
                    </a:cubicBezTo>
                    <a:cubicBezTo>
                      <a:pt x="46881" y="49715"/>
                      <a:pt x="48449" y="49154"/>
                      <a:pt x="49625" y="48087"/>
                    </a:cubicBezTo>
                    <a:cubicBezTo>
                      <a:pt x="50802" y="47021"/>
                      <a:pt x="51530" y="45450"/>
                      <a:pt x="51530" y="43823"/>
                    </a:cubicBezTo>
                    <a:cubicBezTo>
                      <a:pt x="51530" y="32657"/>
                      <a:pt x="59707" y="23567"/>
                      <a:pt x="69789" y="23567"/>
                    </a:cubicBezTo>
                    <a:cubicBezTo>
                      <a:pt x="72758" y="23567"/>
                      <a:pt x="75614" y="24352"/>
                      <a:pt x="78247" y="25867"/>
                    </a:cubicBezTo>
                    <a:cubicBezTo>
                      <a:pt x="79647" y="26653"/>
                      <a:pt x="81327" y="26821"/>
                      <a:pt x="82840" y="26316"/>
                    </a:cubicBezTo>
                    <a:cubicBezTo>
                      <a:pt x="84352" y="25811"/>
                      <a:pt x="85584" y="24633"/>
                      <a:pt x="86200" y="23118"/>
                    </a:cubicBezTo>
                    <a:cubicBezTo>
                      <a:pt x="89169" y="15936"/>
                      <a:pt x="95722" y="11278"/>
                      <a:pt x="102780" y="11278"/>
                    </a:cubicBezTo>
                    <a:cubicBezTo>
                      <a:pt x="112861" y="11278"/>
                      <a:pt x="121039" y="20368"/>
                      <a:pt x="121039" y="31535"/>
                    </a:cubicBezTo>
                    <a:lnTo>
                      <a:pt x="121039" y="46516"/>
                    </a:lnTo>
                    <a:cubicBezTo>
                      <a:pt x="118407" y="45618"/>
                      <a:pt x="115606" y="45114"/>
                      <a:pt x="112749" y="45114"/>
                    </a:cubicBezTo>
                    <a:cubicBezTo>
                      <a:pt x="93762" y="45114"/>
                      <a:pt x="79535" y="66099"/>
                      <a:pt x="92026" y="86187"/>
                    </a:cubicBezTo>
                    <a:cubicBezTo>
                      <a:pt x="93090" y="87870"/>
                      <a:pt x="94490" y="89385"/>
                      <a:pt x="96170" y="90564"/>
                    </a:cubicBezTo>
                    <a:cubicBezTo>
                      <a:pt x="104292" y="96343"/>
                      <a:pt x="113366" y="97409"/>
                      <a:pt x="121039" y="94772"/>
                    </a:cubicBezTo>
                    <a:lnTo>
                      <a:pt x="121039" y="125521"/>
                    </a:lnTo>
                    <a:lnTo>
                      <a:pt x="80431" y="125521"/>
                    </a:lnTo>
                    <a:cubicBezTo>
                      <a:pt x="78191" y="125521"/>
                      <a:pt x="76118" y="126868"/>
                      <a:pt x="75278" y="128944"/>
                    </a:cubicBezTo>
                    <a:cubicBezTo>
                      <a:pt x="74382" y="131020"/>
                      <a:pt x="74886" y="133433"/>
                      <a:pt x="76455" y="135060"/>
                    </a:cubicBezTo>
                    <a:cubicBezTo>
                      <a:pt x="79087" y="137753"/>
                      <a:pt x="80543" y="141288"/>
                      <a:pt x="80543" y="145048"/>
                    </a:cubicBezTo>
                    <a:cubicBezTo>
                      <a:pt x="80543" y="155821"/>
                      <a:pt x="68613" y="163845"/>
                      <a:pt x="57299" y="156495"/>
                    </a:cubicBezTo>
                    <a:cubicBezTo>
                      <a:pt x="56571" y="155989"/>
                      <a:pt x="55843" y="155316"/>
                      <a:pt x="55339" y="154587"/>
                    </a:cubicBezTo>
                    <a:cubicBezTo>
                      <a:pt x="50466" y="147853"/>
                      <a:pt x="51306" y="139998"/>
                      <a:pt x="56179" y="135060"/>
                    </a:cubicBezTo>
                    <a:cubicBezTo>
                      <a:pt x="57747" y="133433"/>
                      <a:pt x="58195" y="131020"/>
                      <a:pt x="57355" y="128944"/>
                    </a:cubicBezTo>
                    <a:cubicBezTo>
                      <a:pt x="56515" y="126868"/>
                      <a:pt x="54442" y="125521"/>
                      <a:pt x="52202" y="125521"/>
                    </a:cubicBezTo>
                    <a:lnTo>
                      <a:pt x="17195" y="125521"/>
                    </a:lnTo>
                    <a:cubicBezTo>
                      <a:pt x="13555" y="121706"/>
                      <a:pt x="11426" y="116543"/>
                      <a:pt x="11426" y="110932"/>
                    </a:cubicBezTo>
                    <a:cubicBezTo>
                      <a:pt x="11426" y="101337"/>
                      <a:pt x="17531" y="93033"/>
                      <a:pt x="25989" y="91069"/>
                    </a:cubicBezTo>
                    <a:close/>
                    <a:moveTo>
                      <a:pt x="102892" y="250986"/>
                    </a:moveTo>
                    <a:cubicBezTo>
                      <a:pt x="95778" y="250986"/>
                      <a:pt x="89281" y="246329"/>
                      <a:pt x="86312" y="239147"/>
                    </a:cubicBezTo>
                    <a:cubicBezTo>
                      <a:pt x="85696" y="237631"/>
                      <a:pt x="84464" y="236509"/>
                      <a:pt x="82952" y="235948"/>
                    </a:cubicBezTo>
                    <a:cubicBezTo>
                      <a:pt x="81440" y="235443"/>
                      <a:pt x="79759" y="235611"/>
                      <a:pt x="78359" y="236397"/>
                    </a:cubicBezTo>
                    <a:cubicBezTo>
                      <a:pt x="75726" y="237912"/>
                      <a:pt x="72870" y="238698"/>
                      <a:pt x="69901" y="238698"/>
                    </a:cubicBezTo>
                    <a:cubicBezTo>
                      <a:pt x="59819" y="238698"/>
                      <a:pt x="51642" y="229608"/>
                      <a:pt x="51642" y="218273"/>
                    </a:cubicBezTo>
                    <a:cubicBezTo>
                      <a:pt x="51642" y="216646"/>
                      <a:pt x="50970" y="215131"/>
                      <a:pt x="49793" y="214065"/>
                    </a:cubicBezTo>
                    <a:cubicBezTo>
                      <a:pt x="48617" y="212999"/>
                      <a:pt x="47049" y="212494"/>
                      <a:pt x="45425" y="212662"/>
                    </a:cubicBezTo>
                    <a:cubicBezTo>
                      <a:pt x="44809" y="212718"/>
                      <a:pt x="44192" y="212774"/>
                      <a:pt x="43520" y="212774"/>
                    </a:cubicBezTo>
                    <a:cubicBezTo>
                      <a:pt x="33438" y="212774"/>
                      <a:pt x="25261" y="203684"/>
                      <a:pt x="25261" y="192518"/>
                    </a:cubicBezTo>
                    <a:cubicBezTo>
                      <a:pt x="25261" y="187861"/>
                      <a:pt x="26661" y="183484"/>
                      <a:pt x="29294" y="179837"/>
                    </a:cubicBezTo>
                    <a:cubicBezTo>
                      <a:pt x="30414" y="178322"/>
                      <a:pt x="30694" y="176358"/>
                      <a:pt x="30022" y="174562"/>
                    </a:cubicBezTo>
                    <a:cubicBezTo>
                      <a:pt x="29350" y="172767"/>
                      <a:pt x="27837" y="171476"/>
                      <a:pt x="25989" y="171083"/>
                    </a:cubicBezTo>
                    <a:cubicBezTo>
                      <a:pt x="17531" y="169176"/>
                      <a:pt x="11426" y="160815"/>
                      <a:pt x="11426" y="151276"/>
                    </a:cubicBezTo>
                    <a:cubicBezTo>
                      <a:pt x="11426" y="145665"/>
                      <a:pt x="13555" y="140503"/>
                      <a:pt x="17195" y="136687"/>
                    </a:cubicBezTo>
                    <a:lnTo>
                      <a:pt x="42344" y="136687"/>
                    </a:lnTo>
                    <a:cubicBezTo>
                      <a:pt x="39768" y="144262"/>
                      <a:pt x="40720" y="153072"/>
                      <a:pt x="46153" y="161208"/>
                    </a:cubicBezTo>
                    <a:cubicBezTo>
                      <a:pt x="47329" y="162947"/>
                      <a:pt x="48841" y="164462"/>
                      <a:pt x="50578" y="165585"/>
                    </a:cubicBezTo>
                    <a:cubicBezTo>
                      <a:pt x="70685" y="178434"/>
                      <a:pt x="91857" y="164126"/>
                      <a:pt x="91857" y="144992"/>
                    </a:cubicBezTo>
                    <a:cubicBezTo>
                      <a:pt x="91857" y="142130"/>
                      <a:pt x="91409" y="139324"/>
                      <a:pt x="90457" y="136687"/>
                    </a:cubicBezTo>
                    <a:lnTo>
                      <a:pt x="121151" y="136687"/>
                    </a:lnTo>
                    <a:lnTo>
                      <a:pt x="121151" y="177368"/>
                    </a:lnTo>
                    <a:cubicBezTo>
                      <a:pt x="121151" y="179612"/>
                      <a:pt x="122495" y="181688"/>
                      <a:pt x="124568" y="182530"/>
                    </a:cubicBezTo>
                    <a:cubicBezTo>
                      <a:pt x="126640" y="183428"/>
                      <a:pt x="129049" y="182979"/>
                      <a:pt x="130673" y="181352"/>
                    </a:cubicBezTo>
                    <a:cubicBezTo>
                      <a:pt x="133361" y="178715"/>
                      <a:pt x="136890" y="177256"/>
                      <a:pt x="140643" y="177256"/>
                    </a:cubicBezTo>
                    <a:cubicBezTo>
                      <a:pt x="151397" y="177256"/>
                      <a:pt x="159406" y="189264"/>
                      <a:pt x="152069" y="200598"/>
                    </a:cubicBezTo>
                    <a:cubicBezTo>
                      <a:pt x="151565" y="201327"/>
                      <a:pt x="150893" y="202057"/>
                      <a:pt x="150165" y="202562"/>
                    </a:cubicBezTo>
                    <a:cubicBezTo>
                      <a:pt x="143443" y="207387"/>
                      <a:pt x="135602" y="206602"/>
                      <a:pt x="130673" y="201720"/>
                    </a:cubicBezTo>
                    <a:cubicBezTo>
                      <a:pt x="129049" y="200149"/>
                      <a:pt x="126640" y="199700"/>
                      <a:pt x="124568" y="200542"/>
                    </a:cubicBezTo>
                    <a:cubicBezTo>
                      <a:pt x="122495" y="201440"/>
                      <a:pt x="121151" y="203460"/>
                      <a:pt x="121151" y="205704"/>
                    </a:cubicBezTo>
                    <a:lnTo>
                      <a:pt x="121151" y="230561"/>
                    </a:lnTo>
                    <a:cubicBezTo>
                      <a:pt x="121151" y="230561"/>
                      <a:pt x="121151" y="230561"/>
                      <a:pt x="121151" y="230561"/>
                    </a:cubicBezTo>
                    <a:cubicBezTo>
                      <a:pt x="121151" y="241728"/>
                      <a:pt x="112973" y="250818"/>
                      <a:pt x="102892" y="250818"/>
                    </a:cubicBezTo>
                    <a:close/>
                    <a:moveTo>
                      <a:pt x="235077" y="135397"/>
                    </a:moveTo>
                    <a:cubicBezTo>
                      <a:pt x="239558" y="139268"/>
                      <a:pt x="242134" y="145104"/>
                      <a:pt x="242134" y="151332"/>
                    </a:cubicBezTo>
                    <a:cubicBezTo>
                      <a:pt x="242134" y="159637"/>
                      <a:pt x="237485" y="166987"/>
                      <a:pt x="230764" y="170073"/>
                    </a:cubicBezTo>
                    <a:cubicBezTo>
                      <a:pt x="225443" y="164575"/>
                      <a:pt x="218218" y="161152"/>
                      <a:pt x="210264" y="161152"/>
                    </a:cubicBezTo>
                    <a:cubicBezTo>
                      <a:pt x="207183" y="161152"/>
                      <a:pt x="204663" y="163677"/>
                      <a:pt x="204663" y="166763"/>
                    </a:cubicBezTo>
                    <a:cubicBezTo>
                      <a:pt x="204663" y="169849"/>
                      <a:pt x="207183" y="172374"/>
                      <a:pt x="210264" y="172374"/>
                    </a:cubicBezTo>
                    <a:cubicBezTo>
                      <a:pt x="215697" y="172374"/>
                      <a:pt x="220514" y="175067"/>
                      <a:pt x="223875" y="179276"/>
                    </a:cubicBezTo>
                    <a:cubicBezTo>
                      <a:pt x="223987" y="179500"/>
                      <a:pt x="224099" y="179725"/>
                      <a:pt x="224267" y="179949"/>
                    </a:cubicBezTo>
                    <a:cubicBezTo>
                      <a:pt x="226899" y="183596"/>
                      <a:pt x="228299" y="187973"/>
                      <a:pt x="228299" y="192630"/>
                    </a:cubicBezTo>
                    <a:cubicBezTo>
                      <a:pt x="228299" y="203796"/>
                      <a:pt x="220122" y="212886"/>
                      <a:pt x="210040" y="212886"/>
                    </a:cubicBezTo>
                    <a:cubicBezTo>
                      <a:pt x="209424" y="212886"/>
                      <a:pt x="208752" y="212886"/>
                      <a:pt x="208136" y="212774"/>
                    </a:cubicBezTo>
                    <a:cubicBezTo>
                      <a:pt x="206567" y="212606"/>
                      <a:pt x="204943" y="213167"/>
                      <a:pt x="203767" y="214233"/>
                    </a:cubicBezTo>
                    <a:cubicBezTo>
                      <a:pt x="202591" y="215299"/>
                      <a:pt x="201918" y="216870"/>
                      <a:pt x="201918" y="218498"/>
                    </a:cubicBezTo>
                    <a:cubicBezTo>
                      <a:pt x="201918" y="229664"/>
                      <a:pt x="193741" y="238754"/>
                      <a:pt x="183659" y="238754"/>
                    </a:cubicBezTo>
                    <a:cubicBezTo>
                      <a:pt x="180690" y="238754"/>
                      <a:pt x="177834" y="237968"/>
                      <a:pt x="175201" y="236453"/>
                    </a:cubicBezTo>
                    <a:cubicBezTo>
                      <a:pt x="173801" y="235611"/>
                      <a:pt x="172121" y="235443"/>
                      <a:pt x="170608" y="236004"/>
                    </a:cubicBezTo>
                    <a:cubicBezTo>
                      <a:pt x="169096" y="236509"/>
                      <a:pt x="167864" y="237688"/>
                      <a:pt x="167248" y="239203"/>
                    </a:cubicBezTo>
                    <a:cubicBezTo>
                      <a:pt x="164279" y="246385"/>
                      <a:pt x="157782" y="251042"/>
                      <a:pt x="150669" y="251042"/>
                    </a:cubicBezTo>
                    <a:cubicBezTo>
                      <a:pt x="140587" y="251042"/>
                      <a:pt x="132409" y="241952"/>
                      <a:pt x="132409" y="230786"/>
                    </a:cubicBezTo>
                    <a:lnTo>
                      <a:pt x="132409" y="230786"/>
                    </a:lnTo>
                    <a:lnTo>
                      <a:pt x="132409" y="215804"/>
                    </a:lnTo>
                    <a:cubicBezTo>
                      <a:pt x="135042" y="216702"/>
                      <a:pt x="137842" y="217207"/>
                      <a:pt x="140699" y="217207"/>
                    </a:cubicBezTo>
                    <a:cubicBezTo>
                      <a:pt x="159798" y="217207"/>
                      <a:pt x="174081" y="195997"/>
                      <a:pt x="161255" y="175853"/>
                    </a:cubicBezTo>
                    <a:cubicBezTo>
                      <a:pt x="160134" y="174113"/>
                      <a:pt x="158622" y="172542"/>
                      <a:pt x="156886" y="171420"/>
                    </a:cubicBezTo>
                    <a:cubicBezTo>
                      <a:pt x="148764" y="165977"/>
                      <a:pt x="139971" y="165023"/>
                      <a:pt x="132409" y="167605"/>
                    </a:cubicBezTo>
                    <a:lnTo>
                      <a:pt x="132409" y="131244"/>
                    </a:lnTo>
                    <a:lnTo>
                      <a:pt x="132409" y="131244"/>
                    </a:lnTo>
                    <a:lnTo>
                      <a:pt x="132409" y="84953"/>
                    </a:lnTo>
                    <a:cubicBezTo>
                      <a:pt x="132409" y="82708"/>
                      <a:pt x="131065" y="80632"/>
                      <a:pt x="128993" y="79790"/>
                    </a:cubicBezTo>
                    <a:cubicBezTo>
                      <a:pt x="126920" y="78893"/>
                      <a:pt x="124512" y="79341"/>
                      <a:pt x="122887" y="80969"/>
                    </a:cubicBezTo>
                    <a:cubicBezTo>
                      <a:pt x="120199" y="83606"/>
                      <a:pt x="116670" y="85065"/>
                      <a:pt x="112917" y="85065"/>
                    </a:cubicBezTo>
                    <a:cubicBezTo>
                      <a:pt x="102219" y="85065"/>
                      <a:pt x="94210" y="73113"/>
                      <a:pt x="101435" y="61835"/>
                    </a:cubicBezTo>
                    <a:cubicBezTo>
                      <a:pt x="101939" y="61105"/>
                      <a:pt x="102556" y="60376"/>
                      <a:pt x="103284" y="59815"/>
                    </a:cubicBezTo>
                    <a:cubicBezTo>
                      <a:pt x="109949" y="54877"/>
                      <a:pt x="117846" y="55662"/>
                      <a:pt x="122831" y="60544"/>
                    </a:cubicBezTo>
                    <a:cubicBezTo>
                      <a:pt x="124456" y="62115"/>
                      <a:pt x="126864" y="62564"/>
                      <a:pt x="128937" y="61723"/>
                    </a:cubicBezTo>
                    <a:cubicBezTo>
                      <a:pt x="131009" y="60825"/>
                      <a:pt x="132353" y="58805"/>
                      <a:pt x="132353" y="56560"/>
                    </a:cubicBezTo>
                    <a:lnTo>
                      <a:pt x="132353" y="31647"/>
                    </a:lnTo>
                    <a:cubicBezTo>
                      <a:pt x="132353" y="20481"/>
                      <a:pt x="140531" y="11391"/>
                      <a:pt x="150613" y="11391"/>
                    </a:cubicBezTo>
                    <a:cubicBezTo>
                      <a:pt x="151733" y="11391"/>
                      <a:pt x="152797" y="11559"/>
                      <a:pt x="153861" y="11727"/>
                    </a:cubicBezTo>
                    <a:cubicBezTo>
                      <a:pt x="154197" y="11783"/>
                      <a:pt x="154533" y="11896"/>
                      <a:pt x="154869" y="12008"/>
                    </a:cubicBezTo>
                    <a:cubicBezTo>
                      <a:pt x="155598" y="12176"/>
                      <a:pt x="156326" y="12457"/>
                      <a:pt x="156998" y="12737"/>
                    </a:cubicBezTo>
                    <a:cubicBezTo>
                      <a:pt x="157334" y="12849"/>
                      <a:pt x="157670" y="13018"/>
                      <a:pt x="158006" y="13130"/>
                    </a:cubicBezTo>
                    <a:cubicBezTo>
                      <a:pt x="158902" y="13579"/>
                      <a:pt x="159742" y="14084"/>
                      <a:pt x="160583" y="14701"/>
                    </a:cubicBezTo>
                    <a:cubicBezTo>
                      <a:pt x="160863" y="14926"/>
                      <a:pt x="161143" y="15206"/>
                      <a:pt x="161479" y="15431"/>
                    </a:cubicBezTo>
                    <a:cubicBezTo>
                      <a:pt x="162039" y="15880"/>
                      <a:pt x="162543" y="16385"/>
                      <a:pt x="163047" y="16890"/>
                    </a:cubicBezTo>
                    <a:cubicBezTo>
                      <a:pt x="163327" y="17170"/>
                      <a:pt x="163607" y="17507"/>
                      <a:pt x="163887" y="17843"/>
                    </a:cubicBezTo>
                    <a:cubicBezTo>
                      <a:pt x="164391" y="18405"/>
                      <a:pt x="164839" y="19078"/>
                      <a:pt x="165287" y="19695"/>
                    </a:cubicBezTo>
                    <a:cubicBezTo>
                      <a:pt x="165455" y="19976"/>
                      <a:pt x="165680" y="20256"/>
                      <a:pt x="165848" y="20537"/>
                    </a:cubicBezTo>
                    <a:cubicBezTo>
                      <a:pt x="167752" y="23735"/>
                      <a:pt x="168872" y="27551"/>
                      <a:pt x="168872" y="31647"/>
                    </a:cubicBezTo>
                    <a:cubicBezTo>
                      <a:pt x="168872" y="37707"/>
                      <a:pt x="166464" y="43430"/>
                      <a:pt x="162207" y="47302"/>
                    </a:cubicBezTo>
                    <a:cubicBezTo>
                      <a:pt x="159910" y="49378"/>
                      <a:pt x="159742" y="52913"/>
                      <a:pt x="161871" y="55214"/>
                    </a:cubicBezTo>
                    <a:cubicBezTo>
                      <a:pt x="162991" y="56448"/>
                      <a:pt x="164503" y="57065"/>
                      <a:pt x="166016" y="57065"/>
                    </a:cubicBezTo>
                    <a:cubicBezTo>
                      <a:pt x="167360" y="57065"/>
                      <a:pt x="168704" y="56560"/>
                      <a:pt x="169768" y="55606"/>
                    </a:cubicBezTo>
                    <a:cubicBezTo>
                      <a:pt x="176322" y="49602"/>
                      <a:pt x="180074" y="40905"/>
                      <a:pt x="180074" y="31703"/>
                    </a:cubicBezTo>
                    <a:cubicBezTo>
                      <a:pt x="180074" y="29178"/>
                      <a:pt x="179738" y="26709"/>
                      <a:pt x="179234" y="24296"/>
                    </a:cubicBezTo>
                    <a:cubicBezTo>
                      <a:pt x="180690" y="23903"/>
                      <a:pt x="182147" y="23679"/>
                      <a:pt x="183715" y="23679"/>
                    </a:cubicBezTo>
                    <a:cubicBezTo>
                      <a:pt x="193797" y="23679"/>
                      <a:pt x="201974" y="32769"/>
                      <a:pt x="201974" y="44104"/>
                    </a:cubicBezTo>
                    <a:cubicBezTo>
                      <a:pt x="201974" y="45731"/>
                      <a:pt x="202647" y="47246"/>
                      <a:pt x="203879" y="48312"/>
                    </a:cubicBezTo>
                    <a:cubicBezTo>
                      <a:pt x="205055" y="49378"/>
                      <a:pt x="206679" y="49883"/>
                      <a:pt x="208248" y="49715"/>
                    </a:cubicBezTo>
                    <a:cubicBezTo>
                      <a:pt x="208864" y="49659"/>
                      <a:pt x="209480" y="49602"/>
                      <a:pt x="210096" y="49602"/>
                    </a:cubicBezTo>
                    <a:cubicBezTo>
                      <a:pt x="220178" y="49602"/>
                      <a:pt x="228355" y="58692"/>
                      <a:pt x="228355" y="69859"/>
                    </a:cubicBezTo>
                    <a:cubicBezTo>
                      <a:pt x="228355" y="74516"/>
                      <a:pt x="226955" y="78893"/>
                      <a:pt x="224323" y="82540"/>
                    </a:cubicBezTo>
                    <a:cubicBezTo>
                      <a:pt x="224155" y="82764"/>
                      <a:pt x="224099" y="82989"/>
                      <a:pt x="223931" y="83213"/>
                    </a:cubicBezTo>
                    <a:cubicBezTo>
                      <a:pt x="220570" y="87422"/>
                      <a:pt x="215753" y="90115"/>
                      <a:pt x="210320" y="90115"/>
                    </a:cubicBezTo>
                    <a:cubicBezTo>
                      <a:pt x="207239" y="90115"/>
                      <a:pt x="204719" y="92640"/>
                      <a:pt x="204719" y="95726"/>
                    </a:cubicBezTo>
                    <a:cubicBezTo>
                      <a:pt x="204719" y="98812"/>
                      <a:pt x="207239" y="101337"/>
                      <a:pt x="210320" y="101337"/>
                    </a:cubicBezTo>
                    <a:cubicBezTo>
                      <a:pt x="218274" y="101337"/>
                      <a:pt x="225499" y="97914"/>
                      <a:pt x="230820" y="92415"/>
                    </a:cubicBezTo>
                    <a:cubicBezTo>
                      <a:pt x="237541" y="95501"/>
                      <a:pt x="242190" y="102852"/>
                      <a:pt x="242190" y="111157"/>
                    </a:cubicBezTo>
                    <a:cubicBezTo>
                      <a:pt x="242190" y="117441"/>
                      <a:pt x="239614" y="123220"/>
                      <a:pt x="235133" y="127092"/>
                    </a:cubicBezTo>
                    <a:cubicBezTo>
                      <a:pt x="233901" y="128158"/>
                      <a:pt x="233172" y="129729"/>
                      <a:pt x="233172" y="131357"/>
                    </a:cubicBezTo>
                    <a:cubicBezTo>
                      <a:pt x="233172" y="132984"/>
                      <a:pt x="233901" y="134555"/>
                      <a:pt x="235133" y="135621"/>
                    </a:cubicBezTo>
                    <a:close/>
                  </a:path>
                </a:pathLst>
              </a:custGeom>
              <a:solidFill>
                <a:srgbClr val="265A9A"/>
              </a:solidFill>
              <a:ln w="5581" cap="flat">
                <a:noFill/>
                <a:prstDash val="solid"/>
                <a:miter/>
              </a:ln>
            </p:spPr>
            <p:txBody>
              <a:bodyPr rtlCol="0" anchor="ctr"/>
              <a:lstStyle/>
              <a:p>
                <a:endParaRPr lang="en-AU" sz="1650"/>
              </a:p>
            </p:txBody>
          </p:sp>
          <p:sp>
            <p:nvSpPr>
              <p:cNvPr id="55" name="Freeform 7">
                <a:extLst>
                  <a:ext uri="{FF2B5EF4-FFF2-40B4-BE49-F238E27FC236}">
                    <a16:creationId xmlns:a16="http://schemas.microsoft.com/office/drawing/2014/main" id="{FF5E89C6-CE6A-877E-FBEE-34B7B6F6D003}"/>
                  </a:ext>
                </a:extLst>
              </p:cNvPr>
              <p:cNvSpPr/>
              <p:nvPr/>
            </p:nvSpPr>
            <p:spPr>
              <a:xfrm>
                <a:off x="-322060" y="496646"/>
                <a:ext cx="52842" cy="67846"/>
              </a:xfrm>
              <a:custGeom>
                <a:avLst/>
                <a:gdLst>
                  <a:gd name="connsiteX0" fmla="*/ 44988 w 52842"/>
                  <a:gd name="connsiteY0" fmla="*/ 31879 h 67846"/>
                  <a:gd name="connsiteX1" fmla="*/ 38323 w 52842"/>
                  <a:gd name="connsiteY1" fmla="*/ 1298 h 67846"/>
                  <a:gd name="connsiteX2" fmla="*/ 30426 w 52842"/>
                  <a:gd name="connsiteY2" fmla="*/ 2028 h 67846"/>
                  <a:gd name="connsiteX3" fmla="*/ 31154 w 52842"/>
                  <a:gd name="connsiteY3" fmla="*/ 9939 h 67846"/>
                  <a:gd name="connsiteX4" fmla="*/ 36251 w 52842"/>
                  <a:gd name="connsiteY4" fmla="*/ 20825 h 67846"/>
                  <a:gd name="connsiteX5" fmla="*/ 22080 w 52842"/>
                  <a:gd name="connsiteY5" fmla="*/ 35021 h 67846"/>
                  <a:gd name="connsiteX6" fmla="*/ 10262 w 52842"/>
                  <a:gd name="connsiteY6" fmla="*/ 28737 h 67846"/>
                  <a:gd name="connsiteX7" fmla="*/ 2476 w 52842"/>
                  <a:gd name="connsiteY7" fmla="*/ 27222 h 67846"/>
                  <a:gd name="connsiteX8" fmla="*/ 964 w 52842"/>
                  <a:gd name="connsiteY8" fmla="*/ 35021 h 67846"/>
                  <a:gd name="connsiteX9" fmla="*/ 38099 w 52842"/>
                  <a:gd name="connsiteY9" fmla="*/ 40969 h 67846"/>
                  <a:gd name="connsiteX10" fmla="*/ 41628 w 52842"/>
                  <a:gd name="connsiteY10" fmla="*/ 48712 h 67846"/>
                  <a:gd name="connsiteX11" fmla="*/ 38379 w 52842"/>
                  <a:gd name="connsiteY11" fmla="*/ 58476 h 67846"/>
                  <a:gd name="connsiteX12" fmla="*/ 38827 w 52842"/>
                  <a:gd name="connsiteY12" fmla="*/ 66387 h 67846"/>
                  <a:gd name="connsiteX13" fmla="*/ 42580 w 52842"/>
                  <a:gd name="connsiteY13" fmla="*/ 67846 h 67846"/>
                  <a:gd name="connsiteX14" fmla="*/ 46725 w 52842"/>
                  <a:gd name="connsiteY14" fmla="*/ 65995 h 67846"/>
                  <a:gd name="connsiteX15" fmla="*/ 52774 w 52842"/>
                  <a:gd name="connsiteY15" fmla="*/ 47983 h 67846"/>
                  <a:gd name="connsiteX16" fmla="*/ 44988 w 52842"/>
                  <a:gd name="connsiteY16" fmla="*/ 31935 h 678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2842" h="67846">
                    <a:moveTo>
                      <a:pt x="44988" y="31879"/>
                    </a:moveTo>
                    <a:cubicBezTo>
                      <a:pt x="50029" y="20657"/>
                      <a:pt x="46893" y="8537"/>
                      <a:pt x="38323" y="1298"/>
                    </a:cubicBezTo>
                    <a:cubicBezTo>
                      <a:pt x="35915" y="-666"/>
                      <a:pt x="32442" y="-385"/>
                      <a:pt x="30426" y="2028"/>
                    </a:cubicBezTo>
                    <a:cubicBezTo>
                      <a:pt x="28465" y="4384"/>
                      <a:pt x="28745" y="7919"/>
                      <a:pt x="31154" y="9939"/>
                    </a:cubicBezTo>
                    <a:cubicBezTo>
                      <a:pt x="34402" y="12633"/>
                      <a:pt x="36251" y="16617"/>
                      <a:pt x="36251" y="20825"/>
                    </a:cubicBezTo>
                    <a:cubicBezTo>
                      <a:pt x="36251" y="28681"/>
                      <a:pt x="29865" y="35021"/>
                      <a:pt x="22080" y="35021"/>
                    </a:cubicBezTo>
                    <a:cubicBezTo>
                      <a:pt x="17319" y="35021"/>
                      <a:pt x="12950" y="32665"/>
                      <a:pt x="10262" y="28737"/>
                    </a:cubicBezTo>
                    <a:cubicBezTo>
                      <a:pt x="8525" y="26156"/>
                      <a:pt x="5053" y="25482"/>
                      <a:pt x="2476" y="27222"/>
                    </a:cubicBezTo>
                    <a:cubicBezTo>
                      <a:pt x="-100" y="28961"/>
                      <a:pt x="-772" y="32440"/>
                      <a:pt x="964" y="35021"/>
                    </a:cubicBezTo>
                    <a:cubicBezTo>
                      <a:pt x="8693" y="46524"/>
                      <a:pt x="24768" y="50452"/>
                      <a:pt x="38099" y="40969"/>
                    </a:cubicBezTo>
                    <a:cubicBezTo>
                      <a:pt x="40171" y="43494"/>
                      <a:pt x="41404" y="46075"/>
                      <a:pt x="41628" y="48712"/>
                    </a:cubicBezTo>
                    <a:cubicBezTo>
                      <a:pt x="42076" y="54099"/>
                      <a:pt x="38491" y="58364"/>
                      <a:pt x="38379" y="58476"/>
                    </a:cubicBezTo>
                    <a:cubicBezTo>
                      <a:pt x="36363" y="60776"/>
                      <a:pt x="36531" y="64311"/>
                      <a:pt x="38827" y="66387"/>
                    </a:cubicBezTo>
                    <a:cubicBezTo>
                      <a:pt x="39891" y="67341"/>
                      <a:pt x="41236" y="67846"/>
                      <a:pt x="42580" y="67846"/>
                    </a:cubicBezTo>
                    <a:cubicBezTo>
                      <a:pt x="44092" y="67846"/>
                      <a:pt x="45604" y="67229"/>
                      <a:pt x="46725" y="65995"/>
                    </a:cubicBezTo>
                    <a:cubicBezTo>
                      <a:pt x="47397" y="65209"/>
                      <a:pt x="53558" y="58083"/>
                      <a:pt x="52774" y="47983"/>
                    </a:cubicBezTo>
                    <a:cubicBezTo>
                      <a:pt x="52326" y="42204"/>
                      <a:pt x="49637" y="36817"/>
                      <a:pt x="44988" y="31935"/>
                    </a:cubicBezTo>
                    <a:close/>
                  </a:path>
                </a:pathLst>
              </a:custGeom>
              <a:solidFill>
                <a:srgbClr val="265A9A"/>
              </a:solidFill>
              <a:ln w="5581" cap="flat">
                <a:noFill/>
                <a:prstDash val="solid"/>
                <a:miter/>
              </a:ln>
            </p:spPr>
            <p:txBody>
              <a:bodyPr rtlCol="0" anchor="ctr"/>
              <a:lstStyle/>
              <a:p>
                <a:endParaRPr lang="en-AU" sz="1650"/>
              </a:p>
            </p:txBody>
          </p:sp>
        </p:grpSp>
      </p:grpSp>
      <p:sp>
        <p:nvSpPr>
          <p:cNvPr id="8" name="Rectangle 7">
            <a:extLst>
              <a:ext uri="{FF2B5EF4-FFF2-40B4-BE49-F238E27FC236}">
                <a16:creationId xmlns:a16="http://schemas.microsoft.com/office/drawing/2014/main" id="{7909B15E-A51F-A2DF-44B6-CAB411A66079}"/>
              </a:ext>
            </a:extLst>
          </p:cNvPr>
          <p:cNvSpPr/>
          <p:nvPr/>
        </p:nvSpPr>
        <p:spPr>
          <a:xfrm>
            <a:off x="569995" y="4442333"/>
            <a:ext cx="9517354" cy="900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08000" rtlCol="0" anchor="t" anchorCtr="0"/>
          <a:lstStyle/>
          <a:p>
            <a:pPr>
              <a:lnSpc>
                <a:spcPts val="1993"/>
              </a:lnSpc>
              <a:spcBef>
                <a:spcPts val="0"/>
              </a:spcBef>
              <a:spcAft>
                <a:spcPts val="1600"/>
              </a:spcAft>
            </a:pPr>
            <a:r>
              <a:rPr lang="en-AU" sz="1600" b="1">
                <a:solidFill>
                  <a:schemeClr val="tx1"/>
                </a:solidFill>
                <a:latin typeface="Open Sans" panose="020B0606030504020204" pitchFamily="34" charset="0"/>
                <a:ea typeface="Open Sans" panose="020B0606030504020204" pitchFamily="34" charset="0"/>
                <a:cs typeface="Open Sans" panose="020B0606030504020204" pitchFamily="34" charset="0"/>
              </a:rPr>
              <a:t>Improve physical health and life expectancy </a:t>
            </a:r>
            <a:r>
              <a:rPr lang="en-AU" sz="1600" b="0">
                <a:solidFill>
                  <a:schemeClr val="tx1"/>
                </a:solidFill>
                <a:latin typeface="Open Sans" panose="020B0606030504020204" pitchFamily="34" charset="0"/>
                <a:ea typeface="Open Sans" panose="020B0606030504020204" pitchFamily="34" charset="0"/>
                <a:cs typeface="Open Sans" panose="020B0606030504020204" pitchFamily="34" charset="0"/>
              </a:rPr>
              <a:t>for people living with mental health conditions </a:t>
            </a:r>
            <a:br>
              <a:rPr lang="en-AU" sz="1600" b="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AU" sz="1600" b="0">
                <a:solidFill>
                  <a:schemeClr val="tx1"/>
                </a:solidFill>
                <a:latin typeface="Open Sans" panose="020B0606030504020204" pitchFamily="34" charset="0"/>
                <a:ea typeface="Open Sans" panose="020B0606030504020204" pitchFamily="34" charset="0"/>
                <a:cs typeface="Open Sans" panose="020B0606030504020204" pitchFamily="34" charset="0"/>
              </a:rPr>
              <a:t>and for those experiencing suicidal distress</a:t>
            </a:r>
          </a:p>
        </p:txBody>
      </p:sp>
      <p:sp>
        <p:nvSpPr>
          <p:cNvPr id="9" name="Rectangle 8">
            <a:extLst>
              <a:ext uri="{FF2B5EF4-FFF2-40B4-BE49-F238E27FC236}">
                <a16:creationId xmlns:a16="http://schemas.microsoft.com/office/drawing/2014/main" id="{F93F9104-8D10-2845-6DB2-A96D22F06D91}"/>
              </a:ext>
            </a:extLst>
          </p:cNvPr>
          <p:cNvSpPr/>
          <p:nvPr/>
        </p:nvSpPr>
        <p:spPr>
          <a:xfrm>
            <a:off x="10069361" y="4442333"/>
            <a:ext cx="1220465" cy="900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1650" b="1">
              <a:solidFill>
                <a:schemeClr val="bg2"/>
              </a:solidFill>
            </a:endParaRPr>
          </a:p>
        </p:txBody>
      </p:sp>
      <p:grpSp>
        <p:nvGrpSpPr>
          <p:cNvPr id="10" name="Group 9">
            <a:extLst>
              <a:ext uri="{FF2B5EF4-FFF2-40B4-BE49-F238E27FC236}">
                <a16:creationId xmlns:a16="http://schemas.microsoft.com/office/drawing/2014/main" id="{2DB808F7-13F0-0AFA-A8AF-B92D1D5D8D00}"/>
              </a:ext>
            </a:extLst>
          </p:cNvPr>
          <p:cNvGrpSpPr/>
          <p:nvPr/>
        </p:nvGrpSpPr>
        <p:grpSpPr>
          <a:xfrm>
            <a:off x="10463593" y="4569409"/>
            <a:ext cx="432000" cy="645849"/>
            <a:chOff x="10945509" y="4739390"/>
            <a:chExt cx="432000" cy="645849"/>
          </a:xfrm>
        </p:grpSpPr>
        <p:sp>
          <p:nvSpPr>
            <p:cNvPr id="57" name="Freeform: Shape 56">
              <a:extLst>
                <a:ext uri="{FF2B5EF4-FFF2-40B4-BE49-F238E27FC236}">
                  <a16:creationId xmlns:a16="http://schemas.microsoft.com/office/drawing/2014/main" id="{A9EF7D01-555F-8EF5-2CEA-4AA96B52D545}"/>
                </a:ext>
              </a:extLst>
            </p:cNvPr>
            <p:cNvSpPr/>
            <p:nvPr/>
          </p:nvSpPr>
          <p:spPr>
            <a:xfrm>
              <a:off x="11043481" y="4749423"/>
              <a:ext cx="119275" cy="119275"/>
            </a:xfrm>
            <a:custGeom>
              <a:avLst/>
              <a:gdLst>
                <a:gd name="connsiteX0" fmla="*/ 40767 w 81533"/>
                <a:gd name="connsiteY0" fmla="*/ 0 h 81533"/>
                <a:gd name="connsiteX1" fmla="*/ 0 w 81533"/>
                <a:gd name="connsiteY1" fmla="*/ 40767 h 81533"/>
                <a:gd name="connsiteX2" fmla="*/ 40767 w 81533"/>
                <a:gd name="connsiteY2" fmla="*/ 81534 h 81533"/>
                <a:gd name="connsiteX3" fmla="*/ 81534 w 81533"/>
                <a:gd name="connsiteY3" fmla="*/ 40767 h 81533"/>
                <a:gd name="connsiteX4" fmla="*/ 40767 w 81533"/>
                <a:gd name="connsiteY4" fmla="*/ 0 h 815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533" h="81533">
                  <a:moveTo>
                    <a:pt x="40767" y="0"/>
                  </a:moveTo>
                  <a:cubicBezTo>
                    <a:pt x="18250" y="0"/>
                    <a:pt x="0" y="18250"/>
                    <a:pt x="0" y="40767"/>
                  </a:cubicBezTo>
                  <a:cubicBezTo>
                    <a:pt x="0" y="63284"/>
                    <a:pt x="18250" y="81534"/>
                    <a:pt x="40767" y="81534"/>
                  </a:cubicBezTo>
                  <a:cubicBezTo>
                    <a:pt x="63284" y="81534"/>
                    <a:pt x="81534" y="63284"/>
                    <a:pt x="81534" y="40767"/>
                  </a:cubicBezTo>
                  <a:cubicBezTo>
                    <a:pt x="81534" y="18250"/>
                    <a:pt x="63284" y="0"/>
                    <a:pt x="40767" y="0"/>
                  </a:cubicBezTo>
                  <a:close/>
                </a:path>
              </a:pathLst>
            </a:custGeom>
            <a:solidFill>
              <a:srgbClr val="C7E4F1"/>
            </a:solidFill>
            <a:ln w="9525" cap="flat">
              <a:noFill/>
              <a:prstDash val="solid"/>
              <a:miter/>
            </a:ln>
          </p:spPr>
          <p:txBody>
            <a:bodyPr rtlCol="0" anchor="ctr"/>
            <a:lstStyle/>
            <a:p>
              <a:endParaRPr lang="en-AU" sz="1650"/>
            </a:p>
          </p:txBody>
        </p:sp>
        <p:sp>
          <p:nvSpPr>
            <p:cNvPr id="58" name="Freeform: Shape 57">
              <a:extLst>
                <a:ext uri="{FF2B5EF4-FFF2-40B4-BE49-F238E27FC236}">
                  <a16:creationId xmlns:a16="http://schemas.microsoft.com/office/drawing/2014/main" id="{7152053C-5A82-4933-40B2-3574BB7F6E93}"/>
                </a:ext>
              </a:extLst>
            </p:cNvPr>
            <p:cNvSpPr/>
            <p:nvPr/>
          </p:nvSpPr>
          <p:spPr>
            <a:xfrm>
              <a:off x="10963498" y="4897682"/>
              <a:ext cx="357551" cy="472508"/>
            </a:xfrm>
            <a:custGeom>
              <a:avLst/>
              <a:gdLst>
                <a:gd name="connsiteX0" fmla="*/ 0 w 244411"/>
                <a:gd name="connsiteY0" fmla="*/ 113538 h 322992"/>
                <a:gd name="connsiteX1" fmla="*/ 63055 w 244411"/>
                <a:gd name="connsiteY1" fmla="*/ 89249 h 322992"/>
                <a:gd name="connsiteX2" fmla="*/ 116110 w 244411"/>
                <a:gd name="connsiteY2" fmla="*/ 8096 h 322992"/>
                <a:gd name="connsiteX3" fmla="*/ 161544 w 244411"/>
                <a:gd name="connsiteY3" fmla="*/ 0 h 322992"/>
                <a:gd name="connsiteX4" fmla="*/ 200882 w 244411"/>
                <a:gd name="connsiteY4" fmla="*/ 104204 h 322992"/>
                <a:gd name="connsiteX5" fmla="*/ 200882 w 244411"/>
                <a:gd name="connsiteY5" fmla="*/ 198977 h 322992"/>
                <a:gd name="connsiteX6" fmla="*/ 194501 w 244411"/>
                <a:gd name="connsiteY6" fmla="*/ 221075 h 322992"/>
                <a:gd name="connsiteX7" fmla="*/ 238696 w 244411"/>
                <a:gd name="connsiteY7" fmla="*/ 287369 h 322992"/>
                <a:gd name="connsiteX8" fmla="*/ 244412 w 244411"/>
                <a:gd name="connsiteY8" fmla="*/ 310801 h 322992"/>
                <a:gd name="connsiteX9" fmla="*/ 232601 w 244411"/>
                <a:gd name="connsiteY9" fmla="*/ 322993 h 322992"/>
                <a:gd name="connsiteX10" fmla="*/ 207073 w 244411"/>
                <a:gd name="connsiteY10" fmla="*/ 319373 h 322992"/>
                <a:gd name="connsiteX11" fmla="*/ 136207 w 244411"/>
                <a:gd name="connsiteY11" fmla="*/ 237173 h 322992"/>
                <a:gd name="connsiteX12" fmla="*/ 108966 w 244411"/>
                <a:gd name="connsiteY12" fmla="*/ 322993 h 322992"/>
                <a:gd name="connsiteX13" fmla="*/ 74104 w 244411"/>
                <a:gd name="connsiteY13" fmla="*/ 314135 h 322992"/>
                <a:gd name="connsiteX14" fmla="*/ 85535 w 244411"/>
                <a:gd name="connsiteY14" fmla="*/ 224600 h 322992"/>
                <a:gd name="connsiteX15" fmla="*/ 119539 w 244411"/>
                <a:gd name="connsiteY15" fmla="*/ 169831 h 322992"/>
                <a:gd name="connsiteX16" fmla="*/ 136207 w 244411"/>
                <a:gd name="connsiteY16" fmla="*/ 158306 h 322992"/>
                <a:gd name="connsiteX17" fmla="*/ 112586 w 244411"/>
                <a:gd name="connsiteY17" fmla="*/ 93536 h 322992"/>
                <a:gd name="connsiteX18" fmla="*/ 97631 w 244411"/>
                <a:gd name="connsiteY18" fmla="*/ 123444 h 322992"/>
                <a:gd name="connsiteX19" fmla="*/ 27051 w 244411"/>
                <a:gd name="connsiteY19" fmla="*/ 149066 h 322992"/>
                <a:gd name="connsiteX20" fmla="*/ 0 w 244411"/>
                <a:gd name="connsiteY20" fmla="*/ 137732 h 322992"/>
                <a:gd name="connsiteX21" fmla="*/ 0 w 244411"/>
                <a:gd name="connsiteY21" fmla="*/ 113538 h 3229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44411" h="322992">
                  <a:moveTo>
                    <a:pt x="0" y="113538"/>
                  </a:moveTo>
                  <a:lnTo>
                    <a:pt x="63055" y="89249"/>
                  </a:lnTo>
                  <a:lnTo>
                    <a:pt x="116110" y="8096"/>
                  </a:lnTo>
                  <a:lnTo>
                    <a:pt x="161544" y="0"/>
                  </a:lnTo>
                  <a:lnTo>
                    <a:pt x="200882" y="104204"/>
                  </a:lnTo>
                  <a:lnTo>
                    <a:pt x="200882" y="198977"/>
                  </a:lnTo>
                  <a:lnTo>
                    <a:pt x="194501" y="221075"/>
                  </a:lnTo>
                  <a:lnTo>
                    <a:pt x="238696" y="287369"/>
                  </a:lnTo>
                  <a:lnTo>
                    <a:pt x="244412" y="310801"/>
                  </a:lnTo>
                  <a:lnTo>
                    <a:pt x="232601" y="322993"/>
                  </a:lnTo>
                  <a:lnTo>
                    <a:pt x="207073" y="319373"/>
                  </a:lnTo>
                  <a:lnTo>
                    <a:pt x="136207" y="237173"/>
                  </a:lnTo>
                  <a:lnTo>
                    <a:pt x="108966" y="322993"/>
                  </a:lnTo>
                  <a:lnTo>
                    <a:pt x="74104" y="314135"/>
                  </a:lnTo>
                  <a:lnTo>
                    <a:pt x="85535" y="224600"/>
                  </a:lnTo>
                  <a:lnTo>
                    <a:pt x="119539" y="169831"/>
                  </a:lnTo>
                  <a:lnTo>
                    <a:pt x="136207" y="158306"/>
                  </a:lnTo>
                  <a:lnTo>
                    <a:pt x="112586" y="93536"/>
                  </a:lnTo>
                  <a:lnTo>
                    <a:pt x="97631" y="123444"/>
                  </a:lnTo>
                  <a:lnTo>
                    <a:pt x="27051" y="149066"/>
                  </a:lnTo>
                  <a:lnTo>
                    <a:pt x="0" y="137732"/>
                  </a:lnTo>
                  <a:lnTo>
                    <a:pt x="0" y="113538"/>
                  </a:lnTo>
                  <a:close/>
                </a:path>
              </a:pathLst>
            </a:custGeom>
            <a:solidFill>
              <a:srgbClr val="C7E4F1"/>
            </a:solidFill>
            <a:ln w="9525" cap="flat">
              <a:noFill/>
              <a:prstDash val="solid"/>
              <a:miter/>
            </a:ln>
          </p:spPr>
          <p:txBody>
            <a:bodyPr rtlCol="0" anchor="ctr"/>
            <a:lstStyle/>
            <a:p>
              <a:endParaRPr lang="en-AU" sz="1650"/>
            </a:p>
          </p:txBody>
        </p:sp>
        <p:sp>
          <p:nvSpPr>
            <p:cNvPr id="59" name="Freeform: Shape 58">
              <a:extLst>
                <a:ext uri="{FF2B5EF4-FFF2-40B4-BE49-F238E27FC236}">
                  <a16:creationId xmlns:a16="http://schemas.microsoft.com/office/drawing/2014/main" id="{4C270E1B-AB82-5F03-3942-5334B6BB32E0}"/>
                </a:ext>
              </a:extLst>
            </p:cNvPr>
            <p:cNvSpPr/>
            <p:nvPr/>
          </p:nvSpPr>
          <p:spPr>
            <a:xfrm>
              <a:off x="11213199" y="4906322"/>
              <a:ext cx="145333" cy="198005"/>
            </a:xfrm>
            <a:custGeom>
              <a:avLst/>
              <a:gdLst>
                <a:gd name="connsiteX0" fmla="*/ 0 w 99345"/>
                <a:gd name="connsiteY0" fmla="*/ 0 h 135350"/>
                <a:gd name="connsiteX1" fmla="*/ 36385 w 99345"/>
                <a:gd name="connsiteY1" fmla="*/ 9239 h 135350"/>
                <a:gd name="connsiteX2" fmla="*/ 85058 w 99345"/>
                <a:gd name="connsiteY2" fmla="*/ 44196 h 135350"/>
                <a:gd name="connsiteX3" fmla="*/ 99346 w 99345"/>
                <a:gd name="connsiteY3" fmla="*/ 89059 h 135350"/>
                <a:gd name="connsiteX4" fmla="*/ 89344 w 99345"/>
                <a:gd name="connsiteY4" fmla="*/ 124015 h 135350"/>
                <a:gd name="connsiteX5" fmla="*/ 61913 w 99345"/>
                <a:gd name="connsiteY5" fmla="*/ 135350 h 135350"/>
                <a:gd name="connsiteX6" fmla="*/ 36385 w 99345"/>
                <a:gd name="connsiteY6" fmla="*/ 131826 h 135350"/>
                <a:gd name="connsiteX7" fmla="*/ 0 w 99345"/>
                <a:gd name="connsiteY7" fmla="*/ 0 h 135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345" h="135350">
                  <a:moveTo>
                    <a:pt x="0" y="0"/>
                  </a:moveTo>
                  <a:lnTo>
                    <a:pt x="36385" y="9239"/>
                  </a:lnTo>
                  <a:lnTo>
                    <a:pt x="85058" y="44196"/>
                  </a:lnTo>
                  <a:lnTo>
                    <a:pt x="99346" y="89059"/>
                  </a:lnTo>
                  <a:lnTo>
                    <a:pt x="89344" y="124015"/>
                  </a:lnTo>
                  <a:lnTo>
                    <a:pt x="61913" y="135350"/>
                  </a:lnTo>
                  <a:lnTo>
                    <a:pt x="36385" y="131826"/>
                  </a:lnTo>
                  <a:lnTo>
                    <a:pt x="0" y="0"/>
                  </a:lnTo>
                  <a:close/>
                </a:path>
              </a:pathLst>
            </a:custGeom>
            <a:solidFill>
              <a:srgbClr val="66B9DA"/>
            </a:solidFill>
            <a:ln w="9525" cap="flat">
              <a:noFill/>
              <a:prstDash val="solid"/>
              <a:miter/>
            </a:ln>
          </p:spPr>
          <p:txBody>
            <a:bodyPr rtlCol="0" anchor="ctr"/>
            <a:lstStyle/>
            <a:p>
              <a:endParaRPr lang="en-AU" sz="1650"/>
            </a:p>
          </p:txBody>
        </p:sp>
        <p:sp>
          <p:nvSpPr>
            <p:cNvPr id="60" name="Freeform: Shape 59">
              <a:extLst>
                <a:ext uri="{FF2B5EF4-FFF2-40B4-BE49-F238E27FC236}">
                  <a16:creationId xmlns:a16="http://schemas.microsoft.com/office/drawing/2014/main" id="{5F6C1C5D-BFAF-BBDB-335C-209132843D09}"/>
                </a:ext>
              </a:extLst>
            </p:cNvPr>
            <p:cNvSpPr/>
            <p:nvPr/>
          </p:nvSpPr>
          <p:spPr>
            <a:xfrm>
              <a:off x="11060440" y="5104606"/>
              <a:ext cx="113326" cy="280497"/>
            </a:xfrm>
            <a:custGeom>
              <a:avLst/>
              <a:gdLst>
                <a:gd name="connsiteX0" fmla="*/ 29936 w 77466"/>
                <a:gd name="connsiteY0" fmla="*/ 191738 h 191739"/>
                <a:gd name="connsiteX1" fmla="*/ 25841 w 77466"/>
                <a:gd name="connsiteY1" fmla="*/ 191738 h 191739"/>
                <a:gd name="connsiteX2" fmla="*/ 123 w 77466"/>
                <a:gd name="connsiteY2" fmla="*/ 157163 h 191739"/>
                <a:gd name="connsiteX3" fmla="*/ 1266 w 77466"/>
                <a:gd name="connsiteY3" fmla="*/ 139065 h 191739"/>
                <a:gd name="connsiteX4" fmla="*/ 4314 w 77466"/>
                <a:gd name="connsiteY4" fmla="*/ 92583 h 191739"/>
                <a:gd name="connsiteX5" fmla="*/ 13839 w 77466"/>
                <a:gd name="connsiteY5" fmla="*/ 68866 h 191739"/>
                <a:gd name="connsiteX6" fmla="*/ 14696 w 77466"/>
                <a:gd name="connsiteY6" fmla="*/ 67532 h 191739"/>
                <a:gd name="connsiteX7" fmla="*/ 58416 w 77466"/>
                <a:gd name="connsiteY7" fmla="*/ 0 h 191739"/>
                <a:gd name="connsiteX8" fmla="*/ 74323 w 77466"/>
                <a:gd name="connsiteY8" fmla="*/ 10477 h 191739"/>
                <a:gd name="connsiteX9" fmla="*/ 30984 w 77466"/>
                <a:gd name="connsiteY9" fmla="*/ 77152 h 191739"/>
                <a:gd name="connsiteX10" fmla="*/ 30222 w 77466"/>
                <a:gd name="connsiteY10" fmla="*/ 78486 h 191739"/>
                <a:gd name="connsiteX11" fmla="*/ 23269 w 77466"/>
                <a:gd name="connsiteY11" fmla="*/ 94012 h 191739"/>
                <a:gd name="connsiteX12" fmla="*/ 20316 w 77466"/>
                <a:gd name="connsiteY12" fmla="*/ 140017 h 191739"/>
                <a:gd name="connsiteX13" fmla="*/ 19173 w 77466"/>
                <a:gd name="connsiteY13" fmla="*/ 158210 h 191739"/>
                <a:gd name="connsiteX14" fmla="*/ 28031 w 77466"/>
                <a:gd name="connsiteY14" fmla="*/ 172593 h 191739"/>
                <a:gd name="connsiteX15" fmla="*/ 40890 w 77466"/>
                <a:gd name="connsiteY15" fmla="*/ 161449 h 191739"/>
                <a:gd name="connsiteX16" fmla="*/ 47653 w 77466"/>
                <a:gd name="connsiteY16" fmla="*/ 101727 h 191739"/>
                <a:gd name="connsiteX17" fmla="*/ 50320 w 77466"/>
                <a:gd name="connsiteY17" fmla="*/ 96107 h 191739"/>
                <a:gd name="connsiteX18" fmla="*/ 63941 w 77466"/>
                <a:gd name="connsiteY18" fmla="*/ 82296 h 191739"/>
                <a:gd name="connsiteX19" fmla="*/ 77466 w 77466"/>
                <a:gd name="connsiteY19" fmla="*/ 95726 h 191739"/>
                <a:gd name="connsiteX20" fmla="*/ 66131 w 77466"/>
                <a:gd name="connsiteY20" fmla="*/ 107156 h 191739"/>
                <a:gd name="connsiteX21" fmla="*/ 59750 w 77466"/>
                <a:gd name="connsiteY21" fmla="*/ 163830 h 191739"/>
                <a:gd name="connsiteX22" fmla="*/ 29936 w 77466"/>
                <a:gd name="connsiteY22" fmla="*/ 191738 h 191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77466" h="191739">
                  <a:moveTo>
                    <a:pt x="29936" y="191738"/>
                  </a:moveTo>
                  <a:lnTo>
                    <a:pt x="25841" y="191738"/>
                  </a:lnTo>
                  <a:cubicBezTo>
                    <a:pt x="13172" y="190214"/>
                    <a:pt x="-1496" y="183071"/>
                    <a:pt x="123" y="157163"/>
                  </a:cubicBezTo>
                  <a:cubicBezTo>
                    <a:pt x="123" y="152114"/>
                    <a:pt x="885" y="145828"/>
                    <a:pt x="1266" y="139065"/>
                  </a:cubicBezTo>
                  <a:cubicBezTo>
                    <a:pt x="2219" y="123444"/>
                    <a:pt x="3266" y="105061"/>
                    <a:pt x="4314" y="92583"/>
                  </a:cubicBezTo>
                  <a:cubicBezTo>
                    <a:pt x="5476" y="84010"/>
                    <a:pt x="8753" y="75867"/>
                    <a:pt x="13839" y="68866"/>
                  </a:cubicBezTo>
                  <a:lnTo>
                    <a:pt x="14696" y="67532"/>
                  </a:lnTo>
                  <a:cubicBezTo>
                    <a:pt x="23555" y="52673"/>
                    <a:pt x="56987" y="2096"/>
                    <a:pt x="58416" y="0"/>
                  </a:cubicBezTo>
                  <a:lnTo>
                    <a:pt x="74323" y="10477"/>
                  </a:lnTo>
                  <a:cubicBezTo>
                    <a:pt x="74323" y="10954"/>
                    <a:pt x="39747" y="62865"/>
                    <a:pt x="30984" y="77152"/>
                  </a:cubicBezTo>
                  <a:lnTo>
                    <a:pt x="30222" y="78486"/>
                  </a:lnTo>
                  <a:cubicBezTo>
                    <a:pt x="26764" y="83067"/>
                    <a:pt x="24383" y="88382"/>
                    <a:pt x="23269" y="94012"/>
                  </a:cubicBezTo>
                  <a:cubicBezTo>
                    <a:pt x="22221" y="106299"/>
                    <a:pt x="21173" y="124492"/>
                    <a:pt x="20316" y="140017"/>
                  </a:cubicBezTo>
                  <a:cubicBezTo>
                    <a:pt x="20316" y="146780"/>
                    <a:pt x="19459" y="153162"/>
                    <a:pt x="19173" y="158210"/>
                  </a:cubicBezTo>
                  <a:cubicBezTo>
                    <a:pt x="18316" y="171450"/>
                    <a:pt x="22602" y="172021"/>
                    <a:pt x="28031" y="172593"/>
                  </a:cubicBezTo>
                  <a:cubicBezTo>
                    <a:pt x="35461" y="173355"/>
                    <a:pt x="39747" y="169640"/>
                    <a:pt x="40890" y="161449"/>
                  </a:cubicBezTo>
                  <a:lnTo>
                    <a:pt x="47653" y="101727"/>
                  </a:lnTo>
                  <a:cubicBezTo>
                    <a:pt x="47843" y="99593"/>
                    <a:pt x="48786" y="97603"/>
                    <a:pt x="50320" y="96107"/>
                  </a:cubicBezTo>
                  <a:lnTo>
                    <a:pt x="63941" y="82296"/>
                  </a:lnTo>
                  <a:lnTo>
                    <a:pt x="77466" y="95726"/>
                  </a:lnTo>
                  <a:lnTo>
                    <a:pt x="66131" y="107156"/>
                  </a:lnTo>
                  <a:lnTo>
                    <a:pt x="59750" y="163830"/>
                  </a:lnTo>
                  <a:cubicBezTo>
                    <a:pt x="58835" y="179594"/>
                    <a:pt x="45719" y="191862"/>
                    <a:pt x="29936" y="191738"/>
                  </a:cubicBezTo>
                  <a:close/>
                </a:path>
              </a:pathLst>
            </a:custGeom>
            <a:solidFill>
              <a:srgbClr val="265998"/>
            </a:solidFill>
            <a:ln w="9525" cap="flat">
              <a:noFill/>
              <a:prstDash val="solid"/>
              <a:miter/>
            </a:ln>
          </p:spPr>
          <p:txBody>
            <a:bodyPr rtlCol="0" anchor="ctr"/>
            <a:lstStyle/>
            <a:p>
              <a:endParaRPr lang="en-AU" sz="1650"/>
            </a:p>
          </p:txBody>
        </p:sp>
        <p:sp>
          <p:nvSpPr>
            <p:cNvPr id="61" name="Freeform: Shape 60">
              <a:extLst>
                <a:ext uri="{FF2B5EF4-FFF2-40B4-BE49-F238E27FC236}">
                  <a16:creationId xmlns:a16="http://schemas.microsoft.com/office/drawing/2014/main" id="{6EC902C7-AC84-ADC8-0A6E-AECC2202CBE0}"/>
                </a:ext>
              </a:extLst>
            </p:cNvPr>
            <p:cNvSpPr/>
            <p:nvPr/>
          </p:nvSpPr>
          <p:spPr>
            <a:xfrm>
              <a:off x="10945509" y="4887289"/>
              <a:ext cx="385828" cy="497950"/>
            </a:xfrm>
            <a:custGeom>
              <a:avLst/>
              <a:gdLst>
                <a:gd name="connsiteX0" fmla="*/ 232897 w 263740"/>
                <a:gd name="connsiteY0" fmla="*/ 340385 h 340384"/>
                <a:gd name="connsiteX1" fmla="*/ 205846 w 263740"/>
                <a:gd name="connsiteY1" fmla="*/ 326002 h 340384"/>
                <a:gd name="connsiteX2" fmla="*/ 193558 w 263740"/>
                <a:gd name="connsiteY2" fmla="*/ 312381 h 340384"/>
                <a:gd name="connsiteX3" fmla="*/ 148696 w 263740"/>
                <a:gd name="connsiteY3" fmla="*/ 260946 h 340384"/>
                <a:gd name="connsiteX4" fmla="*/ 139742 w 263740"/>
                <a:gd name="connsiteY4" fmla="*/ 229990 h 340384"/>
                <a:gd name="connsiteX5" fmla="*/ 139171 w 263740"/>
                <a:gd name="connsiteY5" fmla="*/ 166839 h 340384"/>
                <a:gd name="connsiteX6" fmla="*/ 125550 w 263740"/>
                <a:gd name="connsiteY6" fmla="*/ 124167 h 340384"/>
                <a:gd name="connsiteX7" fmla="*/ 121930 w 263740"/>
                <a:gd name="connsiteY7" fmla="*/ 130358 h 340384"/>
                <a:gd name="connsiteX8" fmla="*/ 101261 w 263740"/>
                <a:gd name="connsiteY8" fmla="*/ 145313 h 340384"/>
                <a:gd name="connsiteX9" fmla="*/ 39063 w 263740"/>
                <a:gd name="connsiteY9" fmla="*/ 159124 h 340384"/>
                <a:gd name="connsiteX10" fmla="*/ 963 w 263740"/>
                <a:gd name="connsiteY10" fmla="*/ 140074 h 340384"/>
                <a:gd name="connsiteX11" fmla="*/ 21261 w 263740"/>
                <a:gd name="connsiteY11" fmla="*/ 105127 h 340384"/>
                <a:gd name="connsiteX12" fmla="*/ 23442 w 263740"/>
                <a:gd name="connsiteY12" fmla="*/ 104641 h 340384"/>
                <a:gd name="connsiteX13" fmla="*/ 68876 w 263740"/>
                <a:gd name="connsiteY13" fmla="*/ 87782 h 340384"/>
                <a:gd name="connsiteX14" fmla="*/ 101071 w 263740"/>
                <a:gd name="connsiteY14" fmla="*/ 29012 h 340384"/>
                <a:gd name="connsiteX15" fmla="*/ 152696 w 263740"/>
                <a:gd name="connsiteY15" fmla="*/ 437 h 340384"/>
                <a:gd name="connsiteX16" fmla="*/ 201559 w 263740"/>
                <a:gd name="connsiteY16" fmla="*/ 39680 h 340384"/>
                <a:gd name="connsiteX17" fmla="*/ 226420 w 263740"/>
                <a:gd name="connsiteY17" fmla="*/ 121786 h 340384"/>
                <a:gd name="connsiteX18" fmla="*/ 228515 w 263740"/>
                <a:gd name="connsiteY18" fmla="*/ 151218 h 340384"/>
                <a:gd name="connsiteX19" fmla="*/ 214704 w 263740"/>
                <a:gd name="connsiteY19" fmla="*/ 226466 h 340384"/>
                <a:gd name="connsiteX20" fmla="*/ 256519 w 263740"/>
                <a:gd name="connsiteY20" fmla="*/ 287235 h 340384"/>
                <a:gd name="connsiteX21" fmla="*/ 251470 w 263740"/>
                <a:gd name="connsiteY21" fmla="*/ 333717 h 340384"/>
                <a:gd name="connsiteX22" fmla="*/ 232897 w 263740"/>
                <a:gd name="connsiteY22" fmla="*/ 340385 h 340384"/>
                <a:gd name="connsiteX23" fmla="*/ 128122 w 263740"/>
                <a:gd name="connsiteY23" fmla="*/ 91306 h 340384"/>
                <a:gd name="connsiteX24" fmla="*/ 129074 w 263740"/>
                <a:gd name="connsiteY24" fmla="*/ 91306 h 340384"/>
                <a:gd name="connsiteX25" fmla="*/ 137170 w 263740"/>
                <a:gd name="connsiteY25" fmla="*/ 97878 h 340384"/>
                <a:gd name="connsiteX26" fmla="*/ 157744 w 263740"/>
                <a:gd name="connsiteY26" fmla="*/ 162267 h 340384"/>
                <a:gd name="connsiteX27" fmla="*/ 157744 w 263740"/>
                <a:gd name="connsiteY27" fmla="*/ 165029 h 340384"/>
                <a:gd name="connsiteX28" fmla="*/ 158411 w 263740"/>
                <a:gd name="connsiteY28" fmla="*/ 230276 h 340384"/>
                <a:gd name="connsiteX29" fmla="*/ 163459 w 263740"/>
                <a:gd name="connsiteY29" fmla="*/ 249326 h 340384"/>
                <a:gd name="connsiteX30" fmla="*/ 207274 w 263740"/>
                <a:gd name="connsiteY30" fmla="*/ 299427 h 340384"/>
                <a:gd name="connsiteX31" fmla="*/ 219657 w 263740"/>
                <a:gd name="connsiteY31" fmla="*/ 313238 h 340384"/>
                <a:gd name="connsiteX32" fmla="*/ 240231 w 263740"/>
                <a:gd name="connsiteY32" fmla="*/ 318287 h 340384"/>
                <a:gd name="connsiteX33" fmla="*/ 240802 w 263740"/>
                <a:gd name="connsiteY33" fmla="*/ 297903 h 340384"/>
                <a:gd name="connsiteX34" fmla="*/ 196797 w 263740"/>
                <a:gd name="connsiteY34" fmla="*/ 233990 h 340384"/>
                <a:gd name="connsiteX35" fmla="*/ 195273 w 263740"/>
                <a:gd name="connsiteY35" fmla="*/ 226942 h 340384"/>
                <a:gd name="connsiteX36" fmla="*/ 208894 w 263740"/>
                <a:gd name="connsiteY36" fmla="*/ 148646 h 340384"/>
                <a:gd name="connsiteX37" fmla="*/ 207370 w 263740"/>
                <a:gd name="connsiteY37" fmla="*/ 127501 h 340384"/>
                <a:gd name="connsiteX38" fmla="*/ 182414 w 263740"/>
                <a:gd name="connsiteY38" fmla="*/ 44919 h 340384"/>
                <a:gd name="connsiteX39" fmla="*/ 149934 w 263740"/>
                <a:gd name="connsiteY39" fmla="*/ 19487 h 340384"/>
                <a:gd name="connsiteX40" fmla="*/ 117263 w 263740"/>
                <a:gd name="connsiteY40" fmla="*/ 37680 h 340384"/>
                <a:gd name="connsiteX41" fmla="*/ 83545 w 263740"/>
                <a:gd name="connsiteY41" fmla="*/ 100164 h 340384"/>
                <a:gd name="connsiteX42" fmla="*/ 78496 w 263740"/>
                <a:gd name="connsiteY42" fmla="*/ 104450 h 340384"/>
                <a:gd name="connsiteX43" fmla="*/ 29062 w 263740"/>
                <a:gd name="connsiteY43" fmla="*/ 122834 h 340384"/>
                <a:gd name="connsiteX44" fmla="*/ 19537 w 263740"/>
                <a:gd name="connsiteY44" fmla="*/ 135883 h 340384"/>
                <a:gd name="connsiteX45" fmla="*/ 19537 w 263740"/>
                <a:gd name="connsiteY45" fmla="*/ 135883 h 340384"/>
                <a:gd name="connsiteX46" fmla="*/ 35539 w 263740"/>
                <a:gd name="connsiteY46" fmla="*/ 140550 h 340384"/>
                <a:gd name="connsiteX47" fmla="*/ 97165 w 263740"/>
                <a:gd name="connsiteY47" fmla="*/ 126929 h 340384"/>
                <a:gd name="connsiteX48" fmla="*/ 106214 w 263740"/>
                <a:gd name="connsiteY48" fmla="*/ 120357 h 340384"/>
                <a:gd name="connsiteX49" fmla="*/ 120216 w 263740"/>
                <a:gd name="connsiteY49" fmla="*/ 96164 h 340384"/>
                <a:gd name="connsiteX50" fmla="*/ 128122 w 263740"/>
                <a:gd name="connsiteY50" fmla="*/ 91306 h 340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263740" h="340384">
                  <a:moveTo>
                    <a:pt x="232897" y="340385"/>
                  </a:moveTo>
                  <a:cubicBezTo>
                    <a:pt x="222191" y="339832"/>
                    <a:pt x="212285" y="334565"/>
                    <a:pt x="205846" y="326002"/>
                  </a:cubicBezTo>
                  <a:lnTo>
                    <a:pt x="193558" y="312381"/>
                  </a:lnTo>
                  <a:cubicBezTo>
                    <a:pt x="178699" y="296093"/>
                    <a:pt x="158411" y="273805"/>
                    <a:pt x="148696" y="260946"/>
                  </a:cubicBezTo>
                  <a:cubicBezTo>
                    <a:pt x="142028" y="252069"/>
                    <a:pt x="138847" y="241058"/>
                    <a:pt x="139742" y="229990"/>
                  </a:cubicBezTo>
                  <a:cubicBezTo>
                    <a:pt x="139742" y="218179"/>
                    <a:pt x="139266" y="175126"/>
                    <a:pt x="139171" y="166839"/>
                  </a:cubicBezTo>
                  <a:lnTo>
                    <a:pt x="125550" y="124167"/>
                  </a:lnTo>
                  <a:lnTo>
                    <a:pt x="121930" y="130358"/>
                  </a:lnTo>
                  <a:cubicBezTo>
                    <a:pt x="117120" y="137721"/>
                    <a:pt x="109757" y="143055"/>
                    <a:pt x="101261" y="145313"/>
                  </a:cubicBezTo>
                  <a:lnTo>
                    <a:pt x="39063" y="159124"/>
                  </a:lnTo>
                  <a:cubicBezTo>
                    <a:pt x="17441" y="163410"/>
                    <a:pt x="4487" y="157028"/>
                    <a:pt x="963" y="140074"/>
                  </a:cubicBezTo>
                  <a:cubicBezTo>
                    <a:pt x="-3085" y="124824"/>
                    <a:pt x="6001" y="109175"/>
                    <a:pt x="21261" y="105127"/>
                  </a:cubicBezTo>
                  <a:cubicBezTo>
                    <a:pt x="21985" y="104936"/>
                    <a:pt x="22708" y="104774"/>
                    <a:pt x="23442" y="104641"/>
                  </a:cubicBezTo>
                  <a:lnTo>
                    <a:pt x="68876" y="87782"/>
                  </a:lnTo>
                  <a:lnTo>
                    <a:pt x="101071" y="29012"/>
                  </a:lnTo>
                  <a:cubicBezTo>
                    <a:pt x="110110" y="9162"/>
                    <a:pt x="131074" y="-2449"/>
                    <a:pt x="152696" y="437"/>
                  </a:cubicBezTo>
                  <a:cubicBezTo>
                    <a:pt x="175518" y="2199"/>
                    <a:pt x="194911" y="17782"/>
                    <a:pt x="201559" y="39680"/>
                  </a:cubicBezTo>
                  <a:lnTo>
                    <a:pt x="226420" y="121786"/>
                  </a:lnTo>
                  <a:cubicBezTo>
                    <a:pt x="229287" y="131320"/>
                    <a:pt x="230001" y="141369"/>
                    <a:pt x="228515" y="151218"/>
                  </a:cubicBezTo>
                  <a:lnTo>
                    <a:pt x="214704" y="226466"/>
                  </a:lnTo>
                  <a:lnTo>
                    <a:pt x="256519" y="287235"/>
                  </a:lnTo>
                  <a:cubicBezTo>
                    <a:pt x="267853" y="301494"/>
                    <a:pt x="265605" y="322220"/>
                    <a:pt x="251470" y="333717"/>
                  </a:cubicBezTo>
                  <a:cubicBezTo>
                    <a:pt x="246108" y="337794"/>
                    <a:pt x="239631" y="340127"/>
                    <a:pt x="232897" y="340385"/>
                  </a:cubicBezTo>
                  <a:close/>
                  <a:moveTo>
                    <a:pt x="128122" y="91306"/>
                  </a:moveTo>
                  <a:lnTo>
                    <a:pt x="129074" y="91306"/>
                  </a:lnTo>
                  <a:cubicBezTo>
                    <a:pt x="132836" y="91696"/>
                    <a:pt x="136018" y="94278"/>
                    <a:pt x="137170" y="97878"/>
                  </a:cubicBezTo>
                  <a:lnTo>
                    <a:pt x="157744" y="162267"/>
                  </a:lnTo>
                  <a:cubicBezTo>
                    <a:pt x="157887" y="163181"/>
                    <a:pt x="157887" y="164115"/>
                    <a:pt x="157744" y="165029"/>
                  </a:cubicBezTo>
                  <a:cubicBezTo>
                    <a:pt x="157744" y="167125"/>
                    <a:pt x="158697" y="216845"/>
                    <a:pt x="158411" y="230276"/>
                  </a:cubicBezTo>
                  <a:cubicBezTo>
                    <a:pt x="157640" y="237038"/>
                    <a:pt x="159440" y="243839"/>
                    <a:pt x="163459" y="249326"/>
                  </a:cubicBezTo>
                  <a:cubicBezTo>
                    <a:pt x="172984" y="261613"/>
                    <a:pt x="192701" y="283520"/>
                    <a:pt x="207274" y="299427"/>
                  </a:cubicBezTo>
                  <a:lnTo>
                    <a:pt x="219657" y="313238"/>
                  </a:lnTo>
                  <a:cubicBezTo>
                    <a:pt x="229182" y="324002"/>
                    <a:pt x="235468" y="321811"/>
                    <a:pt x="240231" y="318287"/>
                  </a:cubicBezTo>
                  <a:cubicBezTo>
                    <a:pt x="245841" y="312734"/>
                    <a:pt x="246089" y="303761"/>
                    <a:pt x="240802" y="297903"/>
                  </a:cubicBezTo>
                  <a:lnTo>
                    <a:pt x="196797" y="233990"/>
                  </a:lnTo>
                  <a:cubicBezTo>
                    <a:pt x="195387" y="231933"/>
                    <a:pt x="194835" y="229399"/>
                    <a:pt x="195273" y="226942"/>
                  </a:cubicBezTo>
                  <a:lnTo>
                    <a:pt x="208894" y="148646"/>
                  </a:lnTo>
                  <a:cubicBezTo>
                    <a:pt x="209979" y="141569"/>
                    <a:pt x="209456" y="134349"/>
                    <a:pt x="207370" y="127501"/>
                  </a:cubicBezTo>
                  <a:lnTo>
                    <a:pt x="182414" y="44919"/>
                  </a:lnTo>
                  <a:cubicBezTo>
                    <a:pt x="177661" y="30698"/>
                    <a:pt x="164879" y="20697"/>
                    <a:pt x="149934" y="19487"/>
                  </a:cubicBezTo>
                  <a:cubicBezTo>
                    <a:pt x="136180" y="17439"/>
                    <a:pt x="122769" y="24907"/>
                    <a:pt x="117263" y="37680"/>
                  </a:cubicBezTo>
                  <a:lnTo>
                    <a:pt x="83545" y="100164"/>
                  </a:lnTo>
                  <a:cubicBezTo>
                    <a:pt x="82430" y="102155"/>
                    <a:pt x="80639" y="103669"/>
                    <a:pt x="78496" y="104450"/>
                  </a:cubicBezTo>
                  <a:lnTo>
                    <a:pt x="29062" y="122834"/>
                  </a:lnTo>
                  <a:cubicBezTo>
                    <a:pt x="16965" y="126358"/>
                    <a:pt x="18489" y="133311"/>
                    <a:pt x="19537" y="135883"/>
                  </a:cubicBezTo>
                  <a:lnTo>
                    <a:pt x="19537" y="135883"/>
                  </a:lnTo>
                  <a:cubicBezTo>
                    <a:pt x="20489" y="140264"/>
                    <a:pt x="21251" y="143407"/>
                    <a:pt x="35539" y="140550"/>
                  </a:cubicBezTo>
                  <a:lnTo>
                    <a:pt x="97165" y="126929"/>
                  </a:lnTo>
                  <a:cubicBezTo>
                    <a:pt x="100852" y="125862"/>
                    <a:pt x="104052" y="123538"/>
                    <a:pt x="106214" y="120357"/>
                  </a:cubicBezTo>
                  <a:lnTo>
                    <a:pt x="120216" y="96164"/>
                  </a:lnTo>
                  <a:cubicBezTo>
                    <a:pt x="121835" y="93287"/>
                    <a:pt x="124826" y="91449"/>
                    <a:pt x="128122" y="91306"/>
                  </a:cubicBezTo>
                  <a:close/>
                </a:path>
              </a:pathLst>
            </a:custGeom>
            <a:solidFill>
              <a:srgbClr val="265998"/>
            </a:solidFill>
            <a:ln w="9525" cap="flat">
              <a:noFill/>
              <a:prstDash val="solid"/>
              <a:miter/>
            </a:ln>
          </p:spPr>
          <p:txBody>
            <a:bodyPr rtlCol="0" anchor="ctr"/>
            <a:lstStyle/>
            <a:p>
              <a:endParaRPr lang="en-AU" sz="1650"/>
            </a:p>
          </p:txBody>
        </p:sp>
        <p:sp>
          <p:nvSpPr>
            <p:cNvPr id="62" name="Freeform: Shape 61">
              <a:extLst>
                <a:ext uri="{FF2B5EF4-FFF2-40B4-BE49-F238E27FC236}">
                  <a16:creationId xmlns:a16="http://schemas.microsoft.com/office/drawing/2014/main" id="{54B85B37-D77C-FAB8-DCCF-B5CF7C085D19}"/>
                </a:ext>
              </a:extLst>
            </p:cNvPr>
            <p:cNvSpPr/>
            <p:nvPr/>
          </p:nvSpPr>
          <p:spPr>
            <a:xfrm>
              <a:off x="11155233" y="4885382"/>
              <a:ext cx="222276" cy="230439"/>
            </a:xfrm>
            <a:custGeom>
              <a:avLst/>
              <a:gdLst>
                <a:gd name="connsiteX0" fmla="*/ 95250 w 151941"/>
                <a:gd name="connsiteY0" fmla="*/ 157474 h 157521"/>
                <a:gd name="connsiteX1" fmla="*/ 66675 w 151941"/>
                <a:gd name="connsiteY1" fmla="*/ 138424 h 157521"/>
                <a:gd name="connsiteX2" fmla="*/ 84772 w 151941"/>
                <a:gd name="connsiteY2" fmla="*/ 132424 h 157521"/>
                <a:gd name="connsiteX3" fmla="*/ 98203 w 151941"/>
                <a:gd name="connsiteY3" fmla="*/ 137853 h 157521"/>
                <a:gd name="connsiteX4" fmla="*/ 128016 w 151941"/>
                <a:gd name="connsiteY4" fmla="*/ 121279 h 157521"/>
                <a:gd name="connsiteX5" fmla="*/ 131445 w 151941"/>
                <a:gd name="connsiteY5" fmla="*/ 95276 h 157521"/>
                <a:gd name="connsiteX6" fmla="*/ 68675 w 151941"/>
                <a:gd name="connsiteY6" fmla="*/ 30887 h 157521"/>
                <a:gd name="connsiteX7" fmla="*/ 62293 w 151941"/>
                <a:gd name="connsiteY7" fmla="*/ 29935 h 157521"/>
                <a:gd name="connsiteX8" fmla="*/ 2572 w 151941"/>
                <a:gd name="connsiteY8" fmla="*/ 20410 h 157521"/>
                <a:gd name="connsiteX9" fmla="*/ 0 w 151941"/>
                <a:gd name="connsiteY9" fmla="*/ 1360 h 157521"/>
                <a:gd name="connsiteX10" fmla="*/ 68485 w 151941"/>
                <a:gd name="connsiteY10" fmla="*/ 11647 h 157521"/>
                <a:gd name="connsiteX11" fmla="*/ 149638 w 151941"/>
                <a:gd name="connsiteY11" fmla="*/ 89656 h 157521"/>
                <a:gd name="connsiteX12" fmla="*/ 144018 w 151941"/>
                <a:gd name="connsiteY12" fmla="*/ 131662 h 157521"/>
                <a:gd name="connsiteX13" fmla="*/ 100489 w 151941"/>
                <a:gd name="connsiteY13" fmla="*/ 156712 h 157521"/>
                <a:gd name="connsiteX14" fmla="*/ 95250 w 151941"/>
                <a:gd name="connsiteY14" fmla="*/ 157474 h 1575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1941" h="157521">
                  <a:moveTo>
                    <a:pt x="95250" y="157474"/>
                  </a:moveTo>
                  <a:cubicBezTo>
                    <a:pt x="82544" y="158198"/>
                    <a:pt x="70895" y="150426"/>
                    <a:pt x="66675" y="138424"/>
                  </a:cubicBezTo>
                  <a:lnTo>
                    <a:pt x="84772" y="132424"/>
                  </a:lnTo>
                  <a:cubicBezTo>
                    <a:pt x="86773" y="138710"/>
                    <a:pt x="95536" y="138139"/>
                    <a:pt x="98203" y="137853"/>
                  </a:cubicBezTo>
                  <a:cubicBezTo>
                    <a:pt x="110109" y="137043"/>
                    <a:pt x="121043" y="130966"/>
                    <a:pt x="128016" y="121279"/>
                  </a:cubicBezTo>
                  <a:cubicBezTo>
                    <a:pt x="132997" y="113564"/>
                    <a:pt x="134255" y="104020"/>
                    <a:pt x="131445" y="95276"/>
                  </a:cubicBezTo>
                  <a:cubicBezTo>
                    <a:pt x="121444" y="62605"/>
                    <a:pt x="91059" y="26601"/>
                    <a:pt x="68675" y="30887"/>
                  </a:cubicBezTo>
                  <a:cubicBezTo>
                    <a:pt x="66504" y="31325"/>
                    <a:pt x="64246" y="30982"/>
                    <a:pt x="62293" y="29935"/>
                  </a:cubicBezTo>
                  <a:cubicBezTo>
                    <a:pt x="43901" y="20495"/>
                    <a:pt x="22984" y="17152"/>
                    <a:pt x="2572" y="20410"/>
                  </a:cubicBezTo>
                  <a:lnTo>
                    <a:pt x="0" y="1360"/>
                  </a:lnTo>
                  <a:cubicBezTo>
                    <a:pt x="23346" y="-2241"/>
                    <a:pt x="47225" y="1350"/>
                    <a:pt x="68485" y="11647"/>
                  </a:cubicBezTo>
                  <a:cubicBezTo>
                    <a:pt x="104204" y="8122"/>
                    <a:pt x="138874" y="54604"/>
                    <a:pt x="149638" y="89656"/>
                  </a:cubicBezTo>
                  <a:cubicBezTo>
                    <a:pt x="154086" y="103801"/>
                    <a:pt x="152029" y="119184"/>
                    <a:pt x="144018" y="131662"/>
                  </a:cubicBezTo>
                  <a:cubicBezTo>
                    <a:pt x="134007" y="146121"/>
                    <a:pt x="118024" y="155322"/>
                    <a:pt x="100489" y="156712"/>
                  </a:cubicBezTo>
                  <a:cubicBezTo>
                    <a:pt x="98755" y="157055"/>
                    <a:pt x="97012" y="157313"/>
                    <a:pt x="95250" y="157474"/>
                  </a:cubicBezTo>
                  <a:close/>
                </a:path>
              </a:pathLst>
            </a:custGeom>
            <a:solidFill>
              <a:srgbClr val="265998"/>
            </a:solidFill>
            <a:ln w="9525" cap="flat">
              <a:noFill/>
              <a:prstDash val="solid"/>
              <a:miter/>
            </a:ln>
          </p:spPr>
          <p:txBody>
            <a:bodyPr rtlCol="0" anchor="ctr"/>
            <a:lstStyle/>
            <a:p>
              <a:endParaRPr lang="en-AU" sz="1650"/>
            </a:p>
          </p:txBody>
        </p:sp>
        <p:sp>
          <p:nvSpPr>
            <p:cNvPr id="63" name="Freeform: Shape 62">
              <a:extLst>
                <a:ext uri="{FF2B5EF4-FFF2-40B4-BE49-F238E27FC236}">
                  <a16:creationId xmlns:a16="http://schemas.microsoft.com/office/drawing/2014/main" id="{A6274C3F-317A-3DDA-9300-5EC2F0EDF72E}"/>
                </a:ext>
              </a:extLst>
            </p:cNvPr>
            <p:cNvSpPr/>
            <p:nvPr/>
          </p:nvSpPr>
          <p:spPr>
            <a:xfrm>
              <a:off x="11027735" y="4739390"/>
              <a:ext cx="157178" cy="157176"/>
            </a:xfrm>
            <a:custGeom>
              <a:avLst/>
              <a:gdLst>
                <a:gd name="connsiteX0" fmla="*/ 53721 w 107442"/>
                <a:gd name="connsiteY0" fmla="*/ 107442 h 107441"/>
                <a:gd name="connsiteX1" fmla="*/ 0 w 107442"/>
                <a:gd name="connsiteY1" fmla="*/ 53721 h 107441"/>
                <a:gd name="connsiteX2" fmla="*/ 53721 w 107442"/>
                <a:gd name="connsiteY2" fmla="*/ 0 h 107441"/>
                <a:gd name="connsiteX3" fmla="*/ 107442 w 107442"/>
                <a:gd name="connsiteY3" fmla="*/ 53721 h 107441"/>
                <a:gd name="connsiteX4" fmla="*/ 53721 w 107442"/>
                <a:gd name="connsiteY4" fmla="*/ 107442 h 107441"/>
                <a:gd name="connsiteX5" fmla="*/ 53721 w 107442"/>
                <a:gd name="connsiteY5" fmla="*/ 19145 h 107441"/>
                <a:gd name="connsiteX6" fmla="*/ 19050 w 107442"/>
                <a:gd name="connsiteY6" fmla="*/ 53816 h 107441"/>
                <a:gd name="connsiteX7" fmla="*/ 53721 w 107442"/>
                <a:gd name="connsiteY7" fmla="*/ 88487 h 107441"/>
                <a:gd name="connsiteX8" fmla="*/ 88392 w 107442"/>
                <a:gd name="connsiteY8" fmla="*/ 53816 h 107441"/>
                <a:gd name="connsiteX9" fmla="*/ 88392 w 107442"/>
                <a:gd name="connsiteY9" fmla="*/ 53721 h 107441"/>
                <a:gd name="connsiteX10" fmla="*/ 53721 w 107442"/>
                <a:gd name="connsiteY10" fmla="*/ 19145 h 1074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07442" h="107441">
                  <a:moveTo>
                    <a:pt x="53721" y="107442"/>
                  </a:moveTo>
                  <a:cubicBezTo>
                    <a:pt x="24051" y="107442"/>
                    <a:pt x="0" y="83391"/>
                    <a:pt x="0" y="53721"/>
                  </a:cubicBezTo>
                  <a:cubicBezTo>
                    <a:pt x="0" y="24051"/>
                    <a:pt x="24051" y="0"/>
                    <a:pt x="53721" y="0"/>
                  </a:cubicBezTo>
                  <a:cubicBezTo>
                    <a:pt x="83391" y="0"/>
                    <a:pt x="107442" y="24051"/>
                    <a:pt x="107442" y="53721"/>
                  </a:cubicBezTo>
                  <a:cubicBezTo>
                    <a:pt x="107442" y="83391"/>
                    <a:pt x="83391" y="107442"/>
                    <a:pt x="53721" y="107442"/>
                  </a:cubicBezTo>
                  <a:close/>
                  <a:moveTo>
                    <a:pt x="53721" y="19145"/>
                  </a:moveTo>
                  <a:cubicBezTo>
                    <a:pt x="34576" y="19145"/>
                    <a:pt x="19050" y="34671"/>
                    <a:pt x="19050" y="53816"/>
                  </a:cubicBezTo>
                  <a:cubicBezTo>
                    <a:pt x="19050" y="72961"/>
                    <a:pt x="34576" y="88487"/>
                    <a:pt x="53721" y="88487"/>
                  </a:cubicBezTo>
                  <a:cubicBezTo>
                    <a:pt x="72866" y="88487"/>
                    <a:pt x="88392" y="72961"/>
                    <a:pt x="88392" y="53816"/>
                  </a:cubicBezTo>
                  <a:cubicBezTo>
                    <a:pt x="88392" y="53788"/>
                    <a:pt x="88392" y="53750"/>
                    <a:pt x="88392" y="53721"/>
                  </a:cubicBezTo>
                  <a:cubicBezTo>
                    <a:pt x="88335" y="34614"/>
                    <a:pt x="72828" y="19145"/>
                    <a:pt x="53721" y="19145"/>
                  </a:cubicBezTo>
                  <a:close/>
                </a:path>
              </a:pathLst>
            </a:custGeom>
            <a:solidFill>
              <a:srgbClr val="265998"/>
            </a:solidFill>
            <a:ln w="9525" cap="flat">
              <a:noFill/>
              <a:prstDash val="solid"/>
              <a:miter/>
            </a:ln>
          </p:spPr>
          <p:txBody>
            <a:bodyPr rtlCol="0" anchor="ctr"/>
            <a:lstStyle/>
            <a:p>
              <a:endParaRPr lang="en-AU" sz="1650"/>
            </a:p>
          </p:txBody>
        </p:sp>
      </p:grpSp>
      <p:sp>
        <p:nvSpPr>
          <p:cNvPr id="34" name="Rectangle 33">
            <a:extLst>
              <a:ext uri="{FF2B5EF4-FFF2-40B4-BE49-F238E27FC236}">
                <a16:creationId xmlns:a16="http://schemas.microsoft.com/office/drawing/2014/main" id="{B194DF10-796B-6673-2EF2-05B025A44C02}"/>
              </a:ext>
            </a:extLst>
          </p:cNvPr>
          <p:cNvSpPr/>
          <p:nvPr/>
        </p:nvSpPr>
        <p:spPr>
          <a:xfrm>
            <a:off x="569995" y="5465280"/>
            <a:ext cx="9517354" cy="900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08000" rtlCol="0" anchor="t" anchorCtr="0"/>
          <a:lstStyle/>
          <a:p>
            <a:pPr>
              <a:lnSpc>
                <a:spcPts val="1993"/>
              </a:lnSpc>
              <a:spcBef>
                <a:spcPts val="0"/>
              </a:spcBef>
              <a:spcAft>
                <a:spcPts val="1600"/>
              </a:spcAft>
            </a:pP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Improve quality, safety and capacity </a:t>
            </a:r>
            <a:r>
              <a:rPr lang="en-US"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in the Australian mental health and suicide prevention </a:t>
            </a:r>
            <a:br>
              <a:rPr lang="en-US"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600" b="0" dirty="0">
                <a:solidFill>
                  <a:schemeClr val="tx1"/>
                </a:solidFill>
                <a:latin typeface="Open Sans" panose="020B0606030504020204" pitchFamily="34" charset="0"/>
                <a:ea typeface="Open Sans" panose="020B0606030504020204" pitchFamily="34" charset="0"/>
                <a:cs typeface="Open Sans" panose="020B0606030504020204" pitchFamily="34" charset="0"/>
              </a:rPr>
              <a:t>system</a:t>
            </a:r>
            <a:endParaRPr lang="en-AU" sz="1600" b="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 name="Group 3">
            <a:extLst>
              <a:ext uri="{FF2B5EF4-FFF2-40B4-BE49-F238E27FC236}">
                <a16:creationId xmlns:a16="http://schemas.microsoft.com/office/drawing/2014/main" id="{7C1753AE-AB4C-1C6E-0EDD-477EDD9A4C57}"/>
              </a:ext>
            </a:extLst>
          </p:cNvPr>
          <p:cNvGrpSpPr/>
          <p:nvPr/>
        </p:nvGrpSpPr>
        <p:grpSpPr>
          <a:xfrm>
            <a:off x="10069361" y="5465280"/>
            <a:ext cx="1220465" cy="900000"/>
            <a:chOff x="10551277" y="5670683"/>
            <a:chExt cx="1220465" cy="900000"/>
          </a:xfrm>
        </p:grpSpPr>
        <p:sp>
          <p:nvSpPr>
            <p:cNvPr id="35" name="Rectangle 34">
              <a:extLst>
                <a:ext uri="{FF2B5EF4-FFF2-40B4-BE49-F238E27FC236}">
                  <a16:creationId xmlns:a16="http://schemas.microsoft.com/office/drawing/2014/main" id="{42649B77-5404-3F19-FD0D-12D34224DEAC}"/>
                </a:ext>
              </a:extLst>
            </p:cNvPr>
            <p:cNvSpPr/>
            <p:nvPr/>
          </p:nvSpPr>
          <p:spPr>
            <a:xfrm>
              <a:off x="10551277" y="5670683"/>
              <a:ext cx="1220465" cy="900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1650" b="1">
                <a:solidFill>
                  <a:schemeClr val="bg2"/>
                </a:solidFill>
              </a:endParaRPr>
            </a:p>
          </p:txBody>
        </p:sp>
        <p:sp>
          <p:nvSpPr>
            <p:cNvPr id="65" name="Freeform 20">
              <a:extLst>
                <a:ext uri="{FF2B5EF4-FFF2-40B4-BE49-F238E27FC236}">
                  <a16:creationId xmlns:a16="http://schemas.microsoft.com/office/drawing/2014/main" id="{55FF3ADB-83EC-626A-5F09-44D33F213C26}"/>
                </a:ext>
              </a:extLst>
            </p:cNvPr>
            <p:cNvSpPr/>
            <p:nvPr/>
          </p:nvSpPr>
          <p:spPr>
            <a:xfrm>
              <a:off x="10990311" y="5811118"/>
              <a:ext cx="99964" cy="100402"/>
            </a:xfrm>
            <a:custGeom>
              <a:avLst/>
              <a:gdLst>
                <a:gd name="connsiteX0" fmla="*/ 78479 w 78478"/>
                <a:gd name="connsiteY0" fmla="*/ 23418 h 78822"/>
                <a:gd name="connsiteX1" fmla="*/ 78479 w 78478"/>
                <a:gd name="connsiteY1" fmla="*/ 23609 h 78822"/>
                <a:gd name="connsiteX2" fmla="*/ 47690 w 78478"/>
                <a:gd name="connsiteY2" fmla="*/ 24085 h 78822"/>
                <a:gd name="connsiteX3" fmla="*/ 33436 w 78478"/>
                <a:gd name="connsiteY3" fmla="*/ 34652 h 78822"/>
                <a:gd name="connsiteX4" fmla="*/ 21653 w 78478"/>
                <a:gd name="connsiteY4" fmla="*/ 78823 h 78822"/>
                <a:gd name="connsiteX5" fmla="*/ 5404 w 78478"/>
                <a:gd name="connsiteY5" fmla="*/ 63972 h 78822"/>
                <a:gd name="connsiteX6" fmla="*/ 4929 w 78478"/>
                <a:gd name="connsiteY6" fmla="*/ 63401 h 78822"/>
                <a:gd name="connsiteX7" fmla="*/ 1413 w 78478"/>
                <a:gd name="connsiteY7" fmla="*/ 32272 h 78822"/>
                <a:gd name="connsiteX8" fmla="*/ 21558 w 78478"/>
                <a:gd name="connsiteY8" fmla="*/ 5807 h 78822"/>
                <a:gd name="connsiteX9" fmla="*/ 22699 w 78478"/>
                <a:gd name="connsiteY9" fmla="*/ 5045 h 78822"/>
                <a:gd name="connsiteX10" fmla="*/ 42084 w 78478"/>
                <a:gd name="connsiteY10" fmla="*/ 0 h 78822"/>
                <a:gd name="connsiteX11" fmla="*/ 47025 w 78478"/>
                <a:gd name="connsiteY11" fmla="*/ 476 h 78822"/>
                <a:gd name="connsiteX12" fmla="*/ 50826 w 78478"/>
                <a:gd name="connsiteY12" fmla="*/ 1047 h 78822"/>
                <a:gd name="connsiteX13" fmla="*/ 54722 w 78478"/>
                <a:gd name="connsiteY13" fmla="*/ 2094 h 78822"/>
                <a:gd name="connsiteX14" fmla="*/ 72397 w 78478"/>
                <a:gd name="connsiteY14" fmla="*/ 13137 h 78822"/>
                <a:gd name="connsiteX15" fmla="*/ 74678 w 78478"/>
                <a:gd name="connsiteY15" fmla="*/ 15898 h 78822"/>
                <a:gd name="connsiteX16" fmla="*/ 74868 w 78478"/>
                <a:gd name="connsiteY16" fmla="*/ 16374 h 78822"/>
                <a:gd name="connsiteX17" fmla="*/ 78099 w 78478"/>
                <a:gd name="connsiteY17" fmla="*/ 23228 h 78822"/>
                <a:gd name="connsiteX18" fmla="*/ 78289 w 78478"/>
                <a:gd name="connsiteY18" fmla="*/ 23513 h 78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78478" h="78822">
                  <a:moveTo>
                    <a:pt x="78479" y="23418"/>
                  </a:moveTo>
                  <a:lnTo>
                    <a:pt x="78479" y="23609"/>
                  </a:lnTo>
                  <a:cubicBezTo>
                    <a:pt x="65840" y="24180"/>
                    <a:pt x="55102" y="24370"/>
                    <a:pt x="47690" y="24085"/>
                  </a:cubicBezTo>
                  <a:cubicBezTo>
                    <a:pt x="40848" y="24275"/>
                    <a:pt x="35052" y="28559"/>
                    <a:pt x="33436" y="34652"/>
                  </a:cubicBezTo>
                  <a:cubicBezTo>
                    <a:pt x="33436" y="34652"/>
                    <a:pt x="27640" y="56547"/>
                    <a:pt x="21653" y="78823"/>
                  </a:cubicBezTo>
                  <a:cubicBezTo>
                    <a:pt x="15096" y="75491"/>
                    <a:pt x="9490" y="70350"/>
                    <a:pt x="5404" y="63972"/>
                  </a:cubicBezTo>
                  <a:cubicBezTo>
                    <a:pt x="5119" y="63782"/>
                    <a:pt x="4929" y="63686"/>
                    <a:pt x="4929" y="63401"/>
                  </a:cubicBezTo>
                  <a:cubicBezTo>
                    <a:pt x="-13" y="53976"/>
                    <a:pt x="-1343" y="42648"/>
                    <a:pt x="1413" y="32272"/>
                  </a:cubicBezTo>
                  <a:cubicBezTo>
                    <a:pt x="4168" y="20086"/>
                    <a:pt x="11866" y="10948"/>
                    <a:pt x="21558" y="5807"/>
                  </a:cubicBezTo>
                  <a:cubicBezTo>
                    <a:pt x="22033" y="5521"/>
                    <a:pt x="22413" y="5331"/>
                    <a:pt x="22699" y="5045"/>
                  </a:cubicBezTo>
                  <a:cubicBezTo>
                    <a:pt x="28495" y="1809"/>
                    <a:pt x="35147" y="0"/>
                    <a:pt x="42084" y="0"/>
                  </a:cubicBezTo>
                  <a:cubicBezTo>
                    <a:pt x="43794" y="0"/>
                    <a:pt x="45410" y="190"/>
                    <a:pt x="47025" y="476"/>
                  </a:cubicBezTo>
                  <a:cubicBezTo>
                    <a:pt x="48355" y="666"/>
                    <a:pt x="49496" y="952"/>
                    <a:pt x="50826" y="1047"/>
                  </a:cubicBezTo>
                  <a:cubicBezTo>
                    <a:pt x="52157" y="1333"/>
                    <a:pt x="53392" y="1809"/>
                    <a:pt x="54722" y="2094"/>
                  </a:cubicBezTo>
                  <a:cubicBezTo>
                    <a:pt x="61279" y="4093"/>
                    <a:pt x="67361" y="7711"/>
                    <a:pt x="72397" y="13137"/>
                  </a:cubicBezTo>
                  <a:cubicBezTo>
                    <a:pt x="73252" y="13994"/>
                    <a:pt x="74012" y="14851"/>
                    <a:pt x="74678" y="15898"/>
                  </a:cubicBezTo>
                  <a:cubicBezTo>
                    <a:pt x="74868" y="16088"/>
                    <a:pt x="74868" y="16183"/>
                    <a:pt x="74868" y="16374"/>
                  </a:cubicBezTo>
                  <a:cubicBezTo>
                    <a:pt x="76198" y="18563"/>
                    <a:pt x="77148" y="20848"/>
                    <a:pt x="78099" y="23228"/>
                  </a:cubicBezTo>
                  <a:cubicBezTo>
                    <a:pt x="78099" y="23228"/>
                    <a:pt x="78099" y="23418"/>
                    <a:pt x="78289" y="23513"/>
                  </a:cubicBezTo>
                  <a:close/>
                </a:path>
              </a:pathLst>
            </a:custGeom>
            <a:solidFill>
              <a:srgbClr val="C7E4F1"/>
            </a:solidFill>
            <a:ln w="0" cap="flat">
              <a:noFill/>
              <a:prstDash val="solid"/>
              <a:miter/>
            </a:ln>
          </p:spPr>
          <p:txBody>
            <a:bodyPr rtlCol="0" anchor="ctr"/>
            <a:lstStyle/>
            <a:p>
              <a:endParaRPr lang="en-US" sz="1650"/>
            </a:p>
          </p:txBody>
        </p:sp>
        <p:sp>
          <p:nvSpPr>
            <p:cNvPr id="66" name="Freeform 21">
              <a:extLst>
                <a:ext uri="{FF2B5EF4-FFF2-40B4-BE49-F238E27FC236}">
                  <a16:creationId xmlns:a16="http://schemas.microsoft.com/office/drawing/2014/main" id="{22ABC52D-281C-1747-BA47-BBCE94D82353}"/>
                </a:ext>
              </a:extLst>
            </p:cNvPr>
            <p:cNvSpPr/>
            <p:nvPr/>
          </p:nvSpPr>
          <p:spPr>
            <a:xfrm>
              <a:off x="10976133" y="5957963"/>
              <a:ext cx="147066" cy="164427"/>
            </a:xfrm>
            <a:custGeom>
              <a:avLst/>
              <a:gdLst>
                <a:gd name="connsiteX0" fmla="*/ 115456 w 115456"/>
                <a:gd name="connsiteY0" fmla="*/ 119757 h 129086"/>
                <a:gd name="connsiteX1" fmla="*/ 104148 w 115456"/>
                <a:gd name="connsiteY1" fmla="*/ 129087 h 129086"/>
                <a:gd name="connsiteX2" fmla="*/ 103008 w 115456"/>
                <a:gd name="connsiteY2" fmla="*/ 129087 h 129086"/>
                <a:gd name="connsiteX3" fmla="*/ 90750 w 115456"/>
                <a:gd name="connsiteY3" fmla="*/ 128611 h 129086"/>
                <a:gd name="connsiteX4" fmla="*/ 50554 w 115456"/>
                <a:gd name="connsiteY4" fmla="*/ 121852 h 129086"/>
                <a:gd name="connsiteX5" fmla="*/ 49033 w 115456"/>
                <a:gd name="connsiteY5" fmla="*/ 121566 h 129086"/>
                <a:gd name="connsiteX6" fmla="*/ 20146 w 115456"/>
                <a:gd name="connsiteY6" fmla="*/ 100718 h 129086"/>
                <a:gd name="connsiteX7" fmla="*/ 14254 w 115456"/>
                <a:gd name="connsiteY7" fmla="*/ 89009 h 129086"/>
                <a:gd name="connsiteX8" fmla="*/ 8647 w 115456"/>
                <a:gd name="connsiteY8" fmla="*/ 78537 h 129086"/>
                <a:gd name="connsiteX9" fmla="*/ 8362 w 115456"/>
                <a:gd name="connsiteY9" fmla="*/ 77300 h 129086"/>
                <a:gd name="connsiteX10" fmla="*/ 0 w 115456"/>
                <a:gd name="connsiteY10" fmla="*/ 53500 h 129086"/>
                <a:gd name="connsiteX11" fmla="*/ 13969 w 115456"/>
                <a:gd name="connsiteY11" fmla="*/ 15517 h 129086"/>
                <a:gd name="connsiteX12" fmla="*/ 15204 w 115456"/>
                <a:gd name="connsiteY12" fmla="*/ 6949 h 129086"/>
                <a:gd name="connsiteX13" fmla="*/ 15679 w 115456"/>
                <a:gd name="connsiteY13" fmla="*/ 6759 h 129086"/>
                <a:gd name="connsiteX14" fmla="*/ 14824 w 115456"/>
                <a:gd name="connsiteY14" fmla="*/ 1904 h 129086"/>
                <a:gd name="connsiteX15" fmla="*/ 25942 w 115456"/>
                <a:gd name="connsiteY15" fmla="*/ 0 h 129086"/>
                <a:gd name="connsiteX16" fmla="*/ 25657 w 115456"/>
                <a:gd name="connsiteY16" fmla="*/ 6949 h 129086"/>
                <a:gd name="connsiteX17" fmla="*/ 28603 w 115456"/>
                <a:gd name="connsiteY17" fmla="*/ 59022 h 129086"/>
                <a:gd name="connsiteX18" fmla="*/ 28413 w 115456"/>
                <a:gd name="connsiteY18" fmla="*/ 62639 h 129086"/>
                <a:gd name="connsiteX19" fmla="*/ 54260 w 115456"/>
                <a:gd name="connsiteY19" fmla="*/ 93102 h 129086"/>
                <a:gd name="connsiteX20" fmla="*/ 57111 w 115456"/>
                <a:gd name="connsiteY20" fmla="*/ 95768 h 129086"/>
                <a:gd name="connsiteX21" fmla="*/ 60246 w 115456"/>
                <a:gd name="connsiteY21" fmla="*/ 95387 h 129086"/>
                <a:gd name="connsiteX22" fmla="*/ 103483 w 115456"/>
                <a:gd name="connsiteY22" fmla="*/ 103383 h 129086"/>
                <a:gd name="connsiteX23" fmla="*/ 115456 w 115456"/>
                <a:gd name="connsiteY23" fmla="*/ 119853 h 1290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15456" h="129086">
                  <a:moveTo>
                    <a:pt x="115456" y="119757"/>
                  </a:moveTo>
                  <a:cubicBezTo>
                    <a:pt x="115171" y="123470"/>
                    <a:pt x="112036" y="128230"/>
                    <a:pt x="104148" y="129087"/>
                  </a:cubicBezTo>
                  <a:lnTo>
                    <a:pt x="103008" y="129087"/>
                  </a:lnTo>
                  <a:cubicBezTo>
                    <a:pt x="100062" y="129087"/>
                    <a:pt x="94456" y="129087"/>
                    <a:pt x="90750" y="128611"/>
                  </a:cubicBezTo>
                  <a:cubicBezTo>
                    <a:pt x="84383" y="127849"/>
                    <a:pt x="71554" y="125660"/>
                    <a:pt x="50554" y="121852"/>
                  </a:cubicBezTo>
                  <a:lnTo>
                    <a:pt x="49033" y="121566"/>
                  </a:lnTo>
                  <a:cubicBezTo>
                    <a:pt x="34114" y="118044"/>
                    <a:pt x="25562" y="111761"/>
                    <a:pt x="20146" y="100718"/>
                  </a:cubicBezTo>
                  <a:lnTo>
                    <a:pt x="14254" y="89009"/>
                  </a:lnTo>
                  <a:cubicBezTo>
                    <a:pt x="12163" y="84439"/>
                    <a:pt x="10358" y="81012"/>
                    <a:pt x="8647" y="78537"/>
                  </a:cubicBezTo>
                  <a:lnTo>
                    <a:pt x="8362" y="77300"/>
                  </a:lnTo>
                  <a:cubicBezTo>
                    <a:pt x="2471" y="66352"/>
                    <a:pt x="0" y="61592"/>
                    <a:pt x="0" y="53500"/>
                  </a:cubicBezTo>
                  <a:cubicBezTo>
                    <a:pt x="0" y="37983"/>
                    <a:pt x="6462" y="25322"/>
                    <a:pt x="13969" y="15517"/>
                  </a:cubicBezTo>
                  <a:cubicBezTo>
                    <a:pt x="15489" y="13518"/>
                    <a:pt x="-7222" y="16564"/>
                    <a:pt x="15204" y="6949"/>
                  </a:cubicBezTo>
                  <a:cubicBezTo>
                    <a:pt x="15394" y="6378"/>
                    <a:pt x="16249" y="6759"/>
                    <a:pt x="15679" y="6759"/>
                  </a:cubicBezTo>
                  <a:cubicBezTo>
                    <a:pt x="12448" y="6759"/>
                    <a:pt x="14919" y="2189"/>
                    <a:pt x="14824" y="1904"/>
                  </a:cubicBezTo>
                  <a:cubicBezTo>
                    <a:pt x="16344" y="381"/>
                    <a:pt x="24517" y="1333"/>
                    <a:pt x="25942" y="0"/>
                  </a:cubicBezTo>
                  <a:cubicBezTo>
                    <a:pt x="25087" y="3237"/>
                    <a:pt x="25847" y="6188"/>
                    <a:pt x="25657" y="6949"/>
                  </a:cubicBezTo>
                  <a:cubicBezTo>
                    <a:pt x="21761" y="22752"/>
                    <a:pt x="23186" y="38840"/>
                    <a:pt x="28603" y="59022"/>
                  </a:cubicBezTo>
                  <a:cubicBezTo>
                    <a:pt x="29078" y="60069"/>
                    <a:pt x="28033" y="61783"/>
                    <a:pt x="28413" y="62639"/>
                  </a:cubicBezTo>
                  <a:cubicBezTo>
                    <a:pt x="34684" y="75872"/>
                    <a:pt x="41716" y="88152"/>
                    <a:pt x="54260" y="93102"/>
                  </a:cubicBezTo>
                  <a:cubicBezTo>
                    <a:pt x="54545" y="93293"/>
                    <a:pt x="56921" y="95577"/>
                    <a:pt x="57111" y="95768"/>
                  </a:cubicBezTo>
                  <a:lnTo>
                    <a:pt x="60246" y="95387"/>
                  </a:lnTo>
                  <a:cubicBezTo>
                    <a:pt x="64998" y="96625"/>
                    <a:pt x="91225" y="100623"/>
                    <a:pt x="103483" y="103383"/>
                  </a:cubicBezTo>
                  <a:cubicBezTo>
                    <a:pt x="115266" y="105954"/>
                    <a:pt x="115456" y="118615"/>
                    <a:pt x="115456" y="119853"/>
                  </a:cubicBezTo>
                  <a:close/>
                </a:path>
              </a:pathLst>
            </a:custGeom>
            <a:solidFill>
              <a:srgbClr val="C7E4F1"/>
            </a:solidFill>
            <a:ln w="0" cap="flat">
              <a:noFill/>
              <a:prstDash val="solid"/>
              <a:miter/>
            </a:ln>
          </p:spPr>
          <p:txBody>
            <a:bodyPr rtlCol="0" anchor="ctr"/>
            <a:lstStyle/>
            <a:p>
              <a:endParaRPr lang="en-US" sz="1650"/>
            </a:p>
          </p:txBody>
        </p:sp>
        <p:sp>
          <p:nvSpPr>
            <p:cNvPr id="67" name="Freeform 22">
              <a:extLst>
                <a:ext uri="{FF2B5EF4-FFF2-40B4-BE49-F238E27FC236}">
                  <a16:creationId xmlns:a16="http://schemas.microsoft.com/office/drawing/2014/main" id="{5B01ADD1-FAF5-792B-8E15-BEB1EF6D6691}"/>
                </a:ext>
              </a:extLst>
            </p:cNvPr>
            <p:cNvSpPr/>
            <p:nvPr/>
          </p:nvSpPr>
          <p:spPr>
            <a:xfrm>
              <a:off x="11208655" y="6099230"/>
              <a:ext cx="65968" cy="55293"/>
            </a:xfrm>
            <a:custGeom>
              <a:avLst/>
              <a:gdLst>
                <a:gd name="connsiteX0" fmla="*/ 51789 w 51789"/>
                <a:gd name="connsiteY0" fmla="*/ 21800 h 43409"/>
                <a:gd name="connsiteX1" fmla="*/ 25942 w 51789"/>
                <a:gd name="connsiteY1" fmla="*/ 43410 h 43409"/>
                <a:gd name="connsiteX2" fmla="*/ 0 w 51789"/>
                <a:gd name="connsiteY2" fmla="*/ 21800 h 43409"/>
                <a:gd name="connsiteX3" fmla="*/ 25942 w 51789"/>
                <a:gd name="connsiteY3" fmla="*/ 0 h 43409"/>
                <a:gd name="connsiteX4" fmla="*/ 51789 w 51789"/>
                <a:gd name="connsiteY4" fmla="*/ 21800 h 434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789" h="43409">
                  <a:moveTo>
                    <a:pt x="51789" y="21800"/>
                  </a:moveTo>
                  <a:cubicBezTo>
                    <a:pt x="51789" y="33700"/>
                    <a:pt x="40196" y="43410"/>
                    <a:pt x="25942" y="43410"/>
                  </a:cubicBezTo>
                  <a:cubicBezTo>
                    <a:pt x="11688" y="43410"/>
                    <a:pt x="0" y="33700"/>
                    <a:pt x="0" y="21800"/>
                  </a:cubicBezTo>
                  <a:cubicBezTo>
                    <a:pt x="0" y="9900"/>
                    <a:pt x="11593" y="0"/>
                    <a:pt x="25942" y="0"/>
                  </a:cubicBezTo>
                  <a:cubicBezTo>
                    <a:pt x="40291" y="0"/>
                    <a:pt x="51789" y="9710"/>
                    <a:pt x="51789" y="21800"/>
                  </a:cubicBezTo>
                  <a:close/>
                </a:path>
              </a:pathLst>
            </a:custGeom>
            <a:solidFill>
              <a:srgbClr val="C7E4F1"/>
            </a:solidFill>
            <a:ln w="0" cap="flat">
              <a:noFill/>
              <a:prstDash val="solid"/>
              <a:miter/>
            </a:ln>
          </p:spPr>
          <p:txBody>
            <a:bodyPr rtlCol="0" anchor="ctr"/>
            <a:lstStyle/>
            <a:p>
              <a:endParaRPr lang="en-US" sz="1650"/>
            </a:p>
          </p:txBody>
        </p:sp>
        <p:sp>
          <p:nvSpPr>
            <p:cNvPr id="68" name="Freeform 23">
              <a:extLst>
                <a:ext uri="{FF2B5EF4-FFF2-40B4-BE49-F238E27FC236}">
                  <a16:creationId xmlns:a16="http://schemas.microsoft.com/office/drawing/2014/main" id="{20C1FA5F-77D3-33CC-42BD-040B9D6F0403}"/>
                </a:ext>
              </a:extLst>
            </p:cNvPr>
            <p:cNvSpPr/>
            <p:nvPr/>
          </p:nvSpPr>
          <p:spPr>
            <a:xfrm>
              <a:off x="11119205" y="5872960"/>
              <a:ext cx="23240" cy="105131"/>
            </a:xfrm>
            <a:custGeom>
              <a:avLst/>
              <a:gdLst>
                <a:gd name="connsiteX0" fmla="*/ 0 w 18245"/>
                <a:gd name="connsiteY0" fmla="*/ 0 h 82535"/>
                <a:gd name="connsiteX1" fmla="*/ 0 w 18245"/>
                <a:gd name="connsiteY1" fmla="*/ 286 h 82535"/>
                <a:gd name="connsiteX2" fmla="*/ 190 w 18245"/>
                <a:gd name="connsiteY2" fmla="*/ 0 h 82535"/>
                <a:gd name="connsiteX3" fmla="*/ 0 w 18245"/>
                <a:gd name="connsiteY3" fmla="*/ 0 h 82535"/>
                <a:gd name="connsiteX4" fmla="*/ 17865 w 18245"/>
                <a:gd name="connsiteY4" fmla="*/ 81869 h 82535"/>
                <a:gd name="connsiteX5" fmla="*/ 18055 w 18245"/>
                <a:gd name="connsiteY5" fmla="*/ 82345 h 82535"/>
                <a:gd name="connsiteX6" fmla="*/ 18245 w 18245"/>
                <a:gd name="connsiteY6" fmla="*/ 82535 h 82535"/>
                <a:gd name="connsiteX7" fmla="*/ 17865 w 18245"/>
                <a:gd name="connsiteY7" fmla="*/ 81869 h 825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245" h="82535">
                  <a:moveTo>
                    <a:pt x="0" y="0"/>
                  </a:moveTo>
                  <a:lnTo>
                    <a:pt x="0" y="286"/>
                  </a:lnTo>
                  <a:lnTo>
                    <a:pt x="190" y="0"/>
                  </a:lnTo>
                  <a:lnTo>
                    <a:pt x="0" y="0"/>
                  </a:lnTo>
                  <a:close/>
                  <a:moveTo>
                    <a:pt x="17865" y="81869"/>
                  </a:moveTo>
                  <a:lnTo>
                    <a:pt x="18055" y="82345"/>
                  </a:lnTo>
                  <a:cubicBezTo>
                    <a:pt x="18055" y="82345"/>
                    <a:pt x="18055" y="82440"/>
                    <a:pt x="18245" y="82535"/>
                  </a:cubicBezTo>
                  <a:lnTo>
                    <a:pt x="17865" y="81869"/>
                  </a:lnTo>
                  <a:close/>
                </a:path>
              </a:pathLst>
            </a:custGeom>
            <a:solidFill>
              <a:srgbClr val="66BCDB"/>
            </a:solidFill>
            <a:ln w="0" cap="flat">
              <a:noFill/>
              <a:prstDash val="solid"/>
              <a:miter/>
            </a:ln>
          </p:spPr>
          <p:txBody>
            <a:bodyPr rtlCol="0" anchor="ctr"/>
            <a:lstStyle/>
            <a:p>
              <a:endParaRPr lang="en-US" sz="1650"/>
            </a:p>
          </p:txBody>
        </p:sp>
        <p:sp>
          <p:nvSpPr>
            <p:cNvPr id="69" name="Freeform 28">
              <a:extLst>
                <a:ext uri="{FF2B5EF4-FFF2-40B4-BE49-F238E27FC236}">
                  <a16:creationId xmlns:a16="http://schemas.microsoft.com/office/drawing/2014/main" id="{554DE6FA-4289-4234-4895-01E1E44926F5}"/>
                </a:ext>
              </a:extLst>
            </p:cNvPr>
            <p:cNvSpPr/>
            <p:nvPr/>
          </p:nvSpPr>
          <p:spPr>
            <a:xfrm>
              <a:off x="10945509" y="5786362"/>
              <a:ext cx="432000" cy="668642"/>
            </a:xfrm>
            <a:custGeom>
              <a:avLst/>
              <a:gdLst>
                <a:gd name="connsiteX0" fmla="*/ 331925 w 339147"/>
                <a:gd name="connsiteY0" fmla="*/ 107111 h 524928"/>
                <a:gd name="connsiteX1" fmla="*/ 233574 w 339147"/>
                <a:gd name="connsiteY1" fmla="*/ 34190 h 524928"/>
                <a:gd name="connsiteX2" fmla="*/ 217609 w 339147"/>
                <a:gd name="connsiteY2" fmla="*/ 21910 h 524928"/>
                <a:gd name="connsiteX3" fmla="*/ 197939 w 339147"/>
                <a:gd name="connsiteY3" fmla="*/ 25623 h 524928"/>
                <a:gd name="connsiteX4" fmla="*/ 135697 w 339147"/>
                <a:gd name="connsiteY4" fmla="*/ 42377 h 524928"/>
                <a:gd name="connsiteX5" fmla="*/ 134747 w 339147"/>
                <a:gd name="connsiteY5" fmla="*/ 42377 h 524928"/>
                <a:gd name="connsiteX6" fmla="*/ 134082 w 339147"/>
                <a:gd name="connsiteY6" fmla="*/ 41140 h 524928"/>
                <a:gd name="connsiteX7" fmla="*/ 64047 w 339147"/>
                <a:gd name="connsiteY7" fmla="*/ 1252 h 524928"/>
                <a:gd name="connsiteX8" fmla="*/ 16154 w 339147"/>
                <a:gd name="connsiteY8" fmla="*/ 70175 h 524928"/>
                <a:gd name="connsiteX9" fmla="*/ 41051 w 339147"/>
                <a:gd name="connsiteY9" fmla="*/ 111680 h 524928"/>
                <a:gd name="connsiteX10" fmla="*/ 41146 w 339147"/>
                <a:gd name="connsiteY10" fmla="*/ 111680 h 524928"/>
                <a:gd name="connsiteX11" fmla="*/ 45042 w 339147"/>
                <a:gd name="connsiteY11" fmla="*/ 109776 h 524928"/>
                <a:gd name="connsiteX12" fmla="*/ 49033 w 339147"/>
                <a:gd name="connsiteY12" fmla="*/ 98448 h 524928"/>
                <a:gd name="connsiteX13" fmla="*/ 43997 w 339147"/>
                <a:gd name="connsiteY13" fmla="*/ 88262 h 524928"/>
                <a:gd name="connsiteX14" fmla="*/ 43142 w 339147"/>
                <a:gd name="connsiteY14" fmla="*/ 87120 h 524928"/>
                <a:gd name="connsiteX15" fmla="*/ 42001 w 339147"/>
                <a:gd name="connsiteY15" fmla="*/ 85216 h 524928"/>
                <a:gd name="connsiteX16" fmla="*/ 41811 w 339147"/>
                <a:gd name="connsiteY16" fmla="*/ 84930 h 524928"/>
                <a:gd name="connsiteX17" fmla="*/ 41716 w 339147"/>
                <a:gd name="connsiteY17" fmla="*/ 84740 h 524928"/>
                <a:gd name="connsiteX18" fmla="*/ 41051 w 339147"/>
                <a:gd name="connsiteY18" fmla="*/ 83407 h 524928"/>
                <a:gd name="connsiteX19" fmla="*/ 40576 w 339147"/>
                <a:gd name="connsiteY19" fmla="*/ 82741 h 524928"/>
                <a:gd name="connsiteX20" fmla="*/ 37155 w 339147"/>
                <a:gd name="connsiteY20" fmla="*/ 51706 h 524928"/>
                <a:gd name="connsiteX21" fmla="*/ 57206 w 339147"/>
                <a:gd name="connsiteY21" fmla="*/ 25432 h 524928"/>
                <a:gd name="connsiteX22" fmla="*/ 57586 w 339147"/>
                <a:gd name="connsiteY22" fmla="*/ 25242 h 524928"/>
                <a:gd name="connsiteX23" fmla="*/ 58156 w 339147"/>
                <a:gd name="connsiteY23" fmla="*/ 24861 h 524928"/>
                <a:gd name="connsiteX24" fmla="*/ 64428 w 339147"/>
                <a:gd name="connsiteY24" fmla="*/ 22291 h 524928"/>
                <a:gd name="connsiteX25" fmla="*/ 82387 w 339147"/>
                <a:gd name="connsiteY25" fmla="*/ 20196 h 524928"/>
                <a:gd name="connsiteX26" fmla="*/ 84288 w 339147"/>
                <a:gd name="connsiteY26" fmla="*/ 20482 h 524928"/>
                <a:gd name="connsiteX27" fmla="*/ 85998 w 339147"/>
                <a:gd name="connsiteY27" fmla="*/ 20672 h 524928"/>
                <a:gd name="connsiteX28" fmla="*/ 87709 w 339147"/>
                <a:gd name="connsiteY28" fmla="*/ 21148 h 524928"/>
                <a:gd name="connsiteX29" fmla="*/ 88089 w 339147"/>
                <a:gd name="connsiteY29" fmla="*/ 21148 h 524928"/>
                <a:gd name="connsiteX30" fmla="*/ 89894 w 339147"/>
                <a:gd name="connsiteY30" fmla="*/ 21719 h 524928"/>
                <a:gd name="connsiteX31" fmla="*/ 107664 w 339147"/>
                <a:gd name="connsiteY31" fmla="*/ 32762 h 524928"/>
                <a:gd name="connsiteX32" fmla="*/ 109660 w 339147"/>
                <a:gd name="connsiteY32" fmla="*/ 35142 h 524928"/>
                <a:gd name="connsiteX33" fmla="*/ 109945 w 339147"/>
                <a:gd name="connsiteY33" fmla="*/ 35523 h 524928"/>
                <a:gd name="connsiteX34" fmla="*/ 109945 w 339147"/>
                <a:gd name="connsiteY34" fmla="*/ 35904 h 524928"/>
                <a:gd name="connsiteX35" fmla="*/ 110990 w 339147"/>
                <a:gd name="connsiteY35" fmla="*/ 37046 h 524928"/>
                <a:gd name="connsiteX36" fmla="*/ 110990 w 339147"/>
                <a:gd name="connsiteY36" fmla="*/ 37046 h 524928"/>
                <a:gd name="connsiteX37" fmla="*/ 113936 w 339147"/>
                <a:gd name="connsiteY37" fmla="*/ 42377 h 524928"/>
                <a:gd name="connsiteX38" fmla="*/ 114791 w 339147"/>
                <a:gd name="connsiteY38" fmla="*/ 44186 h 524928"/>
                <a:gd name="connsiteX39" fmla="*/ 112796 w 339147"/>
                <a:gd name="connsiteY39" fmla="*/ 44186 h 524928"/>
                <a:gd name="connsiteX40" fmla="*/ 82672 w 339147"/>
                <a:gd name="connsiteY40" fmla="*/ 44662 h 524928"/>
                <a:gd name="connsiteX41" fmla="*/ 69939 w 339147"/>
                <a:gd name="connsiteY41" fmla="*/ 54372 h 524928"/>
                <a:gd name="connsiteX42" fmla="*/ 58156 w 339147"/>
                <a:gd name="connsiteY42" fmla="*/ 98353 h 524928"/>
                <a:gd name="connsiteX43" fmla="*/ 58156 w 339147"/>
                <a:gd name="connsiteY43" fmla="*/ 98829 h 524928"/>
                <a:gd name="connsiteX44" fmla="*/ 57206 w 339147"/>
                <a:gd name="connsiteY44" fmla="*/ 102541 h 524928"/>
                <a:gd name="connsiteX45" fmla="*/ 53500 w 339147"/>
                <a:gd name="connsiteY45" fmla="*/ 116440 h 524928"/>
                <a:gd name="connsiteX46" fmla="*/ 48748 w 339147"/>
                <a:gd name="connsiteY46" fmla="*/ 133956 h 524928"/>
                <a:gd name="connsiteX47" fmla="*/ 48368 w 339147"/>
                <a:gd name="connsiteY47" fmla="*/ 135194 h 524928"/>
                <a:gd name="connsiteX48" fmla="*/ 47893 w 339147"/>
                <a:gd name="connsiteY48" fmla="*/ 136907 h 524928"/>
                <a:gd name="connsiteX49" fmla="*/ 47703 w 339147"/>
                <a:gd name="connsiteY49" fmla="*/ 137955 h 524928"/>
                <a:gd name="connsiteX50" fmla="*/ 46943 w 339147"/>
                <a:gd name="connsiteY50" fmla="*/ 141286 h 524928"/>
                <a:gd name="connsiteX51" fmla="*/ 46468 w 339147"/>
                <a:gd name="connsiteY51" fmla="*/ 143476 h 524928"/>
                <a:gd name="connsiteX52" fmla="*/ 48273 w 339147"/>
                <a:gd name="connsiteY52" fmla="*/ 194216 h 524928"/>
                <a:gd name="connsiteX53" fmla="*/ 49128 w 339147"/>
                <a:gd name="connsiteY53" fmla="*/ 196691 h 524928"/>
                <a:gd name="connsiteX54" fmla="*/ 49318 w 339147"/>
                <a:gd name="connsiteY54" fmla="*/ 197167 h 524928"/>
                <a:gd name="connsiteX55" fmla="*/ 74025 w 339147"/>
                <a:gd name="connsiteY55" fmla="*/ 229248 h 524928"/>
                <a:gd name="connsiteX56" fmla="*/ 74690 w 339147"/>
                <a:gd name="connsiteY56" fmla="*/ 229534 h 524928"/>
                <a:gd name="connsiteX57" fmla="*/ 75831 w 339147"/>
                <a:gd name="connsiteY57" fmla="*/ 229724 h 524928"/>
                <a:gd name="connsiteX58" fmla="*/ 118307 w 339147"/>
                <a:gd name="connsiteY58" fmla="*/ 240481 h 524928"/>
                <a:gd name="connsiteX59" fmla="*/ 129805 w 339147"/>
                <a:gd name="connsiteY59" fmla="*/ 251429 h 524928"/>
                <a:gd name="connsiteX60" fmla="*/ 118687 w 339147"/>
                <a:gd name="connsiteY60" fmla="*/ 261615 h 524928"/>
                <a:gd name="connsiteX61" fmla="*/ 117452 w 339147"/>
                <a:gd name="connsiteY61" fmla="*/ 261615 h 524928"/>
                <a:gd name="connsiteX62" fmla="*/ 106429 w 339147"/>
                <a:gd name="connsiteY62" fmla="*/ 261139 h 524928"/>
                <a:gd name="connsiteX63" fmla="*/ 70794 w 339147"/>
                <a:gd name="connsiteY63" fmla="*/ 254761 h 524928"/>
                <a:gd name="connsiteX64" fmla="*/ 69464 w 339147"/>
                <a:gd name="connsiteY64" fmla="*/ 254475 h 524928"/>
                <a:gd name="connsiteX65" fmla="*/ 53120 w 339147"/>
                <a:gd name="connsiteY65" fmla="*/ 247050 h 524928"/>
                <a:gd name="connsiteX66" fmla="*/ 51694 w 339147"/>
                <a:gd name="connsiteY66" fmla="*/ 245812 h 524928"/>
                <a:gd name="connsiteX67" fmla="*/ 42952 w 339147"/>
                <a:gd name="connsiteY67" fmla="*/ 234008 h 524928"/>
                <a:gd name="connsiteX68" fmla="*/ 37820 w 339147"/>
                <a:gd name="connsiteY68" fmla="*/ 222965 h 524928"/>
                <a:gd name="connsiteX69" fmla="*/ 36490 w 339147"/>
                <a:gd name="connsiteY69" fmla="*/ 219919 h 524928"/>
                <a:gd name="connsiteX70" fmla="*/ 36110 w 339147"/>
                <a:gd name="connsiteY70" fmla="*/ 219157 h 524928"/>
                <a:gd name="connsiteX71" fmla="*/ 35255 w 339147"/>
                <a:gd name="connsiteY71" fmla="*/ 217444 h 524928"/>
                <a:gd name="connsiteX72" fmla="*/ 32974 w 339147"/>
                <a:gd name="connsiteY72" fmla="*/ 213255 h 524928"/>
                <a:gd name="connsiteX73" fmla="*/ 32784 w 339147"/>
                <a:gd name="connsiteY73" fmla="*/ 212779 h 524928"/>
                <a:gd name="connsiteX74" fmla="*/ 32499 w 339147"/>
                <a:gd name="connsiteY74" fmla="*/ 211637 h 524928"/>
                <a:gd name="connsiteX75" fmla="*/ 25087 w 339147"/>
                <a:gd name="connsiteY75" fmla="*/ 188790 h 524928"/>
                <a:gd name="connsiteX76" fmla="*/ 37725 w 339147"/>
                <a:gd name="connsiteY76" fmla="*/ 151949 h 524928"/>
                <a:gd name="connsiteX77" fmla="*/ 41146 w 339147"/>
                <a:gd name="connsiteY77" fmla="*/ 144809 h 524928"/>
                <a:gd name="connsiteX78" fmla="*/ 41336 w 339147"/>
                <a:gd name="connsiteY78" fmla="*/ 143000 h 524928"/>
                <a:gd name="connsiteX79" fmla="*/ 41051 w 339147"/>
                <a:gd name="connsiteY79" fmla="*/ 142714 h 524928"/>
                <a:gd name="connsiteX80" fmla="*/ 41051 w 339147"/>
                <a:gd name="connsiteY80" fmla="*/ 142048 h 524928"/>
                <a:gd name="connsiteX81" fmla="*/ 39151 w 339147"/>
                <a:gd name="connsiteY81" fmla="*/ 136336 h 524928"/>
                <a:gd name="connsiteX82" fmla="*/ 37630 w 339147"/>
                <a:gd name="connsiteY82" fmla="*/ 134432 h 524928"/>
                <a:gd name="connsiteX83" fmla="*/ 28698 w 339147"/>
                <a:gd name="connsiteY83" fmla="*/ 130720 h 524928"/>
                <a:gd name="connsiteX84" fmla="*/ 19955 w 339147"/>
                <a:gd name="connsiteY84" fmla="*/ 134432 h 524928"/>
                <a:gd name="connsiteX85" fmla="*/ 0 w 339147"/>
                <a:gd name="connsiteY85" fmla="*/ 188790 h 524928"/>
                <a:gd name="connsiteX86" fmla="*/ 9788 w 339147"/>
                <a:gd name="connsiteY86" fmla="*/ 222394 h 524928"/>
                <a:gd name="connsiteX87" fmla="*/ 12068 w 339147"/>
                <a:gd name="connsiteY87" fmla="*/ 227154 h 524928"/>
                <a:gd name="connsiteX88" fmla="*/ 15109 w 339147"/>
                <a:gd name="connsiteY88" fmla="*/ 233532 h 524928"/>
                <a:gd name="connsiteX89" fmla="*/ 20240 w 339147"/>
                <a:gd name="connsiteY89" fmla="*/ 244480 h 524928"/>
                <a:gd name="connsiteX90" fmla="*/ 39436 w 339147"/>
                <a:gd name="connsiteY90" fmla="*/ 267993 h 524928"/>
                <a:gd name="connsiteX91" fmla="*/ 40006 w 339147"/>
                <a:gd name="connsiteY91" fmla="*/ 268469 h 524928"/>
                <a:gd name="connsiteX92" fmla="*/ 40006 w 339147"/>
                <a:gd name="connsiteY92" fmla="*/ 485613 h 524928"/>
                <a:gd name="connsiteX93" fmla="*/ 40196 w 339147"/>
                <a:gd name="connsiteY93" fmla="*/ 488278 h 524928"/>
                <a:gd name="connsiteX94" fmla="*/ 51884 w 339147"/>
                <a:gd name="connsiteY94" fmla="*/ 512839 h 524928"/>
                <a:gd name="connsiteX95" fmla="*/ 63477 w 339147"/>
                <a:gd name="connsiteY95" fmla="*/ 521121 h 524928"/>
                <a:gd name="connsiteX96" fmla="*/ 80297 w 339147"/>
                <a:gd name="connsiteY96" fmla="*/ 524929 h 524928"/>
                <a:gd name="connsiteX97" fmla="*/ 108710 w 339147"/>
                <a:gd name="connsiteY97" fmla="*/ 513125 h 524928"/>
                <a:gd name="connsiteX98" fmla="*/ 109470 w 339147"/>
                <a:gd name="connsiteY98" fmla="*/ 512363 h 524928"/>
                <a:gd name="connsiteX99" fmla="*/ 110325 w 339147"/>
                <a:gd name="connsiteY99" fmla="*/ 510840 h 524928"/>
                <a:gd name="connsiteX100" fmla="*/ 111560 w 339147"/>
                <a:gd name="connsiteY100" fmla="*/ 512077 h 524928"/>
                <a:gd name="connsiteX101" fmla="*/ 112131 w 339147"/>
                <a:gd name="connsiteY101" fmla="*/ 512553 h 524928"/>
                <a:gd name="connsiteX102" fmla="*/ 112511 w 339147"/>
                <a:gd name="connsiteY102" fmla="*/ 512839 h 524928"/>
                <a:gd name="connsiteX103" fmla="*/ 124104 w 339147"/>
                <a:gd name="connsiteY103" fmla="*/ 521121 h 524928"/>
                <a:gd name="connsiteX104" fmla="*/ 140923 w 339147"/>
                <a:gd name="connsiteY104" fmla="*/ 524929 h 524928"/>
                <a:gd name="connsiteX105" fmla="*/ 169431 w 339147"/>
                <a:gd name="connsiteY105" fmla="*/ 512934 h 524928"/>
                <a:gd name="connsiteX106" fmla="*/ 181119 w 339147"/>
                <a:gd name="connsiteY106" fmla="*/ 487802 h 524928"/>
                <a:gd name="connsiteX107" fmla="*/ 181214 w 339147"/>
                <a:gd name="connsiteY107" fmla="*/ 486184 h 524928"/>
                <a:gd name="connsiteX108" fmla="*/ 181214 w 339147"/>
                <a:gd name="connsiteY108" fmla="*/ 310641 h 524928"/>
                <a:gd name="connsiteX109" fmla="*/ 182165 w 339147"/>
                <a:gd name="connsiteY109" fmla="*/ 310260 h 524928"/>
                <a:gd name="connsiteX110" fmla="*/ 207061 w 339147"/>
                <a:gd name="connsiteY110" fmla="*/ 301598 h 524928"/>
                <a:gd name="connsiteX111" fmla="*/ 207632 w 339147"/>
                <a:gd name="connsiteY111" fmla="*/ 301312 h 524928"/>
                <a:gd name="connsiteX112" fmla="*/ 208202 w 339147"/>
                <a:gd name="connsiteY112" fmla="*/ 301693 h 524928"/>
                <a:gd name="connsiteX113" fmla="*/ 226827 w 339147"/>
                <a:gd name="connsiteY113" fmla="*/ 306453 h 524928"/>
                <a:gd name="connsiteX114" fmla="*/ 237375 w 339147"/>
                <a:gd name="connsiteY114" fmla="*/ 306453 h 524928"/>
                <a:gd name="connsiteX115" fmla="*/ 276240 w 339147"/>
                <a:gd name="connsiteY115" fmla="*/ 267517 h 524928"/>
                <a:gd name="connsiteX116" fmla="*/ 275765 w 339147"/>
                <a:gd name="connsiteY116" fmla="*/ 261901 h 524928"/>
                <a:gd name="connsiteX117" fmla="*/ 275765 w 339147"/>
                <a:gd name="connsiteY117" fmla="*/ 261234 h 524928"/>
                <a:gd name="connsiteX118" fmla="*/ 276145 w 339147"/>
                <a:gd name="connsiteY118" fmla="*/ 260663 h 524928"/>
                <a:gd name="connsiteX119" fmla="*/ 298096 w 339147"/>
                <a:gd name="connsiteY119" fmla="*/ 232199 h 524928"/>
                <a:gd name="connsiteX120" fmla="*/ 338387 w 339147"/>
                <a:gd name="connsiteY120" fmla="*/ 123199 h 524928"/>
                <a:gd name="connsiteX121" fmla="*/ 339147 w 339147"/>
                <a:gd name="connsiteY121" fmla="*/ 118915 h 524928"/>
                <a:gd name="connsiteX122" fmla="*/ 331830 w 339147"/>
                <a:gd name="connsiteY122" fmla="*/ 107111 h 524928"/>
                <a:gd name="connsiteX123" fmla="*/ 156318 w 339147"/>
                <a:gd name="connsiteY123" fmla="*/ 484280 h 524928"/>
                <a:gd name="connsiteX124" fmla="*/ 155082 w 339147"/>
                <a:gd name="connsiteY124" fmla="*/ 494085 h 524928"/>
                <a:gd name="connsiteX125" fmla="*/ 148145 w 339147"/>
                <a:gd name="connsiteY125" fmla="*/ 500749 h 524928"/>
                <a:gd name="connsiteX126" fmla="*/ 147100 w 339147"/>
                <a:gd name="connsiteY126" fmla="*/ 501035 h 524928"/>
                <a:gd name="connsiteX127" fmla="*/ 145960 w 339147"/>
                <a:gd name="connsiteY127" fmla="*/ 501415 h 524928"/>
                <a:gd name="connsiteX128" fmla="*/ 144534 w 339147"/>
                <a:gd name="connsiteY128" fmla="*/ 501701 h 524928"/>
                <a:gd name="connsiteX129" fmla="*/ 141018 w 339147"/>
                <a:gd name="connsiteY129" fmla="*/ 502177 h 524928"/>
                <a:gd name="connsiteX130" fmla="*/ 137312 w 339147"/>
                <a:gd name="connsiteY130" fmla="*/ 501701 h 524928"/>
                <a:gd name="connsiteX131" fmla="*/ 135507 w 339147"/>
                <a:gd name="connsiteY131" fmla="*/ 501225 h 524928"/>
                <a:gd name="connsiteX132" fmla="*/ 135032 w 339147"/>
                <a:gd name="connsiteY132" fmla="*/ 501225 h 524928"/>
                <a:gd name="connsiteX133" fmla="*/ 128285 w 339147"/>
                <a:gd name="connsiteY133" fmla="*/ 496179 h 524928"/>
                <a:gd name="connsiteX134" fmla="*/ 126384 w 339147"/>
                <a:gd name="connsiteY134" fmla="*/ 493895 h 524928"/>
                <a:gd name="connsiteX135" fmla="*/ 122013 w 339147"/>
                <a:gd name="connsiteY135" fmla="*/ 485517 h 524928"/>
                <a:gd name="connsiteX136" fmla="*/ 121728 w 339147"/>
                <a:gd name="connsiteY136" fmla="*/ 484851 h 524928"/>
                <a:gd name="connsiteX137" fmla="*/ 121728 w 339147"/>
                <a:gd name="connsiteY137" fmla="*/ 484280 h 524928"/>
                <a:gd name="connsiteX138" fmla="*/ 121633 w 339147"/>
                <a:gd name="connsiteY138" fmla="*/ 341485 h 524928"/>
                <a:gd name="connsiteX139" fmla="*/ 110705 w 339147"/>
                <a:gd name="connsiteY139" fmla="*/ 330633 h 524928"/>
                <a:gd name="connsiteX140" fmla="*/ 99872 w 339147"/>
                <a:gd name="connsiteY140" fmla="*/ 341485 h 524928"/>
                <a:gd name="connsiteX141" fmla="*/ 99872 w 339147"/>
                <a:gd name="connsiteY141" fmla="*/ 484090 h 524928"/>
                <a:gd name="connsiteX142" fmla="*/ 95691 w 339147"/>
                <a:gd name="connsiteY142" fmla="*/ 494085 h 524928"/>
                <a:gd name="connsiteX143" fmla="*/ 87519 w 339147"/>
                <a:gd name="connsiteY143" fmla="*/ 500749 h 524928"/>
                <a:gd name="connsiteX144" fmla="*/ 86474 w 339147"/>
                <a:gd name="connsiteY144" fmla="*/ 501035 h 524928"/>
                <a:gd name="connsiteX145" fmla="*/ 85808 w 339147"/>
                <a:gd name="connsiteY145" fmla="*/ 501225 h 524928"/>
                <a:gd name="connsiteX146" fmla="*/ 85238 w 339147"/>
                <a:gd name="connsiteY146" fmla="*/ 501415 h 524928"/>
                <a:gd name="connsiteX147" fmla="*/ 84003 w 339147"/>
                <a:gd name="connsiteY147" fmla="*/ 501701 h 524928"/>
                <a:gd name="connsiteX148" fmla="*/ 76686 w 339147"/>
                <a:gd name="connsiteY148" fmla="*/ 501701 h 524928"/>
                <a:gd name="connsiteX149" fmla="*/ 75166 w 339147"/>
                <a:gd name="connsiteY149" fmla="*/ 501320 h 524928"/>
                <a:gd name="connsiteX150" fmla="*/ 74500 w 339147"/>
                <a:gd name="connsiteY150" fmla="*/ 501130 h 524928"/>
                <a:gd name="connsiteX151" fmla="*/ 67658 w 339147"/>
                <a:gd name="connsiteY151" fmla="*/ 496179 h 524928"/>
                <a:gd name="connsiteX152" fmla="*/ 66043 w 339147"/>
                <a:gd name="connsiteY152" fmla="*/ 493990 h 524928"/>
                <a:gd name="connsiteX153" fmla="*/ 66043 w 339147"/>
                <a:gd name="connsiteY153" fmla="*/ 493609 h 524928"/>
                <a:gd name="connsiteX154" fmla="*/ 65188 w 339147"/>
                <a:gd name="connsiteY154" fmla="*/ 484280 h 524928"/>
                <a:gd name="connsiteX155" fmla="*/ 65188 w 339147"/>
                <a:gd name="connsiteY155" fmla="*/ 279607 h 524928"/>
                <a:gd name="connsiteX156" fmla="*/ 66518 w 339147"/>
                <a:gd name="connsiteY156" fmla="*/ 279607 h 524928"/>
                <a:gd name="connsiteX157" fmla="*/ 68324 w 339147"/>
                <a:gd name="connsiteY157" fmla="*/ 279988 h 524928"/>
                <a:gd name="connsiteX158" fmla="*/ 69559 w 339147"/>
                <a:gd name="connsiteY158" fmla="*/ 280178 h 524928"/>
                <a:gd name="connsiteX159" fmla="*/ 78966 w 339147"/>
                <a:gd name="connsiteY159" fmla="*/ 281892 h 524928"/>
                <a:gd name="connsiteX160" fmla="*/ 92080 w 339147"/>
                <a:gd name="connsiteY160" fmla="*/ 284367 h 524928"/>
                <a:gd name="connsiteX161" fmla="*/ 92650 w 339147"/>
                <a:gd name="connsiteY161" fmla="*/ 284367 h 524928"/>
                <a:gd name="connsiteX162" fmla="*/ 92935 w 339147"/>
                <a:gd name="connsiteY162" fmla="*/ 284938 h 524928"/>
                <a:gd name="connsiteX163" fmla="*/ 118402 w 339147"/>
                <a:gd name="connsiteY163" fmla="*/ 317305 h 524928"/>
                <a:gd name="connsiteX164" fmla="*/ 119067 w 339147"/>
                <a:gd name="connsiteY164" fmla="*/ 318067 h 524928"/>
                <a:gd name="connsiteX165" fmla="*/ 119543 w 339147"/>
                <a:gd name="connsiteY165" fmla="*/ 318638 h 524928"/>
                <a:gd name="connsiteX166" fmla="*/ 129710 w 339147"/>
                <a:gd name="connsiteY166" fmla="*/ 323112 h 524928"/>
                <a:gd name="connsiteX167" fmla="*/ 130661 w 339147"/>
                <a:gd name="connsiteY167" fmla="*/ 323017 h 524928"/>
                <a:gd name="connsiteX168" fmla="*/ 131041 w 339147"/>
                <a:gd name="connsiteY168" fmla="*/ 323017 h 524928"/>
                <a:gd name="connsiteX169" fmla="*/ 154702 w 339147"/>
                <a:gd name="connsiteY169" fmla="*/ 318067 h 524928"/>
                <a:gd name="connsiteX170" fmla="*/ 156318 w 339147"/>
                <a:gd name="connsiteY170" fmla="*/ 317686 h 524928"/>
                <a:gd name="connsiteX171" fmla="*/ 156318 w 339147"/>
                <a:gd name="connsiteY171" fmla="*/ 484280 h 524928"/>
                <a:gd name="connsiteX172" fmla="*/ 237470 w 339147"/>
                <a:gd name="connsiteY172" fmla="*/ 281511 h 524928"/>
                <a:gd name="connsiteX173" fmla="*/ 226922 w 339147"/>
                <a:gd name="connsiteY173" fmla="*/ 281511 h 524928"/>
                <a:gd name="connsiteX174" fmla="*/ 212953 w 339147"/>
                <a:gd name="connsiteY174" fmla="*/ 267517 h 524928"/>
                <a:gd name="connsiteX175" fmla="*/ 226922 w 339147"/>
                <a:gd name="connsiteY175" fmla="*/ 253523 h 524928"/>
                <a:gd name="connsiteX176" fmla="*/ 237470 w 339147"/>
                <a:gd name="connsiteY176" fmla="*/ 253523 h 524928"/>
                <a:gd name="connsiteX177" fmla="*/ 249538 w 339147"/>
                <a:gd name="connsiteY177" fmla="*/ 260949 h 524928"/>
                <a:gd name="connsiteX178" fmla="*/ 249823 w 339147"/>
                <a:gd name="connsiteY178" fmla="*/ 261425 h 524928"/>
                <a:gd name="connsiteX179" fmla="*/ 250393 w 339147"/>
                <a:gd name="connsiteY179" fmla="*/ 261805 h 524928"/>
                <a:gd name="connsiteX180" fmla="*/ 250393 w 339147"/>
                <a:gd name="connsiteY180" fmla="*/ 262377 h 524928"/>
                <a:gd name="connsiteX181" fmla="*/ 251248 w 339147"/>
                <a:gd name="connsiteY181" fmla="*/ 267517 h 524928"/>
                <a:gd name="connsiteX182" fmla="*/ 237470 w 339147"/>
                <a:gd name="connsiteY182" fmla="*/ 281511 h 524928"/>
                <a:gd name="connsiteX183" fmla="*/ 312065 w 339147"/>
                <a:gd name="connsiteY183" fmla="*/ 125389 h 524928"/>
                <a:gd name="connsiteX184" fmla="*/ 277476 w 339147"/>
                <a:gd name="connsiteY184" fmla="*/ 222204 h 524928"/>
                <a:gd name="connsiteX185" fmla="*/ 264362 w 339147"/>
                <a:gd name="connsiteY185" fmla="*/ 240481 h 524928"/>
                <a:gd name="connsiteX186" fmla="*/ 263412 w 339147"/>
                <a:gd name="connsiteY186" fmla="*/ 241433 h 524928"/>
                <a:gd name="connsiteX187" fmla="*/ 262461 w 339147"/>
                <a:gd name="connsiteY187" fmla="*/ 240481 h 524928"/>
                <a:gd name="connsiteX188" fmla="*/ 237470 w 339147"/>
                <a:gd name="connsiteY188" fmla="*/ 230486 h 524928"/>
                <a:gd name="connsiteX189" fmla="*/ 226922 w 339147"/>
                <a:gd name="connsiteY189" fmla="*/ 230486 h 524928"/>
                <a:gd name="connsiteX190" fmla="*/ 189957 w 339147"/>
                <a:gd name="connsiteY190" fmla="*/ 267517 h 524928"/>
                <a:gd name="connsiteX191" fmla="*/ 192618 w 339147"/>
                <a:gd name="connsiteY191" fmla="*/ 281035 h 524928"/>
                <a:gd name="connsiteX192" fmla="*/ 193093 w 339147"/>
                <a:gd name="connsiteY192" fmla="*/ 282273 h 524928"/>
                <a:gd name="connsiteX193" fmla="*/ 191857 w 339147"/>
                <a:gd name="connsiteY193" fmla="*/ 282749 h 524928"/>
                <a:gd name="connsiteX194" fmla="*/ 134082 w 339147"/>
                <a:gd name="connsiteY194" fmla="*/ 299122 h 524928"/>
                <a:gd name="connsiteX195" fmla="*/ 133226 w 339147"/>
                <a:gd name="connsiteY195" fmla="*/ 299313 h 524928"/>
                <a:gd name="connsiteX196" fmla="*/ 130566 w 339147"/>
                <a:gd name="connsiteY196" fmla="*/ 295981 h 524928"/>
                <a:gd name="connsiteX197" fmla="*/ 125529 w 339147"/>
                <a:gd name="connsiteY197" fmla="*/ 289508 h 524928"/>
                <a:gd name="connsiteX198" fmla="*/ 121348 w 339147"/>
                <a:gd name="connsiteY198" fmla="*/ 284272 h 524928"/>
                <a:gd name="connsiteX199" fmla="*/ 123534 w 339147"/>
                <a:gd name="connsiteY199" fmla="*/ 283891 h 524928"/>
                <a:gd name="connsiteX200" fmla="*/ 152897 w 339147"/>
                <a:gd name="connsiteY200" fmla="*/ 252762 h 524928"/>
                <a:gd name="connsiteX201" fmla="*/ 123629 w 339147"/>
                <a:gd name="connsiteY201" fmla="*/ 218205 h 524928"/>
                <a:gd name="connsiteX202" fmla="*/ 83053 w 339147"/>
                <a:gd name="connsiteY202" fmla="*/ 207829 h 524928"/>
                <a:gd name="connsiteX203" fmla="*/ 82578 w 339147"/>
                <a:gd name="connsiteY203" fmla="*/ 207543 h 524928"/>
                <a:gd name="connsiteX204" fmla="*/ 70509 w 339147"/>
                <a:gd name="connsiteY204" fmla="*/ 187933 h 524928"/>
                <a:gd name="connsiteX205" fmla="*/ 68989 w 339147"/>
                <a:gd name="connsiteY205" fmla="*/ 148712 h 524928"/>
                <a:gd name="connsiteX206" fmla="*/ 90750 w 339147"/>
                <a:gd name="connsiteY206" fmla="*/ 69889 h 524928"/>
                <a:gd name="connsiteX207" fmla="*/ 91035 w 339147"/>
                <a:gd name="connsiteY207" fmla="*/ 68937 h 524928"/>
                <a:gd name="connsiteX208" fmla="*/ 92080 w 339147"/>
                <a:gd name="connsiteY208" fmla="*/ 68937 h 524928"/>
                <a:gd name="connsiteX209" fmla="*/ 136172 w 339147"/>
                <a:gd name="connsiteY209" fmla="*/ 66652 h 524928"/>
                <a:gd name="connsiteX210" fmla="*/ 137692 w 339147"/>
                <a:gd name="connsiteY210" fmla="*/ 66462 h 524928"/>
                <a:gd name="connsiteX211" fmla="*/ 137692 w 339147"/>
                <a:gd name="connsiteY211" fmla="*/ 66462 h 524928"/>
                <a:gd name="connsiteX212" fmla="*/ 210292 w 339147"/>
                <a:gd name="connsiteY212" fmla="*/ 45138 h 524928"/>
                <a:gd name="connsiteX213" fmla="*/ 211528 w 339147"/>
                <a:gd name="connsiteY213" fmla="*/ 44281 h 524928"/>
                <a:gd name="connsiteX214" fmla="*/ 212193 w 339147"/>
                <a:gd name="connsiteY214" fmla="*/ 45614 h 524928"/>
                <a:gd name="connsiteX215" fmla="*/ 311495 w 339147"/>
                <a:gd name="connsiteY215" fmla="*/ 123675 h 524928"/>
                <a:gd name="connsiteX216" fmla="*/ 312540 w 339147"/>
                <a:gd name="connsiteY216" fmla="*/ 124246 h 524928"/>
                <a:gd name="connsiteX217" fmla="*/ 312065 w 339147"/>
                <a:gd name="connsiteY217" fmla="*/ 125389 h 5249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Lst>
              <a:rect l="l" t="t" r="r" b="b"/>
              <a:pathLst>
                <a:path w="339147" h="524928">
                  <a:moveTo>
                    <a:pt x="331925" y="107111"/>
                  </a:moveTo>
                  <a:cubicBezTo>
                    <a:pt x="309689" y="96354"/>
                    <a:pt x="248778" y="62273"/>
                    <a:pt x="233574" y="34190"/>
                  </a:cubicBezTo>
                  <a:cubicBezTo>
                    <a:pt x="230248" y="28098"/>
                    <a:pt x="224261" y="23528"/>
                    <a:pt x="217609" y="21910"/>
                  </a:cubicBezTo>
                  <a:cubicBezTo>
                    <a:pt x="210672" y="20482"/>
                    <a:pt x="203450" y="21815"/>
                    <a:pt x="197939" y="25623"/>
                  </a:cubicBezTo>
                  <a:cubicBezTo>
                    <a:pt x="186346" y="33524"/>
                    <a:pt x="165440" y="39236"/>
                    <a:pt x="135697" y="42377"/>
                  </a:cubicBezTo>
                  <a:lnTo>
                    <a:pt x="134747" y="42377"/>
                  </a:lnTo>
                  <a:lnTo>
                    <a:pt x="134082" y="41140"/>
                  </a:lnTo>
                  <a:cubicBezTo>
                    <a:pt x="122013" y="6298"/>
                    <a:pt x="89324" y="-3888"/>
                    <a:pt x="64047" y="1252"/>
                  </a:cubicBezTo>
                  <a:cubicBezTo>
                    <a:pt x="40101" y="6202"/>
                    <a:pt x="13209" y="27146"/>
                    <a:pt x="16154" y="70175"/>
                  </a:cubicBezTo>
                  <a:cubicBezTo>
                    <a:pt x="17580" y="83978"/>
                    <a:pt x="27177" y="106730"/>
                    <a:pt x="41051" y="111680"/>
                  </a:cubicBezTo>
                  <a:lnTo>
                    <a:pt x="41146" y="111680"/>
                  </a:lnTo>
                  <a:cubicBezTo>
                    <a:pt x="42477" y="111680"/>
                    <a:pt x="43807" y="111014"/>
                    <a:pt x="45042" y="109776"/>
                  </a:cubicBezTo>
                  <a:cubicBezTo>
                    <a:pt x="47798" y="106920"/>
                    <a:pt x="49508" y="102065"/>
                    <a:pt x="49033" y="98448"/>
                  </a:cubicBezTo>
                  <a:cubicBezTo>
                    <a:pt x="48558" y="95021"/>
                    <a:pt x="46373" y="91784"/>
                    <a:pt x="43997" y="88262"/>
                  </a:cubicBezTo>
                  <a:lnTo>
                    <a:pt x="43142" y="87120"/>
                  </a:lnTo>
                  <a:cubicBezTo>
                    <a:pt x="42762" y="86548"/>
                    <a:pt x="42382" y="85882"/>
                    <a:pt x="42001" y="85216"/>
                  </a:cubicBezTo>
                  <a:cubicBezTo>
                    <a:pt x="41906" y="85120"/>
                    <a:pt x="41906" y="85025"/>
                    <a:pt x="41811" y="84930"/>
                  </a:cubicBezTo>
                  <a:cubicBezTo>
                    <a:pt x="41811" y="84835"/>
                    <a:pt x="41716" y="84835"/>
                    <a:pt x="41716" y="84740"/>
                  </a:cubicBezTo>
                  <a:cubicBezTo>
                    <a:pt x="41431" y="84359"/>
                    <a:pt x="41241" y="83788"/>
                    <a:pt x="41051" y="83407"/>
                  </a:cubicBezTo>
                  <a:lnTo>
                    <a:pt x="40576" y="82741"/>
                  </a:lnTo>
                  <a:cubicBezTo>
                    <a:pt x="35635" y="73221"/>
                    <a:pt x="34399" y="61892"/>
                    <a:pt x="37155" y="51706"/>
                  </a:cubicBezTo>
                  <a:cubicBezTo>
                    <a:pt x="39721" y="40188"/>
                    <a:pt x="46848" y="30858"/>
                    <a:pt x="57206" y="25432"/>
                  </a:cubicBezTo>
                  <a:lnTo>
                    <a:pt x="57586" y="25242"/>
                  </a:lnTo>
                  <a:cubicBezTo>
                    <a:pt x="57586" y="25242"/>
                    <a:pt x="57966" y="24956"/>
                    <a:pt x="58156" y="24861"/>
                  </a:cubicBezTo>
                  <a:cubicBezTo>
                    <a:pt x="60246" y="23719"/>
                    <a:pt x="62622" y="22957"/>
                    <a:pt x="64428" y="22291"/>
                  </a:cubicBezTo>
                  <a:cubicBezTo>
                    <a:pt x="70319" y="20387"/>
                    <a:pt x="76496" y="19625"/>
                    <a:pt x="82387" y="20196"/>
                  </a:cubicBezTo>
                  <a:cubicBezTo>
                    <a:pt x="83053" y="20196"/>
                    <a:pt x="83718" y="20387"/>
                    <a:pt x="84288" y="20482"/>
                  </a:cubicBezTo>
                  <a:cubicBezTo>
                    <a:pt x="84858" y="20577"/>
                    <a:pt x="85523" y="20672"/>
                    <a:pt x="85998" y="20672"/>
                  </a:cubicBezTo>
                  <a:cubicBezTo>
                    <a:pt x="86664" y="20863"/>
                    <a:pt x="87139" y="20958"/>
                    <a:pt x="87709" y="21148"/>
                  </a:cubicBezTo>
                  <a:lnTo>
                    <a:pt x="88089" y="21148"/>
                  </a:lnTo>
                  <a:cubicBezTo>
                    <a:pt x="88754" y="21434"/>
                    <a:pt x="89419" y="21624"/>
                    <a:pt x="89894" y="21719"/>
                  </a:cubicBezTo>
                  <a:cubicBezTo>
                    <a:pt x="96831" y="23909"/>
                    <a:pt x="102723" y="27526"/>
                    <a:pt x="107664" y="32762"/>
                  </a:cubicBezTo>
                  <a:cubicBezTo>
                    <a:pt x="108330" y="33429"/>
                    <a:pt x="108995" y="34190"/>
                    <a:pt x="109660" y="35142"/>
                  </a:cubicBezTo>
                  <a:lnTo>
                    <a:pt x="109945" y="35523"/>
                  </a:lnTo>
                  <a:lnTo>
                    <a:pt x="109945" y="35904"/>
                  </a:lnTo>
                  <a:cubicBezTo>
                    <a:pt x="110420" y="36285"/>
                    <a:pt x="110705" y="36665"/>
                    <a:pt x="110990" y="37046"/>
                  </a:cubicBezTo>
                  <a:lnTo>
                    <a:pt x="110990" y="37046"/>
                  </a:lnTo>
                  <a:cubicBezTo>
                    <a:pt x="112321" y="38855"/>
                    <a:pt x="113176" y="40759"/>
                    <a:pt x="113936" y="42377"/>
                  </a:cubicBezTo>
                  <a:lnTo>
                    <a:pt x="114791" y="44186"/>
                  </a:lnTo>
                  <a:lnTo>
                    <a:pt x="112796" y="44186"/>
                  </a:lnTo>
                  <a:cubicBezTo>
                    <a:pt x="99587" y="44947"/>
                    <a:pt x="89514" y="45043"/>
                    <a:pt x="82672" y="44662"/>
                  </a:cubicBezTo>
                  <a:cubicBezTo>
                    <a:pt x="76686" y="44852"/>
                    <a:pt x="71364" y="48851"/>
                    <a:pt x="69939" y="54372"/>
                  </a:cubicBezTo>
                  <a:cubicBezTo>
                    <a:pt x="69939" y="54372"/>
                    <a:pt x="64142" y="76077"/>
                    <a:pt x="58156" y="98353"/>
                  </a:cubicBezTo>
                  <a:lnTo>
                    <a:pt x="58156" y="98829"/>
                  </a:lnTo>
                  <a:cubicBezTo>
                    <a:pt x="58156" y="98829"/>
                    <a:pt x="57206" y="102541"/>
                    <a:pt x="57206" y="102541"/>
                  </a:cubicBezTo>
                  <a:cubicBezTo>
                    <a:pt x="55875" y="107301"/>
                    <a:pt x="54640" y="112061"/>
                    <a:pt x="53500" y="116440"/>
                  </a:cubicBezTo>
                  <a:cubicBezTo>
                    <a:pt x="51694" y="123199"/>
                    <a:pt x="50079" y="129292"/>
                    <a:pt x="48748" y="133956"/>
                  </a:cubicBezTo>
                  <a:cubicBezTo>
                    <a:pt x="48558" y="134432"/>
                    <a:pt x="48463" y="134813"/>
                    <a:pt x="48368" y="135194"/>
                  </a:cubicBezTo>
                  <a:cubicBezTo>
                    <a:pt x="48178" y="135860"/>
                    <a:pt x="48083" y="136336"/>
                    <a:pt x="47893" y="136907"/>
                  </a:cubicBezTo>
                  <a:lnTo>
                    <a:pt x="47703" y="137955"/>
                  </a:lnTo>
                  <a:cubicBezTo>
                    <a:pt x="47418" y="139287"/>
                    <a:pt x="47133" y="140335"/>
                    <a:pt x="46943" y="141286"/>
                  </a:cubicBezTo>
                  <a:cubicBezTo>
                    <a:pt x="46658" y="142334"/>
                    <a:pt x="46563" y="143095"/>
                    <a:pt x="46468" y="143476"/>
                  </a:cubicBezTo>
                  <a:cubicBezTo>
                    <a:pt x="42952" y="158422"/>
                    <a:pt x="43617" y="175462"/>
                    <a:pt x="48273" y="194216"/>
                  </a:cubicBezTo>
                  <a:cubicBezTo>
                    <a:pt x="48558" y="194787"/>
                    <a:pt x="48843" y="195834"/>
                    <a:pt x="49128" y="196691"/>
                  </a:cubicBezTo>
                  <a:lnTo>
                    <a:pt x="49318" y="197167"/>
                  </a:lnTo>
                  <a:cubicBezTo>
                    <a:pt x="54640" y="209257"/>
                    <a:pt x="63287" y="224774"/>
                    <a:pt x="74025" y="229248"/>
                  </a:cubicBezTo>
                  <a:lnTo>
                    <a:pt x="74690" y="229534"/>
                  </a:lnTo>
                  <a:lnTo>
                    <a:pt x="75831" y="229724"/>
                  </a:lnTo>
                  <a:cubicBezTo>
                    <a:pt x="80107" y="230962"/>
                    <a:pt x="107664" y="238006"/>
                    <a:pt x="118307" y="240481"/>
                  </a:cubicBezTo>
                  <a:cubicBezTo>
                    <a:pt x="128665" y="242956"/>
                    <a:pt x="129805" y="248954"/>
                    <a:pt x="129805" y="251429"/>
                  </a:cubicBezTo>
                  <a:cubicBezTo>
                    <a:pt x="129425" y="255903"/>
                    <a:pt x="125909" y="260758"/>
                    <a:pt x="118687" y="261615"/>
                  </a:cubicBezTo>
                  <a:lnTo>
                    <a:pt x="117452" y="261615"/>
                  </a:lnTo>
                  <a:cubicBezTo>
                    <a:pt x="114791" y="261615"/>
                    <a:pt x="109850" y="261615"/>
                    <a:pt x="106429" y="261139"/>
                  </a:cubicBezTo>
                  <a:cubicBezTo>
                    <a:pt x="101108" y="260473"/>
                    <a:pt x="91130" y="258759"/>
                    <a:pt x="70794" y="254761"/>
                  </a:cubicBezTo>
                  <a:lnTo>
                    <a:pt x="69464" y="254475"/>
                  </a:lnTo>
                  <a:cubicBezTo>
                    <a:pt x="62717" y="252762"/>
                    <a:pt x="57396" y="250382"/>
                    <a:pt x="53120" y="247050"/>
                  </a:cubicBezTo>
                  <a:cubicBezTo>
                    <a:pt x="52644" y="246669"/>
                    <a:pt x="52169" y="246288"/>
                    <a:pt x="51694" y="245812"/>
                  </a:cubicBezTo>
                  <a:cubicBezTo>
                    <a:pt x="48083" y="242766"/>
                    <a:pt x="45232" y="238863"/>
                    <a:pt x="42952" y="234008"/>
                  </a:cubicBezTo>
                  <a:lnTo>
                    <a:pt x="37820" y="222965"/>
                  </a:lnTo>
                  <a:cubicBezTo>
                    <a:pt x="37345" y="221918"/>
                    <a:pt x="36870" y="220871"/>
                    <a:pt x="36490" y="219919"/>
                  </a:cubicBezTo>
                  <a:cubicBezTo>
                    <a:pt x="36300" y="219633"/>
                    <a:pt x="36205" y="219348"/>
                    <a:pt x="36110" y="219157"/>
                  </a:cubicBezTo>
                  <a:cubicBezTo>
                    <a:pt x="35825" y="218491"/>
                    <a:pt x="35540" y="217920"/>
                    <a:pt x="35255" y="217444"/>
                  </a:cubicBezTo>
                  <a:cubicBezTo>
                    <a:pt x="34494" y="215730"/>
                    <a:pt x="33734" y="214398"/>
                    <a:pt x="32974" y="213255"/>
                  </a:cubicBezTo>
                  <a:lnTo>
                    <a:pt x="32784" y="212779"/>
                  </a:lnTo>
                  <a:lnTo>
                    <a:pt x="32499" y="211637"/>
                  </a:lnTo>
                  <a:cubicBezTo>
                    <a:pt x="27462" y="201641"/>
                    <a:pt x="25087" y="196976"/>
                    <a:pt x="25087" y="188790"/>
                  </a:cubicBezTo>
                  <a:cubicBezTo>
                    <a:pt x="25087" y="173844"/>
                    <a:pt x="29648" y="160421"/>
                    <a:pt x="37725" y="151949"/>
                  </a:cubicBezTo>
                  <a:cubicBezTo>
                    <a:pt x="39626" y="150044"/>
                    <a:pt x="40861" y="147474"/>
                    <a:pt x="41146" y="144809"/>
                  </a:cubicBezTo>
                  <a:cubicBezTo>
                    <a:pt x="41336" y="144142"/>
                    <a:pt x="41336" y="143476"/>
                    <a:pt x="41336" y="143000"/>
                  </a:cubicBezTo>
                  <a:lnTo>
                    <a:pt x="41051" y="142714"/>
                  </a:lnTo>
                  <a:lnTo>
                    <a:pt x="41051" y="142048"/>
                  </a:lnTo>
                  <a:cubicBezTo>
                    <a:pt x="41051" y="140049"/>
                    <a:pt x="40386" y="138050"/>
                    <a:pt x="39151" y="136336"/>
                  </a:cubicBezTo>
                  <a:cubicBezTo>
                    <a:pt x="38771" y="135670"/>
                    <a:pt x="38200" y="135004"/>
                    <a:pt x="37630" y="134432"/>
                  </a:cubicBezTo>
                  <a:cubicBezTo>
                    <a:pt x="35255" y="132052"/>
                    <a:pt x="32119" y="130720"/>
                    <a:pt x="28698" y="130720"/>
                  </a:cubicBezTo>
                  <a:cubicBezTo>
                    <a:pt x="25277" y="130720"/>
                    <a:pt x="22236" y="132052"/>
                    <a:pt x="19955" y="134432"/>
                  </a:cubicBezTo>
                  <a:cubicBezTo>
                    <a:pt x="7317" y="147284"/>
                    <a:pt x="0" y="167085"/>
                    <a:pt x="0" y="188790"/>
                  </a:cubicBezTo>
                  <a:cubicBezTo>
                    <a:pt x="0" y="202593"/>
                    <a:pt x="4561" y="211732"/>
                    <a:pt x="9788" y="222394"/>
                  </a:cubicBezTo>
                  <a:lnTo>
                    <a:pt x="12068" y="227154"/>
                  </a:lnTo>
                  <a:cubicBezTo>
                    <a:pt x="13019" y="228963"/>
                    <a:pt x="14159" y="231057"/>
                    <a:pt x="15109" y="233532"/>
                  </a:cubicBezTo>
                  <a:lnTo>
                    <a:pt x="20240" y="244480"/>
                  </a:lnTo>
                  <a:cubicBezTo>
                    <a:pt x="24802" y="254475"/>
                    <a:pt x="31074" y="262186"/>
                    <a:pt x="39436" y="267993"/>
                  </a:cubicBezTo>
                  <a:lnTo>
                    <a:pt x="40006" y="268469"/>
                  </a:lnTo>
                  <a:lnTo>
                    <a:pt x="40006" y="485613"/>
                  </a:lnTo>
                  <a:lnTo>
                    <a:pt x="40196" y="488278"/>
                  </a:lnTo>
                  <a:cubicBezTo>
                    <a:pt x="41051" y="497798"/>
                    <a:pt x="45137" y="506556"/>
                    <a:pt x="51884" y="512839"/>
                  </a:cubicBezTo>
                  <a:cubicBezTo>
                    <a:pt x="55115" y="516361"/>
                    <a:pt x="59011" y="519122"/>
                    <a:pt x="63477" y="521121"/>
                  </a:cubicBezTo>
                  <a:cubicBezTo>
                    <a:pt x="68704" y="523596"/>
                    <a:pt x="74405" y="524929"/>
                    <a:pt x="80297" y="524929"/>
                  </a:cubicBezTo>
                  <a:cubicBezTo>
                    <a:pt x="90940" y="524929"/>
                    <a:pt x="101012" y="520740"/>
                    <a:pt x="108710" y="513125"/>
                  </a:cubicBezTo>
                  <a:cubicBezTo>
                    <a:pt x="109090" y="512839"/>
                    <a:pt x="109280" y="512649"/>
                    <a:pt x="109470" y="512363"/>
                  </a:cubicBezTo>
                  <a:lnTo>
                    <a:pt x="110325" y="510840"/>
                  </a:lnTo>
                  <a:lnTo>
                    <a:pt x="111560" y="512077"/>
                  </a:lnTo>
                  <a:cubicBezTo>
                    <a:pt x="111560" y="512077"/>
                    <a:pt x="111940" y="512458"/>
                    <a:pt x="112131" y="512553"/>
                  </a:cubicBezTo>
                  <a:lnTo>
                    <a:pt x="112511" y="512839"/>
                  </a:lnTo>
                  <a:cubicBezTo>
                    <a:pt x="115742" y="516361"/>
                    <a:pt x="119638" y="519122"/>
                    <a:pt x="124104" y="521121"/>
                  </a:cubicBezTo>
                  <a:cubicBezTo>
                    <a:pt x="129330" y="523596"/>
                    <a:pt x="135032" y="524929"/>
                    <a:pt x="140923" y="524929"/>
                  </a:cubicBezTo>
                  <a:cubicBezTo>
                    <a:pt x="151566" y="524929"/>
                    <a:pt x="161734" y="520645"/>
                    <a:pt x="169431" y="512934"/>
                  </a:cubicBezTo>
                  <a:cubicBezTo>
                    <a:pt x="176083" y="506270"/>
                    <a:pt x="180359" y="497036"/>
                    <a:pt x="181119" y="487802"/>
                  </a:cubicBezTo>
                  <a:cubicBezTo>
                    <a:pt x="181214" y="487231"/>
                    <a:pt x="181214" y="486660"/>
                    <a:pt x="181214" y="486184"/>
                  </a:cubicBezTo>
                  <a:lnTo>
                    <a:pt x="181214" y="310641"/>
                  </a:lnTo>
                  <a:lnTo>
                    <a:pt x="182165" y="310260"/>
                  </a:lnTo>
                  <a:cubicBezTo>
                    <a:pt x="192047" y="307214"/>
                    <a:pt x="199934" y="304453"/>
                    <a:pt x="207061" y="301598"/>
                  </a:cubicBezTo>
                  <a:lnTo>
                    <a:pt x="207632" y="301312"/>
                  </a:lnTo>
                  <a:lnTo>
                    <a:pt x="208202" y="301693"/>
                  </a:lnTo>
                  <a:cubicBezTo>
                    <a:pt x="213998" y="304834"/>
                    <a:pt x="220270" y="306453"/>
                    <a:pt x="226827" y="306453"/>
                  </a:cubicBezTo>
                  <a:lnTo>
                    <a:pt x="237375" y="306453"/>
                  </a:lnTo>
                  <a:cubicBezTo>
                    <a:pt x="258755" y="306453"/>
                    <a:pt x="276240" y="288936"/>
                    <a:pt x="276240" y="267517"/>
                  </a:cubicBezTo>
                  <a:cubicBezTo>
                    <a:pt x="276240" y="265613"/>
                    <a:pt x="276050" y="263805"/>
                    <a:pt x="275765" y="261901"/>
                  </a:cubicBezTo>
                  <a:lnTo>
                    <a:pt x="275765" y="261234"/>
                  </a:lnTo>
                  <a:cubicBezTo>
                    <a:pt x="275765" y="261234"/>
                    <a:pt x="276145" y="260663"/>
                    <a:pt x="276145" y="260663"/>
                  </a:cubicBezTo>
                  <a:cubicBezTo>
                    <a:pt x="285743" y="252000"/>
                    <a:pt x="293155" y="242480"/>
                    <a:pt x="298096" y="232199"/>
                  </a:cubicBezTo>
                  <a:cubicBezTo>
                    <a:pt x="299046" y="230105"/>
                    <a:pt x="334016" y="135384"/>
                    <a:pt x="338387" y="123199"/>
                  </a:cubicBezTo>
                  <a:cubicBezTo>
                    <a:pt x="338862" y="121866"/>
                    <a:pt x="339147" y="120343"/>
                    <a:pt x="339147" y="118915"/>
                  </a:cubicBezTo>
                  <a:cubicBezTo>
                    <a:pt x="339147" y="113870"/>
                    <a:pt x="336297" y="109300"/>
                    <a:pt x="331830" y="107111"/>
                  </a:cubicBezTo>
                  <a:close/>
                  <a:moveTo>
                    <a:pt x="156318" y="484280"/>
                  </a:moveTo>
                  <a:cubicBezTo>
                    <a:pt x="156318" y="486374"/>
                    <a:pt x="155938" y="492562"/>
                    <a:pt x="155082" y="494085"/>
                  </a:cubicBezTo>
                  <a:cubicBezTo>
                    <a:pt x="153372" y="497131"/>
                    <a:pt x="150901" y="499511"/>
                    <a:pt x="148145" y="500749"/>
                  </a:cubicBezTo>
                  <a:cubicBezTo>
                    <a:pt x="147670" y="500939"/>
                    <a:pt x="147385" y="500939"/>
                    <a:pt x="147100" y="501035"/>
                  </a:cubicBezTo>
                  <a:lnTo>
                    <a:pt x="145960" y="501415"/>
                  </a:lnTo>
                  <a:cubicBezTo>
                    <a:pt x="145960" y="501415"/>
                    <a:pt x="145105" y="501606"/>
                    <a:pt x="144534" y="501701"/>
                  </a:cubicBezTo>
                  <a:cubicBezTo>
                    <a:pt x="143299" y="502082"/>
                    <a:pt x="142159" y="502177"/>
                    <a:pt x="141018" y="502177"/>
                  </a:cubicBezTo>
                  <a:cubicBezTo>
                    <a:pt x="139878" y="502177"/>
                    <a:pt x="138738" y="502082"/>
                    <a:pt x="137312" y="501701"/>
                  </a:cubicBezTo>
                  <a:cubicBezTo>
                    <a:pt x="136837" y="501701"/>
                    <a:pt x="136077" y="501415"/>
                    <a:pt x="135507" y="501225"/>
                  </a:cubicBezTo>
                  <a:lnTo>
                    <a:pt x="135032" y="501225"/>
                  </a:lnTo>
                  <a:cubicBezTo>
                    <a:pt x="132466" y="500083"/>
                    <a:pt x="130185" y="498464"/>
                    <a:pt x="128285" y="496179"/>
                  </a:cubicBezTo>
                  <a:cubicBezTo>
                    <a:pt x="127620" y="495513"/>
                    <a:pt x="126955" y="494656"/>
                    <a:pt x="126384" y="493895"/>
                  </a:cubicBezTo>
                  <a:cubicBezTo>
                    <a:pt x="124864" y="491991"/>
                    <a:pt x="122868" y="487421"/>
                    <a:pt x="122013" y="485517"/>
                  </a:cubicBezTo>
                  <a:cubicBezTo>
                    <a:pt x="121918" y="485232"/>
                    <a:pt x="121823" y="484946"/>
                    <a:pt x="121728" y="484851"/>
                  </a:cubicBezTo>
                  <a:lnTo>
                    <a:pt x="121728" y="484280"/>
                  </a:lnTo>
                  <a:cubicBezTo>
                    <a:pt x="121728" y="484280"/>
                    <a:pt x="121633" y="341485"/>
                    <a:pt x="121633" y="341485"/>
                  </a:cubicBezTo>
                  <a:cubicBezTo>
                    <a:pt x="121633" y="335488"/>
                    <a:pt x="116692" y="330633"/>
                    <a:pt x="110705" y="330633"/>
                  </a:cubicBezTo>
                  <a:cubicBezTo>
                    <a:pt x="104719" y="330633"/>
                    <a:pt x="99872" y="335583"/>
                    <a:pt x="99872" y="341485"/>
                  </a:cubicBezTo>
                  <a:lnTo>
                    <a:pt x="99872" y="484090"/>
                  </a:lnTo>
                  <a:cubicBezTo>
                    <a:pt x="99872" y="485517"/>
                    <a:pt x="97782" y="491896"/>
                    <a:pt x="95691" y="494085"/>
                  </a:cubicBezTo>
                  <a:cubicBezTo>
                    <a:pt x="93600" y="496846"/>
                    <a:pt x="90465" y="499416"/>
                    <a:pt x="87519" y="500749"/>
                  </a:cubicBezTo>
                  <a:cubicBezTo>
                    <a:pt x="87139" y="500844"/>
                    <a:pt x="86759" y="500939"/>
                    <a:pt x="86474" y="501035"/>
                  </a:cubicBezTo>
                  <a:cubicBezTo>
                    <a:pt x="86284" y="501130"/>
                    <a:pt x="85998" y="501130"/>
                    <a:pt x="85808" y="501225"/>
                  </a:cubicBezTo>
                  <a:lnTo>
                    <a:pt x="85238" y="501415"/>
                  </a:lnTo>
                  <a:cubicBezTo>
                    <a:pt x="85238" y="501415"/>
                    <a:pt x="84478" y="501606"/>
                    <a:pt x="84003" y="501701"/>
                  </a:cubicBezTo>
                  <a:cubicBezTo>
                    <a:pt x="81532" y="502367"/>
                    <a:pt x="79442" y="502367"/>
                    <a:pt x="76686" y="501701"/>
                  </a:cubicBezTo>
                  <a:cubicBezTo>
                    <a:pt x="76306" y="501701"/>
                    <a:pt x="75736" y="501511"/>
                    <a:pt x="75166" y="501320"/>
                  </a:cubicBezTo>
                  <a:cubicBezTo>
                    <a:pt x="74975" y="501225"/>
                    <a:pt x="74690" y="501130"/>
                    <a:pt x="74500" y="501130"/>
                  </a:cubicBezTo>
                  <a:cubicBezTo>
                    <a:pt x="71745" y="500083"/>
                    <a:pt x="69654" y="498464"/>
                    <a:pt x="67658" y="496179"/>
                  </a:cubicBezTo>
                  <a:cubicBezTo>
                    <a:pt x="67183" y="495704"/>
                    <a:pt x="66518" y="495037"/>
                    <a:pt x="66043" y="493990"/>
                  </a:cubicBezTo>
                  <a:lnTo>
                    <a:pt x="66043" y="493609"/>
                  </a:lnTo>
                  <a:cubicBezTo>
                    <a:pt x="65283" y="491515"/>
                    <a:pt x="65188" y="487421"/>
                    <a:pt x="65188" y="484280"/>
                  </a:cubicBezTo>
                  <a:lnTo>
                    <a:pt x="65188" y="279607"/>
                  </a:lnTo>
                  <a:lnTo>
                    <a:pt x="66518" y="279607"/>
                  </a:lnTo>
                  <a:cubicBezTo>
                    <a:pt x="67088" y="279607"/>
                    <a:pt x="67753" y="279702"/>
                    <a:pt x="68324" y="279988"/>
                  </a:cubicBezTo>
                  <a:lnTo>
                    <a:pt x="69559" y="280178"/>
                  </a:lnTo>
                  <a:cubicBezTo>
                    <a:pt x="71650" y="280464"/>
                    <a:pt x="75070" y="281130"/>
                    <a:pt x="78966" y="281892"/>
                  </a:cubicBezTo>
                  <a:cubicBezTo>
                    <a:pt x="83148" y="282749"/>
                    <a:pt x="87804" y="283606"/>
                    <a:pt x="92080" y="284367"/>
                  </a:cubicBezTo>
                  <a:lnTo>
                    <a:pt x="92650" y="284367"/>
                  </a:lnTo>
                  <a:cubicBezTo>
                    <a:pt x="92650" y="284367"/>
                    <a:pt x="92935" y="284938"/>
                    <a:pt x="92935" y="284938"/>
                  </a:cubicBezTo>
                  <a:cubicBezTo>
                    <a:pt x="103103" y="298932"/>
                    <a:pt x="114221" y="312260"/>
                    <a:pt x="118402" y="317305"/>
                  </a:cubicBezTo>
                  <a:lnTo>
                    <a:pt x="119067" y="318067"/>
                  </a:lnTo>
                  <a:cubicBezTo>
                    <a:pt x="119067" y="318067"/>
                    <a:pt x="119448" y="318447"/>
                    <a:pt x="119543" y="318638"/>
                  </a:cubicBezTo>
                  <a:cubicBezTo>
                    <a:pt x="122108" y="321779"/>
                    <a:pt x="125719" y="323112"/>
                    <a:pt x="129710" y="323112"/>
                  </a:cubicBezTo>
                  <a:cubicBezTo>
                    <a:pt x="130090" y="323112"/>
                    <a:pt x="130471" y="323112"/>
                    <a:pt x="130661" y="323017"/>
                  </a:cubicBezTo>
                  <a:lnTo>
                    <a:pt x="131041" y="323017"/>
                  </a:lnTo>
                  <a:cubicBezTo>
                    <a:pt x="131896" y="323017"/>
                    <a:pt x="140733" y="321494"/>
                    <a:pt x="154702" y="318067"/>
                  </a:cubicBezTo>
                  <a:lnTo>
                    <a:pt x="156318" y="317686"/>
                  </a:lnTo>
                  <a:lnTo>
                    <a:pt x="156318" y="484280"/>
                  </a:lnTo>
                  <a:close/>
                  <a:moveTo>
                    <a:pt x="237470" y="281511"/>
                  </a:moveTo>
                  <a:lnTo>
                    <a:pt x="226922" y="281511"/>
                  </a:lnTo>
                  <a:cubicBezTo>
                    <a:pt x="219225" y="281511"/>
                    <a:pt x="212953" y="275228"/>
                    <a:pt x="212953" y="267517"/>
                  </a:cubicBezTo>
                  <a:cubicBezTo>
                    <a:pt x="212953" y="259806"/>
                    <a:pt x="219225" y="253523"/>
                    <a:pt x="226922" y="253523"/>
                  </a:cubicBezTo>
                  <a:lnTo>
                    <a:pt x="237470" y="253523"/>
                  </a:lnTo>
                  <a:cubicBezTo>
                    <a:pt x="242411" y="253523"/>
                    <a:pt x="247162" y="256474"/>
                    <a:pt x="249538" y="260949"/>
                  </a:cubicBezTo>
                  <a:lnTo>
                    <a:pt x="249823" y="261425"/>
                  </a:lnTo>
                  <a:lnTo>
                    <a:pt x="250393" y="261805"/>
                  </a:lnTo>
                  <a:lnTo>
                    <a:pt x="250393" y="262377"/>
                  </a:lnTo>
                  <a:cubicBezTo>
                    <a:pt x="250963" y="263805"/>
                    <a:pt x="251248" y="265518"/>
                    <a:pt x="251248" y="267517"/>
                  </a:cubicBezTo>
                  <a:cubicBezTo>
                    <a:pt x="251248" y="275133"/>
                    <a:pt x="244977" y="281511"/>
                    <a:pt x="237470" y="281511"/>
                  </a:cubicBezTo>
                  <a:close/>
                  <a:moveTo>
                    <a:pt x="312065" y="125389"/>
                  </a:moveTo>
                  <a:cubicBezTo>
                    <a:pt x="310735" y="129197"/>
                    <a:pt x="278331" y="220300"/>
                    <a:pt x="277476" y="222204"/>
                  </a:cubicBezTo>
                  <a:cubicBezTo>
                    <a:pt x="274530" y="228296"/>
                    <a:pt x="270159" y="234389"/>
                    <a:pt x="264362" y="240481"/>
                  </a:cubicBezTo>
                  <a:lnTo>
                    <a:pt x="263412" y="241433"/>
                  </a:lnTo>
                  <a:lnTo>
                    <a:pt x="262461" y="240481"/>
                  </a:lnTo>
                  <a:cubicBezTo>
                    <a:pt x="255810" y="234008"/>
                    <a:pt x="246877" y="230486"/>
                    <a:pt x="237470" y="230486"/>
                  </a:cubicBezTo>
                  <a:lnTo>
                    <a:pt x="226922" y="230486"/>
                  </a:lnTo>
                  <a:cubicBezTo>
                    <a:pt x="206586" y="230486"/>
                    <a:pt x="189957" y="247145"/>
                    <a:pt x="189957" y="267517"/>
                  </a:cubicBezTo>
                  <a:cubicBezTo>
                    <a:pt x="189957" y="271706"/>
                    <a:pt x="190907" y="276275"/>
                    <a:pt x="192618" y="281035"/>
                  </a:cubicBezTo>
                  <a:lnTo>
                    <a:pt x="193093" y="282273"/>
                  </a:lnTo>
                  <a:lnTo>
                    <a:pt x="191857" y="282749"/>
                  </a:lnTo>
                  <a:cubicBezTo>
                    <a:pt x="164965" y="292364"/>
                    <a:pt x="140828" y="297695"/>
                    <a:pt x="134082" y="299122"/>
                  </a:cubicBezTo>
                  <a:lnTo>
                    <a:pt x="133226" y="299313"/>
                  </a:lnTo>
                  <a:lnTo>
                    <a:pt x="130566" y="295981"/>
                  </a:lnTo>
                  <a:cubicBezTo>
                    <a:pt x="129045" y="294077"/>
                    <a:pt x="127335" y="291888"/>
                    <a:pt x="125529" y="289508"/>
                  </a:cubicBezTo>
                  <a:lnTo>
                    <a:pt x="121348" y="284272"/>
                  </a:lnTo>
                  <a:lnTo>
                    <a:pt x="123534" y="283891"/>
                  </a:lnTo>
                  <a:cubicBezTo>
                    <a:pt x="142919" y="280274"/>
                    <a:pt x="152232" y="265708"/>
                    <a:pt x="152897" y="252762"/>
                  </a:cubicBezTo>
                  <a:cubicBezTo>
                    <a:pt x="153657" y="239053"/>
                    <a:pt x="144819" y="223060"/>
                    <a:pt x="123629" y="218205"/>
                  </a:cubicBezTo>
                  <a:cubicBezTo>
                    <a:pt x="111370" y="215159"/>
                    <a:pt x="89229" y="209447"/>
                    <a:pt x="83053" y="207829"/>
                  </a:cubicBezTo>
                  <a:lnTo>
                    <a:pt x="82578" y="207543"/>
                  </a:lnTo>
                  <a:cubicBezTo>
                    <a:pt x="80012" y="205449"/>
                    <a:pt x="74500" y="196786"/>
                    <a:pt x="70509" y="187933"/>
                  </a:cubicBezTo>
                  <a:cubicBezTo>
                    <a:pt x="66803" y="172606"/>
                    <a:pt x="66328" y="159850"/>
                    <a:pt x="68989" y="148712"/>
                  </a:cubicBezTo>
                  <a:cubicBezTo>
                    <a:pt x="70129" y="143476"/>
                    <a:pt x="89894" y="72935"/>
                    <a:pt x="90750" y="69889"/>
                  </a:cubicBezTo>
                  <a:lnTo>
                    <a:pt x="91035" y="68937"/>
                  </a:lnTo>
                  <a:lnTo>
                    <a:pt x="92080" y="68937"/>
                  </a:lnTo>
                  <a:cubicBezTo>
                    <a:pt x="102533" y="68937"/>
                    <a:pt x="118592" y="68556"/>
                    <a:pt x="136172" y="66652"/>
                  </a:cubicBezTo>
                  <a:lnTo>
                    <a:pt x="137692" y="66462"/>
                  </a:lnTo>
                  <a:lnTo>
                    <a:pt x="137692" y="66462"/>
                  </a:lnTo>
                  <a:cubicBezTo>
                    <a:pt x="161069" y="63987"/>
                    <a:pt x="192047" y="58275"/>
                    <a:pt x="210292" y="45138"/>
                  </a:cubicBezTo>
                  <a:lnTo>
                    <a:pt x="211528" y="44281"/>
                  </a:lnTo>
                  <a:lnTo>
                    <a:pt x="212193" y="45614"/>
                  </a:lnTo>
                  <a:cubicBezTo>
                    <a:pt x="230058" y="78361"/>
                    <a:pt x="287548" y="111109"/>
                    <a:pt x="311495" y="123675"/>
                  </a:cubicBezTo>
                  <a:lnTo>
                    <a:pt x="312540" y="124246"/>
                  </a:lnTo>
                  <a:lnTo>
                    <a:pt x="312065" y="125389"/>
                  </a:lnTo>
                  <a:close/>
                </a:path>
              </a:pathLst>
            </a:custGeom>
            <a:solidFill>
              <a:srgbClr val="265A9A"/>
            </a:solidFill>
            <a:ln w="0" cap="flat">
              <a:noFill/>
              <a:prstDash val="solid"/>
              <a:miter/>
            </a:ln>
          </p:spPr>
          <p:txBody>
            <a:bodyPr rtlCol="0" anchor="ctr"/>
            <a:lstStyle/>
            <a:p>
              <a:endParaRPr lang="en-US" sz="1650"/>
            </a:p>
          </p:txBody>
        </p:sp>
        <p:sp>
          <p:nvSpPr>
            <p:cNvPr id="70" name="Freeform 29">
              <a:extLst>
                <a:ext uri="{FF2B5EF4-FFF2-40B4-BE49-F238E27FC236}">
                  <a16:creationId xmlns:a16="http://schemas.microsoft.com/office/drawing/2014/main" id="{08F0DC5C-930B-1C3E-F979-77A9D98D904B}"/>
                </a:ext>
              </a:extLst>
            </p:cNvPr>
            <p:cNvSpPr/>
            <p:nvPr/>
          </p:nvSpPr>
          <p:spPr>
            <a:xfrm>
              <a:off x="11028544" y="6142519"/>
              <a:ext cx="116079" cy="283534"/>
            </a:xfrm>
            <a:custGeom>
              <a:avLst/>
              <a:gdLst>
                <a:gd name="connsiteX0" fmla="*/ 91130 w 91129"/>
                <a:gd name="connsiteY0" fmla="*/ 38079 h 222593"/>
                <a:gd name="connsiteX1" fmla="*/ 91130 w 91129"/>
                <a:gd name="connsiteY1" fmla="*/ 204673 h 222593"/>
                <a:gd name="connsiteX2" fmla="*/ 89894 w 91129"/>
                <a:gd name="connsiteY2" fmla="*/ 214478 h 222593"/>
                <a:gd name="connsiteX3" fmla="*/ 82958 w 91129"/>
                <a:gd name="connsiteY3" fmla="*/ 221142 h 222593"/>
                <a:gd name="connsiteX4" fmla="*/ 81912 w 91129"/>
                <a:gd name="connsiteY4" fmla="*/ 221427 h 222593"/>
                <a:gd name="connsiteX5" fmla="*/ 80772 w 91129"/>
                <a:gd name="connsiteY5" fmla="*/ 221808 h 222593"/>
                <a:gd name="connsiteX6" fmla="*/ 79347 w 91129"/>
                <a:gd name="connsiteY6" fmla="*/ 222094 h 222593"/>
                <a:gd name="connsiteX7" fmla="*/ 75831 w 91129"/>
                <a:gd name="connsiteY7" fmla="*/ 222570 h 222593"/>
                <a:gd name="connsiteX8" fmla="*/ 72125 w 91129"/>
                <a:gd name="connsiteY8" fmla="*/ 222094 h 222593"/>
                <a:gd name="connsiteX9" fmla="*/ 70319 w 91129"/>
                <a:gd name="connsiteY9" fmla="*/ 221618 h 222593"/>
                <a:gd name="connsiteX10" fmla="*/ 69844 w 91129"/>
                <a:gd name="connsiteY10" fmla="*/ 221618 h 222593"/>
                <a:gd name="connsiteX11" fmla="*/ 63097 w 91129"/>
                <a:gd name="connsiteY11" fmla="*/ 216572 h 222593"/>
                <a:gd name="connsiteX12" fmla="*/ 61197 w 91129"/>
                <a:gd name="connsiteY12" fmla="*/ 214288 h 222593"/>
                <a:gd name="connsiteX13" fmla="*/ 56826 w 91129"/>
                <a:gd name="connsiteY13" fmla="*/ 205910 h 222593"/>
                <a:gd name="connsiteX14" fmla="*/ 56540 w 91129"/>
                <a:gd name="connsiteY14" fmla="*/ 205244 h 222593"/>
                <a:gd name="connsiteX15" fmla="*/ 56540 w 91129"/>
                <a:gd name="connsiteY15" fmla="*/ 204673 h 222593"/>
                <a:gd name="connsiteX16" fmla="*/ 56445 w 91129"/>
                <a:gd name="connsiteY16" fmla="*/ 61878 h 222593"/>
                <a:gd name="connsiteX17" fmla="*/ 45517 w 91129"/>
                <a:gd name="connsiteY17" fmla="*/ 51025 h 222593"/>
                <a:gd name="connsiteX18" fmla="*/ 34684 w 91129"/>
                <a:gd name="connsiteY18" fmla="*/ 61878 h 222593"/>
                <a:gd name="connsiteX19" fmla="*/ 34684 w 91129"/>
                <a:gd name="connsiteY19" fmla="*/ 204482 h 222593"/>
                <a:gd name="connsiteX20" fmla="*/ 30503 w 91129"/>
                <a:gd name="connsiteY20" fmla="*/ 214478 h 222593"/>
                <a:gd name="connsiteX21" fmla="*/ 22331 w 91129"/>
                <a:gd name="connsiteY21" fmla="*/ 221142 h 222593"/>
                <a:gd name="connsiteX22" fmla="*/ 21286 w 91129"/>
                <a:gd name="connsiteY22" fmla="*/ 221427 h 222593"/>
                <a:gd name="connsiteX23" fmla="*/ 20621 w 91129"/>
                <a:gd name="connsiteY23" fmla="*/ 221618 h 222593"/>
                <a:gd name="connsiteX24" fmla="*/ 20050 w 91129"/>
                <a:gd name="connsiteY24" fmla="*/ 221808 h 222593"/>
                <a:gd name="connsiteX25" fmla="*/ 18815 w 91129"/>
                <a:gd name="connsiteY25" fmla="*/ 222094 h 222593"/>
                <a:gd name="connsiteX26" fmla="*/ 11498 w 91129"/>
                <a:gd name="connsiteY26" fmla="*/ 222094 h 222593"/>
                <a:gd name="connsiteX27" fmla="*/ 9978 w 91129"/>
                <a:gd name="connsiteY27" fmla="*/ 221713 h 222593"/>
                <a:gd name="connsiteX28" fmla="*/ 9313 w 91129"/>
                <a:gd name="connsiteY28" fmla="*/ 221523 h 222593"/>
                <a:gd name="connsiteX29" fmla="*/ 2471 w 91129"/>
                <a:gd name="connsiteY29" fmla="*/ 216572 h 222593"/>
                <a:gd name="connsiteX30" fmla="*/ 855 w 91129"/>
                <a:gd name="connsiteY30" fmla="*/ 214383 h 222593"/>
                <a:gd name="connsiteX31" fmla="*/ 855 w 91129"/>
                <a:gd name="connsiteY31" fmla="*/ 214002 h 222593"/>
                <a:gd name="connsiteX32" fmla="*/ 0 w 91129"/>
                <a:gd name="connsiteY32" fmla="*/ 204673 h 222593"/>
                <a:gd name="connsiteX33" fmla="*/ 0 w 91129"/>
                <a:gd name="connsiteY33" fmla="*/ 0 h 222593"/>
                <a:gd name="connsiteX34" fmla="*/ 1330 w 91129"/>
                <a:gd name="connsiteY34" fmla="*/ 0 h 222593"/>
                <a:gd name="connsiteX35" fmla="*/ 3136 w 91129"/>
                <a:gd name="connsiteY35" fmla="*/ 381 h 222593"/>
                <a:gd name="connsiteX36" fmla="*/ 4371 w 91129"/>
                <a:gd name="connsiteY36" fmla="*/ 571 h 222593"/>
                <a:gd name="connsiteX37" fmla="*/ 13779 w 91129"/>
                <a:gd name="connsiteY37" fmla="*/ 2285 h 222593"/>
                <a:gd name="connsiteX38" fmla="*/ 26892 w 91129"/>
                <a:gd name="connsiteY38" fmla="*/ 4760 h 222593"/>
                <a:gd name="connsiteX39" fmla="*/ 27462 w 91129"/>
                <a:gd name="connsiteY39" fmla="*/ 4760 h 222593"/>
                <a:gd name="connsiteX40" fmla="*/ 27748 w 91129"/>
                <a:gd name="connsiteY40" fmla="*/ 5331 h 222593"/>
                <a:gd name="connsiteX41" fmla="*/ 53214 w 91129"/>
                <a:gd name="connsiteY41" fmla="*/ 37698 h 222593"/>
                <a:gd name="connsiteX42" fmla="*/ 53880 w 91129"/>
                <a:gd name="connsiteY42" fmla="*/ 38460 h 222593"/>
                <a:gd name="connsiteX43" fmla="*/ 54355 w 91129"/>
                <a:gd name="connsiteY43" fmla="*/ 39031 h 222593"/>
                <a:gd name="connsiteX44" fmla="*/ 64523 w 91129"/>
                <a:gd name="connsiteY44" fmla="*/ 43505 h 222593"/>
                <a:gd name="connsiteX45" fmla="*/ 65473 w 91129"/>
                <a:gd name="connsiteY45" fmla="*/ 43410 h 222593"/>
                <a:gd name="connsiteX46" fmla="*/ 65853 w 91129"/>
                <a:gd name="connsiteY46" fmla="*/ 43410 h 222593"/>
                <a:gd name="connsiteX47" fmla="*/ 89514 w 91129"/>
                <a:gd name="connsiteY47" fmla="*/ 38460 h 222593"/>
                <a:gd name="connsiteX48" fmla="*/ 91130 w 91129"/>
                <a:gd name="connsiteY48" fmla="*/ 38079 h 222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91129" h="222593">
                  <a:moveTo>
                    <a:pt x="91130" y="38079"/>
                  </a:moveTo>
                  <a:lnTo>
                    <a:pt x="91130" y="204673"/>
                  </a:lnTo>
                  <a:cubicBezTo>
                    <a:pt x="91130" y="206767"/>
                    <a:pt x="90750" y="212955"/>
                    <a:pt x="89894" y="214478"/>
                  </a:cubicBezTo>
                  <a:cubicBezTo>
                    <a:pt x="88184" y="217524"/>
                    <a:pt x="85713" y="219904"/>
                    <a:pt x="82958" y="221142"/>
                  </a:cubicBezTo>
                  <a:cubicBezTo>
                    <a:pt x="82482" y="221332"/>
                    <a:pt x="82197" y="221332"/>
                    <a:pt x="81912" y="221427"/>
                  </a:cubicBezTo>
                  <a:lnTo>
                    <a:pt x="80772" y="221808"/>
                  </a:lnTo>
                  <a:cubicBezTo>
                    <a:pt x="80772" y="221808"/>
                    <a:pt x="79917" y="221999"/>
                    <a:pt x="79347" y="222094"/>
                  </a:cubicBezTo>
                  <a:cubicBezTo>
                    <a:pt x="78111" y="222475"/>
                    <a:pt x="76971" y="222570"/>
                    <a:pt x="75831" y="222570"/>
                  </a:cubicBezTo>
                  <a:cubicBezTo>
                    <a:pt x="74690" y="222570"/>
                    <a:pt x="73550" y="222475"/>
                    <a:pt x="72125" y="222094"/>
                  </a:cubicBezTo>
                  <a:cubicBezTo>
                    <a:pt x="71650" y="222094"/>
                    <a:pt x="70889" y="221808"/>
                    <a:pt x="70319" y="221618"/>
                  </a:cubicBezTo>
                  <a:lnTo>
                    <a:pt x="69844" y="221618"/>
                  </a:lnTo>
                  <a:cubicBezTo>
                    <a:pt x="67278" y="220475"/>
                    <a:pt x="64998" y="218857"/>
                    <a:pt x="63097" y="216572"/>
                  </a:cubicBezTo>
                  <a:cubicBezTo>
                    <a:pt x="62432" y="215906"/>
                    <a:pt x="61767" y="215049"/>
                    <a:pt x="61197" y="214288"/>
                  </a:cubicBezTo>
                  <a:cubicBezTo>
                    <a:pt x="59676" y="212384"/>
                    <a:pt x="57681" y="207814"/>
                    <a:pt x="56826" y="205910"/>
                  </a:cubicBezTo>
                  <a:cubicBezTo>
                    <a:pt x="56730" y="205625"/>
                    <a:pt x="56635" y="205339"/>
                    <a:pt x="56540" y="205244"/>
                  </a:cubicBezTo>
                  <a:lnTo>
                    <a:pt x="56540" y="204673"/>
                  </a:lnTo>
                  <a:cubicBezTo>
                    <a:pt x="56540" y="204673"/>
                    <a:pt x="56445" y="61878"/>
                    <a:pt x="56445" y="61878"/>
                  </a:cubicBezTo>
                  <a:cubicBezTo>
                    <a:pt x="56445" y="55881"/>
                    <a:pt x="51504" y="51025"/>
                    <a:pt x="45517" y="51025"/>
                  </a:cubicBezTo>
                  <a:cubicBezTo>
                    <a:pt x="39531" y="51025"/>
                    <a:pt x="34684" y="55976"/>
                    <a:pt x="34684" y="61878"/>
                  </a:cubicBezTo>
                  <a:lnTo>
                    <a:pt x="34684" y="204482"/>
                  </a:lnTo>
                  <a:cubicBezTo>
                    <a:pt x="34684" y="205910"/>
                    <a:pt x="32594" y="212289"/>
                    <a:pt x="30503" y="214478"/>
                  </a:cubicBezTo>
                  <a:cubicBezTo>
                    <a:pt x="28413" y="217239"/>
                    <a:pt x="25277" y="219809"/>
                    <a:pt x="22331" y="221142"/>
                  </a:cubicBezTo>
                  <a:cubicBezTo>
                    <a:pt x="21951" y="221237"/>
                    <a:pt x="21571" y="221332"/>
                    <a:pt x="21286" y="221427"/>
                  </a:cubicBezTo>
                  <a:cubicBezTo>
                    <a:pt x="21096" y="221523"/>
                    <a:pt x="20811" y="221523"/>
                    <a:pt x="20621" y="221618"/>
                  </a:cubicBezTo>
                  <a:lnTo>
                    <a:pt x="20050" y="221808"/>
                  </a:lnTo>
                  <a:cubicBezTo>
                    <a:pt x="20050" y="221808"/>
                    <a:pt x="19290" y="221999"/>
                    <a:pt x="18815" y="222094"/>
                  </a:cubicBezTo>
                  <a:cubicBezTo>
                    <a:pt x="16344" y="222760"/>
                    <a:pt x="14254" y="222760"/>
                    <a:pt x="11498" y="222094"/>
                  </a:cubicBezTo>
                  <a:cubicBezTo>
                    <a:pt x="11118" y="222094"/>
                    <a:pt x="10548" y="221903"/>
                    <a:pt x="9978" y="221713"/>
                  </a:cubicBezTo>
                  <a:cubicBezTo>
                    <a:pt x="9788" y="221618"/>
                    <a:pt x="9503" y="221523"/>
                    <a:pt x="9313" y="221523"/>
                  </a:cubicBezTo>
                  <a:cubicBezTo>
                    <a:pt x="6557" y="220475"/>
                    <a:pt x="4466" y="218857"/>
                    <a:pt x="2471" y="216572"/>
                  </a:cubicBezTo>
                  <a:cubicBezTo>
                    <a:pt x="1996" y="216096"/>
                    <a:pt x="1330" y="215430"/>
                    <a:pt x="855" y="214383"/>
                  </a:cubicBezTo>
                  <a:lnTo>
                    <a:pt x="855" y="214002"/>
                  </a:lnTo>
                  <a:cubicBezTo>
                    <a:pt x="95" y="211908"/>
                    <a:pt x="0" y="207814"/>
                    <a:pt x="0" y="204673"/>
                  </a:cubicBezTo>
                  <a:lnTo>
                    <a:pt x="0" y="0"/>
                  </a:lnTo>
                  <a:lnTo>
                    <a:pt x="1330" y="0"/>
                  </a:lnTo>
                  <a:cubicBezTo>
                    <a:pt x="1900" y="0"/>
                    <a:pt x="2566" y="95"/>
                    <a:pt x="3136" y="381"/>
                  </a:cubicBezTo>
                  <a:lnTo>
                    <a:pt x="4371" y="571"/>
                  </a:lnTo>
                  <a:cubicBezTo>
                    <a:pt x="6462" y="857"/>
                    <a:pt x="9883" y="1523"/>
                    <a:pt x="13779" y="2285"/>
                  </a:cubicBezTo>
                  <a:cubicBezTo>
                    <a:pt x="17960" y="3142"/>
                    <a:pt x="22616" y="3998"/>
                    <a:pt x="26892" y="4760"/>
                  </a:cubicBezTo>
                  <a:lnTo>
                    <a:pt x="27462" y="4760"/>
                  </a:lnTo>
                  <a:cubicBezTo>
                    <a:pt x="27462" y="4760"/>
                    <a:pt x="27748" y="5331"/>
                    <a:pt x="27748" y="5331"/>
                  </a:cubicBezTo>
                  <a:cubicBezTo>
                    <a:pt x="37915" y="19325"/>
                    <a:pt x="49033" y="32653"/>
                    <a:pt x="53214" y="37698"/>
                  </a:cubicBezTo>
                  <a:lnTo>
                    <a:pt x="53880" y="38460"/>
                  </a:lnTo>
                  <a:cubicBezTo>
                    <a:pt x="53880" y="38460"/>
                    <a:pt x="54260" y="38840"/>
                    <a:pt x="54355" y="39031"/>
                  </a:cubicBezTo>
                  <a:cubicBezTo>
                    <a:pt x="56920" y="42172"/>
                    <a:pt x="60532" y="43505"/>
                    <a:pt x="64523" y="43505"/>
                  </a:cubicBezTo>
                  <a:cubicBezTo>
                    <a:pt x="64903" y="43505"/>
                    <a:pt x="65283" y="43505"/>
                    <a:pt x="65473" y="43410"/>
                  </a:cubicBezTo>
                  <a:lnTo>
                    <a:pt x="65853" y="43410"/>
                  </a:lnTo>
                  <a:cubicBezTo>
                    <a:pt x="66708" y="43410"/>
                    <a:pt x="75546" y="41887"/>
                    <a:pt x="89514" y="38460"/>
                  </a:cubicBezTo>
                  <a:lnTo>
                    <a:pt x="91130" y="38079"/>
                  </a:lnTo>
                  <a:close/>
                </a:path>
              </a:pathLst>
            </a:custGeom>
            <a:solidFill>
              <a:srgbClr val="C7E4F1"/>
            </a:solidFill>
            <a:ln w="0" cap="flat">
              <a:noFill/>
              <a:prstDash val="solid"/>
              <a:miter/>
            </a:ln>
          </p:spPr>
          <p:txBody>
            <a:bodyPr rtlCol="0" anchor="ctr"/>
            <a:lstStyle/>
            <a:p>
              <a:endParaRPr lang="en-US" sz="1650"/>
            </a:p>
          </p:txBody>
        </p:sp>
        <p:sp>
          <p:nvSpPr>
            <p:cNvPr id="71" name="Freeform 30">
              <a:extLst>
                <a:ext uri="{FF2B5EF4-FFF2-40B4-BE49-F238E27FC236}">
                  <a16:creationId xmlns:a16="http://schemas.microsoft.com/office/drawing/2014/main" id="{4748B868-9AEB-D7B4-C9DB-8543CC32467D}"/>
                </a:ext>
              </a:extLst>
            </p:cNvPr>
            <p:cNvSpPr/>
            <p:nvPr/>
          </p:nvSpPr>
          <p:spPr>
            <a:xfrm>
              <a:off x="11031238" y="5842766"/>
              <a:ext cx="312379" cy="324853"/>
            </a:xfrm>
            <a:custGeom>
              <a:avLst/>
              <a:gdLst>
                <a:gd name="connsiteX0" fmla="*/ 244192 w 245237"/>
                <a:gd name="connsiteY0" fmla="*/ 79394 h 255031"/>
                <a:gd name="connsiteX1" fmla="*/ 144890 w 245237"/>
                <a:gd name="connsiteY1" fmla="*/ 1333 h 255031"/>
                <a:gd name="connsiteX2" fmla="*/ 144225 w 245237"/>
                <a:gd name="connsiteY2" fmla="*/ 0 h 255031"/>
                <a:gd name="connsiteX3" fmla="*/ 142989 w 245237"/>
                <a:gd name="connsiteY3" fmla="*/ 857 h 255031"/>
                <a:gd name="connsiteX4" fmla="*/ 70390 w 245237"/>
                <a:gd name="connsiteY4" fmla="*/ 22276 h 255031"/>
                <a:gd name="connsiteX5" fmla="*/ 70390 w 245237"/>
                <a:gd name="connsiteY5" fmla="*/ 22276 h 255031"/>
                <a:gd name="connsiteX6" fmla="*/ 68869 w 245237"/>
                <a:gd name="connsiteY6" fmla="*/ 22371 h 255031"/>
                <a:gd name="connsiteX7" fmla="*/ 24777 w 245237"/>
                <a:gd name="connsiteY7" fmla="*/ 24656 h 255031"/>
                <a:gd name="connsiteX8" fmla="*/ 23732 w 245237"/>
                <a:gd name="connsiteY8" fmla="*/ 24656 h 255031"/>
                <a:gd name="connsiteX9" fmla="*/ 23447 w 245237"/>
                <a:gd name="connsiteY9" fmla="*/ 25608 h 255031"/>
                <a:gd name="connsiteX10" fmla="*/ 1686 w 245237"/>
                <a:gd name="connsiteY10" fmla="*/ 104431 h 255031"/>
                <a:gd name="connsiteX11" fmla="*/ 3206 w 245237"/>
                <a:gd name="connsiteY11" fmla="*/ 143652 h 255031"/>
                <a:gd name="connsiteX12" fmla="*/ 15275 w 245237"/>
                <a:gd name="connsiteY12" fmla="*/ 163262 h 255031"/>
                <a:gd name="connsiteX13" fmla="*/ 15750 w 245237"/>
                <a:gd name="connsiteY13" fmla="*/ 163548 h 255031"/>
                <a:gd name="connsiteX14" fmla="*/ 56326 w 245237"/>
                <a:gd name="connsiteY14" fmla="*/ 173924 h 255031"/>
                <a:gd name="connsiteX15" fmla="*/ 85594 w 245237"/>
                <a:gd name="connsiteY15" fmla="*/ 208481 h 255031"/>
                <a:gd name="connsiteX16" fmla="*/ 56231 w 245237"/>
                <a:gd name="connsiteY16" fmla="*/ 239610 h 255031"/>
                <a:gd name="connsiteX17" fmla="*/ 54045 w 245237"/>
                <a:gd name="connsiteY17" fmla="*/ 239991 h 255031"/>
                <a:gd name="connsiteX18" fmla="*/ 58226 w 245237"/>
                <a:gd name="connsiteY18" fmla="*/ 245226 h 255031"/>
                <a:gd name="connsiteX19" fmla="*/ 63263 w 245237"/>
                <a:gd name="connsiteY19" fmla="*/ 251700 h 255031"/>
                <a:gd name="connsiteX20" fmla="*/ 65924 w 245237"/>
                <a:gd name="connsiteY20" fmla="*/ 255032 h 255031"/>
                <a:gd name="connsiteX21" fmla="*/ 66779 w 245237"/>
                <a:gd name="connsiteY21" fmla="*/ 254841 h 255031"/>
                <a:gd name="connsiteX22" fmla="*/ 124554 w 245237"/>
                <a:gd name="connsiteY22" fmla="*/ 238467 h 255031"/>
                <a:gd name="connsiteX23" fmla="*/ 125790 w 245237"/>
                <a:gd name="connsiteY23" fmla="*/ 237992 h 255031"/>
                <a:gd name="connsiteX24" fmla="*/ 125315 w 245237"/>
                <a:gd name="connsiteY24" fmla="*/ 236754 h 255031"/>
                <a:gd name="connsiteX25" fmla="*/ 122654 w 245237"/>
                <a:gd name="connsiteY25" fmla="*/ 223236 h 255031"/>
                <a:gd name="connsiteX26" fmla="*/ 159619 w 245237"/>
                <a:gd name="connsiteY26" fmla="*/ 186205 h 255031"/>
                <a:gd name="connsiteX27" fmla="*/ 170167 w 245237"/>
                <a:gd name="connsiteY27" fmla="*/ 186205 h 255031"/>
                <a:gd name="connsiteX28" fmla="*/ 195159 w 245237"/>
                <a:gd name="connsiteY28" fmla="*/ 196200 h 255031"/>
                <a:gd name="connsiteX29" fmla="*/ 196109 w 245237"/>
                <a:gd name="connsiteY29" fmla="*/ 197152 h 255031"/>
                <a:gd name="connsiteX30" fmla="*/ 197059 w 245237"/>
                <a:gd name="connsiteY30" fmla="*/ 196200 h 255031"/>
                <a:gd name="connsiteX31" fmla="*/ 210173 w 245237"/>
                <a:gd name="connsiteY31" fmla="*/ 177922 h 255031"/>
                <a:gd name="connsiteX32" fmla="*/ 244762 w 245237"/>
                <a:gd name="connsiteY32" fmla="*/ 81107 h 255031"/>
                <a:gd name="connsiteX33" fmla="*/ 245237 w 245237"/>
                <a:gd name="connsiteY33" fmla="*/ 79965 h 255031"/>
                <a:gd name="connsiteX34" fmla="*/ 244192 w 245237"/>
                <a:gd name="connsiteY34" fmla="*/ 79394 h 255031"/>
                <a:gd name="connsiteX35" fmla="*/ 87304 w 245237"/>
                <a:gd name="connsiteY35" fmla="*/ 106239 h 255031"/>
                <a:gd name="connsiteX36" fmla="*/ 87114 w 245237"/>
                <a:gd name="connsiteY36" fmla="*/ 106049 h 255031"/>
                <a:gd name="connsiteX37" fmla="*/ 86924 w 245237"/>
                <a:gd name="connsiteY37" fmla="*/ 105573 h 255031"/>
                <a:gd name="connsiteX38" fmla="*/ 87304 w 245237"/>
                <a:gd name="connsiteY38" fmla="*/ 106239 h 255031"/>
                <a:gd name="connsiteX39" fmla="*/ 69059 w 245237"/>
                <a:gd name="connsiteY39" fmla="*/ 23704 h 255031"/>
                <a:gd name="connsiteX40" fmla="*/ 69249 w 245237"/>
                <a:gd name="connsiteY40" fmla="*/ 23704 h 255031"/>
                <a:gd name="connsiteX41" fmla="*/ 69059 w 245237"/>
                <a:gd name="connsiteY41" fmla="*/ 23989 h 255031"/>
                <a:gd name="connsiteX42" fmla="*/ 69059 w 245237"/>
                <a:gd name="connsiteY42" fmla="*/ 23704 h 255031"/>
                <a:gd name="connsiteX43" fmla="*/ 188412 w 245237"/>
                <a:gd name="connsiteY43" fmla="*/ 100528 h 255031"/>
                <a:gd name="connsiteX44" fmla="*/ 182615 w 245237"/>
                <a:gd name="connsiteY44" fmla="*/ 108334 h 255031"/>
                <a:gd name="connsiteX45" fmla="*/ 182425 w 245237"/>
                <a:gd name="connsiteY45" fmla="*/ 108334 h 255031"/>
                <a:gd name="connsiteX46" fmla="*/ 98707 w 245237"/>
                <a:gd name="connsiteY46" fmla="*/ 157550 h 255031"/>
                <a:gd name="connsiteX47" fmla="*/ 89015 w 245237"/>
                <a:gd name="connsiteY47" fmla="*/ 158597 h 255031"/>
                <a:gd name="connsiteX48" fmla="*/ 81318 w 245237"/>
                <a:gd name="connsiteY48" fmla="*/ 152410 h 255031"/>
                <a:gd name="connsiteX49" fmla="*/ 63263 w 245237"/>
                <a:gd name="connsiteY49" fmla="*/ 118996 h 255031"/>
                <a:gd name="connsiteX50" fmla="*/ 68109 w 245237"/>
                <a:gd name="connsiteY50" fmla="*/ 100908 h 255031"/>
                <a:gd name="connsiteX51" fmla="*/ 74381 w 245237"/>
                <a:gd name="connsiteY51" fmla="*/ 99195 h 255031"/>
                <a:gd name="connsiteX52" fmla="*/ 77802 w 245237"/>
                <a:gd name="connsiteY52" fmla="*/ 99766 h 255031"/>
                <a:gd name="connsiteX53" fmla="*/ 85499 w 245237"/>
                <a:gd name="connsiteY53" fmla="*/ 105763 h 255031"/>
                <a:gd name="connsiteX54" fmla="*/ 85594 w 245237"/>
                <a:gd name="connsiteY54" fmla="*/ 105859 h 255031"/>
                <a:gd name="connsiteX55" fmla="*/ 97282 w 245237"/>
                <a:gd name="connsiteY55" fmla="*/ 127659 h 255031"/>
                <a:gd name="connsiteX56" fmla="*/ 169882 w 245237"/>
                <a:gd name="connsiteY56" fmla="*/ 85201 h 255031"/>
                <a:gd name="connsiteX57" fmla="*/ 179574 w 245237"/>
                <a:gd name="connsiteY57" fmla="*/ 84154 h 255031"/>
                <a:gd name="connsiteX58" fmla="*/ 187177 w 245237"/>
                <a:gd name="connsiteY58" fmla="*/ 90246 h 255031"/>
                <a:gd name="connsiteX59" fmla="*/ 188412 w 245237"/>
                <a:gd name="connsiteY59" fmla="*/ 100528 h 2550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Lst>
              <a:rect l="l" t="t" r="r" b="b"/>
              <a:pathLst>
                <a:path w="245237" h="255031">
                  <a:moveTo>
                    <a:pt x="244192" y="79394"/>
                  </a:moveTo>
                  <a:cubicBezTo>
                    <a:pt x="220245" y="66828"/>
                    <a:pt x="162755" y="34080"/>
                    <a:pt x="144890" y="1333"/>
                  </a:cubicBezTo>
                  <a:lnTo>
                    <a:pt x="144225" y="0"/>
                  </a:lnTo>
                  <a:lnTo>
                    <a:pt x="142989" y="857"/>
                  </a:lnTo>
                  <a:cubicBezTo>
                    <a:pt x="124745" y="13994"/>
                    <a:pt x="93766" y="19706"/>
                    <a:pt x="70390" y="22276"/>
                  </a:cubicBezTo>
                  <a:lnTo>
                    <a:pt x="70390" y="22276"/>
                  </a:lnTo>
                  <a:cubicBezTo>
                    <a:pt x="70390" y="22276"/>
                    <a:pt x="68869" y="22371"/>
                    <a:pt x="68869" y="22371"/>
                  </a:cubicBezTo>
                  <a:cubicBezTo>
                    <a:pt x="51290" y="24275"/>
                    <a:pt x="35230" y="24656"/>
                    <a:pt x="24777" y="24656"/>
                  </a:cubicBezTo>
                  <a:lnTo>
                    <a:pt x="23732" y="24656"/>
                  </a:lnTo>
                  <a:lnTo>
                    <a:pt x="23447" y="25608"/>
                  </a:lnTo>
                  <a:cubicBezTo>
                    <a:pt x="22592" y="28654"/>
                    <a:pt x="2826" y="99195"/>
                    <a:pt x="1686" y="104431"/>
                  </a:cubicBezTo>
                  <a:cubicBezTo>
                    <a:pt x="-975" y="115569"/>
                    <a:pt x="-500" y="128325"/>
                    <a:pt x="3206" y="143652"/>
                  </a:cubicBezTo>
                  <a:cubicBezTo>
                    <a:pt x="7198" y="152505"/>
                    <a:pt x="12709" y="161168"/>
                    <a:pt x="15275" y="163262"/>
                  </a:cubicBezTo>
                  <a:lnTo>
                    <a:pt x="15750" y="163548"/>
                  </a:lnTo>
                  <a:cubicBezTo>
                    <a:pt x="21926" y="165166"/>
                    <a:pt x="44068" y="170878"/>
                    <a:pt x="56326" y="173924"/>
                  </a:cubicBezTo>
                  <a:cubicBezTo>
                    <a:pt x="77517" y="178779"/>
                    <a:pt x="86354" y="194772"/>
                    <a:pt x="85594" y="208481"/>
                  </a:cubicBezTo>
                  <a:cubicBezTo>
                    <a:pt x="84929" y="221427"/>
                    <a:pt x="75616" y="235992"/>
                    <a:pt x="56231" y="239610"/>
                  </a:cubicBezTo>
                  <a:lnTo>
                    <a:pt x="54045" y="239991"/>
                  </a:lnTo>
                  <a:lnTo>
                    <a:pt x="58226" y="245226"/>
                  </a:lnTo>
                  <a:cubicBezTo>
                    <a:pt x="60032" y="247606"/>
                    <a:pt x="61742" y="249796"/>
                    <a:pt x="63263" y="251700"/>
                  </a:cubicBezTo>
                  <a:lnTo>
                    <a:pt x="65924" y="255032"/>
                  </a:lnTo>
                  <a:lnTo>
                    <a:pt x="66779" y="254841"/>
                  </a:lnTo>
                  <a:cubicBezTo>
                    <a:pt x="73526" y="253413"/>
                    <a:pt x="97662" y="248082"/>
                    <a:pt x="124554" y="238467"/>
                  </a:cubicBezTo>
                  <a:lnTo>
                    <a:pt x="125790" y="237992"/>
                  </a:lnTo>
                  <a:lnTo>
                    <a:pt x="125315" y="236754"/>
                  </a:lnTo>
                  <a:cubicBezTo>
                    <a:pt x="123604" y="231994"/>
                    <a:pt x="122654" y="227425"/>
                    <a:pt x="122654" y="223236"/>
                  </a:cubicBezTo>
                  <a:cubicBezTo>
                    <a:pt x="122654" y="202864"/>
                    <a:pt x="139283" y="186205"/>
                    <a:pt x="159619" y="186205"/>
                  </a:cubicBezTo>
                  <a:lnTo>
                    <a:pt x="170167" y="186205"/>
                  </a:lnTo>
                  <a:cubicBezTo>
                    <a:pt x="179574" y="186205"/>
                    <a:pt x="188507" y="189727"/>
                    <a:pt x="195159" y="196200"/>
                  </a:cubicBezTo>
                  <a:lnTo>
                    <a:pt x="196109" y="197152"/>
                  </a:lnTo>
                  <a:lnTo>
                    <a:pt x="197059" y="196200"/>
                  </a:lnTo>
                  <a:cubicBezTo>
                    <a:pt x="202856" y="190108"/>
                    <a:pt x="207227" y="184015"/>
                    <a:pt x="210173" y="177922"/>
                  </a:cubicBezTo>
                  <a:cubicBezTo>
                    <a:pt x="211028" y="176018"/>
                    <a:pt x="243432" y="84915"/>
                    <a:pt x="244762" y="81107"/>
                  </a:cubicBezTo>
                  <a:lnTo>
                    <a:pt x="245237" y="79965"/>
                  </a:lnTo>
                  <a:lnTo>
                    <a:pt x="244192" y="79394"/>
                  </a:lnTo>
                  <a:close/>
                  <a:moveTo>
                    <a:pt x="87304" y="106239"/>
                  </a:moveTo>
                  <a:cubicBezTo>
                    <a:pt x="87304" y="106239"/>
                    <a:pt x="87209" y="106144"/>
                    <a:pt x="87114" y="106049"/>
                  </a:cubicBezTo>
                  <a:lnTo>
                    <a:pt x="86924" y="105573"/>
                  </a:lnTo>
                  <a:lnTo>
                    <a:pt x="87304" y="106239"/>
                  </a:lnTo>
                  <a:close/>
                  <a:moveTo>
                    <a:pt x="69059" y="23704"/>
                  </a:moveTo>
                  <a:lnTo>
                    <a:pt x="69249" y="23704"/>
                  </a:lnTo>
                  <a:lnTo>
                    <a:pt x="69059" y="23989"/>
                  </a:lnTo>
                  <a:lnTo>
                    <a:pt x="69059" y="23704"/>
                  </a:lnTo>
                  <a:close/>
                  <a:moveTo>
                    <a:pt x="188412" y="100528"/>
                  </a:moveTo>
                  <a:cubicBezTo>
                    <a:pt x="187462" y="103955"/>
                    <a:pt x="185371" y="106620"/>
                    <a:pt x="182615" y="108334"/>
                  </a:cubicBezTo>
                  <a:lnTo>
                    <a:pt x="182425" y="108334"/>
                  </a:lnTo>
                  <a:lnTo>
                    <a:pt x="98707" y="157550"/>
                  </a:lnTo>
                  <a:cubicBezTo>
                    <a:pt x="95762" y="159264"/>
                    <a:pt x="92626" y="159835"/>
                    <a:pt x="89015" y="158597"/>
                  </a:cubicBezTo>
                  <a:cubicBezTo>
                    <a:pt x="85879" y="157836"/>
                    <a:pt x="83123" y="155551"/>
                    <a:pt x="81318" y="152410"/>
                  </a:cubicBezTo>
                  <a:lnTo>
                    <a:pt x="63263" y="118996"/>
                  </a:lnTo>
                  <a:cubicBezTo>
                    <a:pt x="59842" y="112713"/>
                    <a:pt x="62027" y="104526"/>
                    <a:pt x="68109" y="100908"/>
                  </a:cubicBezTo>
                  <a:cubicBezTo>
                    <a:pt x="70105" y="99861"/>
                    <a:pt x="72290" y="99195"/>
                    <a:pt x="74381" y="99195"/>
                  </a:cubicBezTo>
                  <a:cubicBezTo>
                    <a:pt x="75616" y="99195"/>
                    <a:pt x="76756" y="99385"/>
                    <a:pt x="77802" y="99766"/>
                  </a:cubicBezTo>
                  <a:cubicBezTo>
                    <a:pt x="81033" y="100623"/>
                    <a:pt x="83788" y="102717"/>
                    <a:pt x="85499" y="105763"/>
                  </a:cubicBezTo>
                  <a:cubicBezTo>
                    <a:pt x="85499" y="105763"/>
                    <a:pt x="85499" y="105859"/>
                    <a:pt x="85594" y="105859"/>
                  </a:cubicBezTo>
                  <a:lnTo>
                    <a:pt x="97282" y="127659"/>
                  </a:lnTo>
                  <a:lnTo>
                    <a:pt x="169882" y="85201"/>
                  </a:lnTo>
                  <a:cubicBezTo>
                    <a:pt x="172923" y="83487"/>
                    <a:pt x="176249" y="83107"/>
                    <a:pt x="179574" y="84154"/>
                  </a:cubicBezTo>
                  <a:cubicBezTo>
                    <a:pt x="183565" y="85106"/>
                    <a:pt x="185941" y="88057"/>
                    <a:pt x="187177" y="90246"/>
                  </a:cubicBezTo>
                  <a:cubicBezTo>
                    <a:pt x="188887" y="93578"/>
                    <a:pt x="189267" y="97005"/>
                    <a:pt x="188412" y="100528"/>
                  </a:cubicBezTo>
                  <a:close/>
                </a:path>
              </a:pathLst>
            </a:custGeom>
            <a:solidFill>
              <a:srgbClr val="66BCDB"/>
            </a:solidFill>
            <a:ln w="0" cap="flat">
              <a:noFill/>
              <a:prstDash val="solid"/>
              <a:miter/>
            </a:ln>
          </p:spPr>
          <p:txBody>
            <a:bodyPr rtlCol="0" anchor="ctr"/>
            <a:lstStyle/>
            <a:p>
              <a:endParaRPr lang="en-US" sz="1650"/>
            </a:p>
          </p:txBody>
        </p:sp>
        <p:sp>
          <p:nvSpPr>
            <p:cNvPr id="72" name="Freeform 31">
              <a:extLst>
                <a:ext uri="{FF2B5EF4-FFF2-40B4-BE49-F238E27FC236}">
                  <a16:creationId xmlns:a16="http://schemas.microsoft.com/office/drawing/2014/main" id="{B8635CB4-ABA3-51CE-C9D3-20FF3E444659}"/>
                </a:ext>
              </a:extLst>
            </p:cNvPr>
            <p:cNvSpPr/>
            <p:nvPr/>
          </p:nvSpPr>
          <p:spPr>
            <a:xfrm>
              <a:off x="11109761" y="5949220"/>
              <a:ext cx="162034" cy="96411"/>
            </a:xfrm>
            <a:custGeom>
              <a:avLst/>
              <a:gdLst>
                <a:gd name="connsiteX0" fmla="*/ 126767 w 127207"/>
                <a:gd name="connsiteY0" fmla="*/ 16955 h 75689"/>
                <a:gd name="connsiteX1" fmla="*/ 120970 w 127207"/>
                <a:gd name="connsiteY1" fmla="*/ 24761 h 75689"/>
                <a:gd name="connsiteX2" fmla="*/ 120780 w 127207"/>
                <a:gd name="connsiteY2" fmla="*/ 24761 h 75689"/>
                <a:gd name="connsiteX3" fmla="*/ 37063 w 127207"/>
                <a:gd name="connsiteY3" fmla="*/ 73977 h 75689"/>
                <a:gd name="connsiteX4" fmla="*/ 27370 w 127207"/>
                <a:gd name="connsiteY4" fmla="*/ 75024 h 75689"/>
                <a:gd name="connsiteX5" fmla="*/ 19673 w 127207"/>
                <a:gd name="connsiteY5" fmla="*/ 68837 h 75689"/>
                <a:gd name="connsiteX6" fmla="*/ 1618 w 127207"/>
                <a:gd name="connsiteY6" fmla="*/ 35423 h 75689"/>
                <a:gd name="connsiteX7" fmla="*/ 6464 w 127207"/>
                <a:gd name="connsiteY7" fmla="*/ 17335 h 75689"/>
                <a:gd name="connsiteX8" fmla="*/ 12736 w 127207"/>
                <a:gd name="connsiteY8" fmla="*/ 15622 h 75689"/>
                <a:gd name="connsiteX9" fmla="*/ 16157 w 127207"/>
                <a:gd name="connsiteY9" fmla="*/ 16193 h 75689"/>
                <a:gd name="connsiteX10" fmla="*/ 23854 w 127207"/>
                <a:gd name="connsiteY10" fmla="*/ 22190 h 75689"/>
                <a:gd name="connsiteX11" fmla="*/ 23949 w 127207"/>
                <a:gd name="connsiteY11" fmla="*/ 22286 h 75689"/>
                <a:gd name="connsiteX12" fmla="*/ 35637 w 127207"/>
                <a:gd name="connsiteY12" fmla="*/ 44086 h 75689"/>
                <a:gd name="connsiteX13" fmla="*/ 108237 w 127207"/>
                <a:gd name="connsiteY13" fmla="*/ 1628 h 75689"/>
                <a:gd name="connsiteX14" fmla="*/ 117929 w 127207"/>
                <a:gd name="connsiteY14" fmla="*/ 581 h 75689"/>
                <a:gd name="connsiteX15" fmla="*/ 125532 w 127207"/>
                <a:gd name="connsiteY15" fmla="*/ 6673 h 75689"/>
                <a:gd name="connsiteX16" fmla="*/ 126767 w 127207"/>
                <a:gd name="connsiteY16" fmla="*/ 16955 h 7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7207" h="75689">
                  <a:moveTo>
                    <a:pt x="126767" y="16955"/>
                  </a:moveTo>
                  <a:cubicBezTo>
                    <a:pt x="125817" y="20382"/>
                    <a:pt x="123726" y="23047"/>
                    <a:pt x="120970" y="24761"/>
                  </a:cubicBezTo>
                  <a:lnTo>
                    <a:pt x="120780" y="24761"/>
                  </a:lnTo>
                  <a:lnTo>
                    <a:pt x="37063" y="73977"/>
                  </a:lnTo>
                  <a:cubicBezTo>
                    <a:pt x="34117" y="75691"/>
                    <a:pt x="30981" y="76262"/>
                    <a:pt x="27370" y="75024"/>
                  </a:cubicBezTo>
                  <a:cubicBezTo>
                    <a:pt x="24234" y="74263"/>
                    <a:pt x="21478" y="71978"/>
                    <a:pt x="19673" y="68837"/>
                  </a:cubicBezTo>
                  <a:lnTo>
                    <a:pt x="1618" y="35423"/>
                  </a:lnTo>
                  <a:cubicBezTo>
                    <a:pt x="-1803" y="29140"/>
                    <a:pt x="383" y="20953"/>
                    <a:pt x="6464" y="17335"/>
                  </a:cubicBezTo>
                  <a:cubicBezTo>
                    <a:pt x="8460" y="16288"/>
                    <a:pt x="10645" y="15622"/>
                    <a:pt x="12736" y="15622"/>
                  </a:cubicBezTo>
                  <a:cubicBezTo>
                    <a:pt x="13971" y="15622"/>
                    <a:pt x="15112" y="15812"/>
                    <a:pt x="16157" y="16193"/>
                  </a:cubicBezTo>
                  <a:cubicBezTo>
                    <a:pt x="19388" y="17050"/>
                    <a:pt x="22143" y="19144"/>
                    <a:pt x="23854" y="22190"/>
                  </a:cubicBezTo>
                  <a:cubicBezTo>
                    <a:pt x="23854" y="22190"/>
                    <a:pt x="23854" y="22286"/>
                    <a:pt x="23949" y="22286"/>
                  </a:cubicBezTo>
                  <a:lnTo>
                    <a:pt x="35637" y="44086"/>
                  </a:lnTo>
                  <a:lnTo>
                    <a:pt x="108237" y="1628"/>
                  </a:lnTo>
                  <a:cubicBezTo>
                    <a:pt x="111278" y="-86"/>
                    <a:pt x="114604" y="-466"/>
                    <a:pt x="117929" y="581"/>
                  </a:cubicBezTo>
                  <a:cubicBezTo>
                    <a:pt x="121921" y="1533"/>
                    <a:pt x="124296" y="4484"/>
                    <a:pt x="125532" y="6673"/>
                  </a:cubicBezTo>
                  <a:cubicBezTo>
                    <a:pt x="127242" y="10005"/>
                    <a:pt x="127622" y="13432"/>
                    <a:pt x="126767" y="16955"/>
                  </a:cubicBezTo>
                  <a:close/>
                </a:path>
              </a:pathLst>
            </a:custGeom>
            <a:solidFill>
              <a:srgbClr val="265A9A"/>
            </a:solidFill>
            <a:ln w="0" cap="flat">
              <a:noFill/>
              <a:prstDash val="solid"/>
              <a:miter/>
            </a:ln>
          </p:spPr>
          <p:txBody>
            <a:bodyPr rtlCol="0" anchor="ctr"/>
            <a:lstStyle/>
            <a:p>
              <a:endParaRPr lang="en-US" sz="1650"/>
            </a:p>
          </p:txBody>
        </p:sp>
      </p:grpSp>
      <p:sp>
        <p:nvSpPr>
          <p:cNvPr id="19" name="Slide Number Placeholder 18">
            <a:extLst>
              <a:ext uri="{FF2B5EF4-FFF2-40B4-BE49-F238E27FC236}">
                <a16:creationId xmlns:a16="http://schemas.microsoft.com/office/drawing/2014/main" id="{DF619014-1C53-C257-BE21-423BF46A1F2E}"/>
              </a:ext>
            </a:extLst>
          </p:cNvPr>
          <p:cNvSpPr>
            <a:spLocks noGrp="1"/>
          </p:cNvSpPr>
          <p:nvPr>
            <p:ph type="sldNum" sz="quarter" idx="4"/>
          </p:nvPr>
        </p:nvSpPr>
        <p:spPr/>
        <p:txBody>
          <a:bodyPr/>
          <a:lstStyle/>
          <a:p>
            <a:fld id="{3FE8A0A5-0893-3B4E-9EB9-FE67329D76D6}" type="slidenum">
              <a:rPr lang="en-US" smtClean="0"/>
              <a:pPr/>
              <a:t>4</a:t>
            </a:fld>
            <a:endParaRPr lang="en-US"/>
          </a:p>
        </p:txBody>
      </p:sp>
    </p:spTree>
    <p:extLst>
      <p:ext uri="{BB962C8B-B14F-4D97-AF65-F5344CB8AC3E}">
        <p14:creationId xmlns:p14="http://schemas.microsoft.com/office/powerpoint/2010/main" val="251765457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DAD503E-CD11-9B1A-9896-473D984704C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6405F311-8A41-5446-E8A8-6A646FE59E72}"/>
              </a:ext>
            </a:extLst>
          </p:cNvPr>
          <p:cNvSpPr>
            <a:spLocks noGrp="1"/>
          </p:cNvSpPr>
          <p:nvPr>
            <p:ph type="ctrTitle"/>
          </p:nvPr>
        </p:nvSpPr>
        <p:spPr/>
        <p:txBody>
          <a:bodyPr>
            <a:normAutofit/>
          </a:bodyPr>
          <a:lstStyle/>
          <a:p>
            <a:r>
              <a:rPr lang="en-US"/>
              <a:t>An Aboriginal and Torres Strait Islander services schedule</a:t>
            </a:r>
            <a:endParaRPr lang="en-AU"/>
          </a:p>
        </p:txBody>
      </p:sp>
      <p:sp>
        <p:nvSpPr>
          <p:cNvPr id="8" name="TextBox 7">
            <a:extLst>
              <a:ext uri="{FF2B5EF4-FFF2-40B4-BE49-F238E27FC236}">
                <a16:creationId xmlns:a16="http://schemas.microsoft.com/office/drawing/2014/main" id="{62EEB187-1245-5CDC-525B-0FA0A766CB06}"/>
              </a:ext>
            </a:extLst>
          </p:cNvPr>
          <p:cNvSpPr txBox="1"/>
          <p:nvPr/>
        </p:nvSpPr>
        <p:spPr>
          <a:xfrm>
            <a:off x="819061" y="1844824"/>
            <a:ext cx="4425196" cy="523220"/>
          </a:xfrm>
          <a:prstGeom prst="rect">
            <a:avLst/>
          </a:prstGeom>
          <a:solidFill>
            <a:schemeClr val="bg1">
              <a:lumMod val="95000"/>
            </a:schemeClr>
          </a:solidFill>
        </p:spPr>
        <p:txBody>
          <a:bodyPr wrap="square" rtlCol="0">
            <a:spAutoFit/>
          </a:bodyPr>
          <a:lstStyle/>
          <a:p>
            <a:pPr algn="ctr"/>
            <a:r>
              <a:rPr lang="en-US" sz="1400" b="1"/>
              <a:t>Psychological distress among Aboriginal and Torres Strait Islander people</a:t>
            </a:r>
            <a:endParaRPr lang="en-AU" sz="1400"/>
          </a:p>
        </p:txBody>
      </p:sp>
      <p:grpSp>
        <p:nvGrpSpPr>
          <p:cNvPr id="14" name="Group 13">
            <a:extLst>
              <a:ext uri="{FF2B5EF4-FFF2-40B4-BE49-F238E27FC236}">
                <a16:creationId xmlns:a16="http://schemas.microsoft.com/office/drawing/2014/main" id="{2A249139-48A2-D115-77ED-87FA551DA049}"/>
              </a:ext>
            </a:extLst>
          </p:cNvPr>
          <p:cNvGrpSpPr/>
          <p:nvPr/>
        </p:nvGrpSpPr>
        <p:grpSpPr>
          <a:xfrm>
            <a:off x="5600738" y="1844826"/>
            <a:ext cx="7200798" cy="5013174"/>
            <a:chOff x="2" y="530057"/>
            <a:chExt cx="3705242" cy="4795979"/>
          </a:xfrm>
        </p:grpSpPr>
        <p:sp>
          <p:nvSpPr>
            <p:cNvPr id="18" name="Rectangle 17">
              <a:extLst>
                <a:ext uri="{FF2B5EF4-FFF2-40B4-BE49-F238E27FC236}">
                  <a16:creationId xmlns:a16="http://schemas.microsoft.com/office/drawing/2014/main" id="{138B88D5-CBE8-F226-0757-7125C47757F5}"/>
                </a:ext>
              </a:extLst>
            </p:cNvPr>
            <p:cNvSpPr/>
            <p:nvPr/>
          </p:nvSpPr>
          <p:spPr>
            <a:xfrm>
              <a:off x="2" y="1358803"/>
              <a:ext cx="3020196" cy="1605072"/>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tIns="122381" bIns="163175" rtlCol="0" anchor="t" anchorCtr="0"/>
            <a:lstStyle/>
            <a:p>
              <a:pPr marL="285750" indent="-285750">
                <a:buFont typeface="Arial" panose="020B0604020202020204" pitchFamily="34" charset="0"/>
                <a:buChar char="•"/>
              </a:pPr>
              <a:r>
                <a:rPr lang="en-US" sz="1400">
                  <a:solidFill>
                    <a:schemeClr val="tx1"/>
                  </a:solidFill>
                  <a:effectLst/>
                  <a:ea typeface="Arial" panose="020B0604020202020204" pitchFamily="34" charset="0"/>
                  <a:cs typeface="Times New Roman" panose="02020603050405020304" pitchFamily="18" charset="0"/>
                </a:rPr>
                <a:t>Should align with relevant agreements, strategies and partnerships:</a:t>
              </a:r>
            </a:p>
            <a:p>
              <a:pPr marL="742950" lvl="1" indent="-285750">
                <a:buFont typeface="Wingdings" panose="05000000000000000000" pitchFamily="2" charset="2"/>
                <a:buChar char="§"/>
              </a:pPr>
              <a:r>
                <a:rPr lang="en-US" sz="1400">
                  <a:solidFill>
                    <a:schemeClr val="tx1"/>
                  </a:solidFill>
                  <a:effectLst/>
                  <a:ea typeface="Arial" panose="020B0604020202020204" pitchFamily="34" charset="0"/>
                  <a:cs typeface="Times New Roman" panose="02020603050405020304" pitchFamily="18" charset="0"/>
                </a:rPr>
                <a:t>National Closing the Gap Agreement </a:t>
              </a:r>
              <a:r>
                <a:rPr lang="en-US" sz="1400">
                  <a:solidFill>
                    <a:schemeClr val="tx1"/>
                  </a:solidFill>
                  <a:cs typeface="Times New Roman" panose="02020603050405020304" pitchFamily="18" charset="0"/>
                </a:rPr>
                <a:t>&amp; Social and Emotional Wellbeing Policy Partnership</a:t>
              </a:r>
            </a:p>
            <a:p>
              <a:pPr marL="742950" lvl="1" indent="-285750">
                <a:buFont typeface="Wingdings" panose="05000000000000000000" pitchFamily="2" charset="2"/>
                <a:buChar char="§"/>
              </a:pPr>
              <a:r>
                <a:rPr lang="en-US" sz="1400">
                  <a:solidFill>
                    <a:schemeClr val="tx1"/>
                  </a:solidFill>
                  <a:cs typeface="Times New Roman" panose="02020603050405020304" pitchFamily="18" charset="0"/>
                </a:rPr>
                <a:t>Gayaa Dhuwi (Proud Spirit) Declaration</a:t>
              </a:r>
            </a:p>
            <a:p>
              <a:pPr marL="742950" lvl="1" indent="-285750">
                <a:buFont typeface="Wingdings" panose="05000000000000000000" pitchFamily="2" charset="2"/>
                <a:buChar char="§"/>
              </a:pPr>
              <a:r>
                <a:rPr lang="en-US" sz="1400">
                  <a:solidFill>
                    <a:schemeClr val="tx1"/>
                  </a:solidFill>
                  <a:cs typeface="Times New Roman" panose="02020603050405020304" pitchFamily="18" charset="0"/>
                </a:rPr>
                <a:t>National Aboriginal and Torres Strait Islander Suicide Prevention strategy </a:t>
              </a:r>
              <a:endParaRPr lang="en-AU" sz="1400">
                <a:solidFill>
                  <a:schemeClr val="tx1"/>
                </a:solidFill>
              </a:endParaRPr>
            </a:p>
            <a:p>
              <a:pPr>
                <a:spcAft>
                  <a:spcPts val="453"/>
                </a:spcAft>
              </a:pPr>
              <a:r>
                <a:rPr lang="en-AU" sz="1100" b="1">
                  <a:solidFill>
                    <a:schemeClr val="tx1"/>
                  </a:solidFill>
                  <a:effectLst/>
                  <a:ea typeface="Arial" panose="020B0604020202020204" pitchFamily="34" charset="0"/>
                  <a:cs typeface="Times New Roman" panose="02020603050405020304" pitchFamily="18" charset="0"/>
                </a:rPr>
                <a:t> </a:t>
              </a:r>
            </a:p>
          </p:txBody>
        </p:sp>
        <p:sp>
          <p:nvSpPr>
            <p:cNvPr id="19" name="Rectangle 18">
              <a:extLst>
                <a:ext uri="{FF2B5EF4-FFF2-40B4-BE49-F238E27FC236}">
                  <a16:creationId xmlns:a16="http://schemas.microsoft.com/office/drawing/2014/main" id="{A3B24732-BF5B-220A-E862-F3DB645D41B3}"/>
                </a:ext>
              </a:extLst>
            </p:cNvPr>
            <p:cNvSpPr/>
            <p:nvPr/>
          </p:nvSpPr>
          <p:spPr>
            <a:xfrm>
              <a:off x="2" y="3097749"/>
              <a:ext cx="1493755" cy="804386"/>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342900" indent="-342900">
                <a:buFont typeface="Arial" panose="020B0604020202020204" pitchFamily="34" charset="0"/>
                <a:buChar char="•"/>
              </a:pPr>
              <a:r>
                <a:rPr lang="en-US" sz="1400" err="1">
                  <a:solidFill>
                    <a:schemeClr val="tx1"/>
                  </a:solidFill>
                </a:rPr>
                <a:t>Prioritise</a:t>
              </a:r>
              <a:r>
                <a:rPr lang="en-US" sz="1400">
                  <a:solidFill>
                    <a:schemeClr val="tx1"/>
                  </a:solidFill>
                </a:rPr>
                <a:t> cultural safety</a:t>
              </a:r>
              <a:endParaRPr lang="en-AU" sz="1400">
                <a:solidFill>
                  <a:schemeClr val="tx1"/>
                </a:solidFill>
              </a:endParaRPr>
            </a:p>
          </p:txBody>
        </p:sp>
        <p:sp>
          <p:nvSpPr>
            <p:cNvPr id="26" name="Rectangle 25">
              <a:extLst>
                <a:ext uri="{FF2B5EF4-FFF2-40B4-BE49-F238E27FC236}">
                  <a16:creationId xmlns:a16="http://schemas.microsoft.com/office/drawing/2014/main" id="{1C2AA54E-467F-8EFA-5E60-8B188A226A53}"/>
                </a:ext>
              </a:extLst>
            </p:cNvPr>
            <p:cNvSpPr/>
            <p:nvPr/>
          </p:nvSpPr>
          <p:spPr>
            <a:xfrm>
              <a:off x="1606645" y="3097749"/>
              <a:ext cx="1413553" cy="804386"/>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defTabSz="1036198">
                <a:buFont typeface="Arial" panose="020B0604020202020204" pitchFamily="34" charset="0"/>
                <a:buChar char="•"/>
                <a:defRPr/>
              </a:pPr>
              <a:r>
                <a:rPr lang="en-US" sz="1400">
                  <a:solidFill>
                    <a:prstClr val="black"/>
                  </a:solidFill>
                  <a:latin typeface="+mj-lt"/>
                </a:rPr>
                <a:t>Invest in the SEWB workforce</a:t>
              </a:r>
              <a:endParaRPr lang="en-AU" sz="1400">
                <a:solidFill>
                  <a:prstClr val="black"/>
                </a:solidFill>
                <a:latin typeface="+mj-lt"/>
              </a:endParaRPr>
            </a:p>
          </p:txBody>
        </p:sp>
        <p:sp>
          <p:nvSpPr>
            <p:cNvPr id="32" name="Rectangle 31">
              <a:extLst>
                <a:ext uri="{FF2B5EF4-FFF2-40B4-BE49-F238E27FC236}">
                  <a16:creationId xmlns:a16="http://schemas.microsoft.com/office/drawing/2014/main" id="{A91A602A-4C40-EB69-E1DC-E433C4D46073}"/>
                </a:ext>
              </a:extLst>
            </p:cNvPr>
            <p:cNvSpPr/>
            <p:nvPr/>
          </p:nvSpPr>
          <p:spPr>
            <a:xfrm>
              <a:off x="2" y="4036009"/>
              <a:ext cx="1493755" cy="804386"/>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defTabSz="1036198">
                <a:buFont typeface="Arial" panose="020B0604020202020204" pitchFamily="34" charset="0"/>
                <a:buChar char="•"/>
                <a:defRPr/>
              </a:pPr>
              <a:r>
                <a:rPr lang="en-US" sz="1400">
                  <a:solidFill>
                    <a:prstClr val="black"/>
                  </a:solidFill>
                  <a:latin typeface="+mj-lt"/>
                </a:rPr>
                <a:t>Support the community-controlled sector</a:t>
              </a:r>
              <a:endParaRPr lang="en-AU" sz="1400">
                <a:solidFill>
                  <a:prstClr val="black"/>
                </a:solidFill>
                <a:latin typeface="+mj-lt"/>
              </a:endParaRPr>
            </a:p>
          </p:txBody>
        </p:sp>
        <p:sp>
          <p:nvSpPr>
            <p:cNvPr id="33" name="Rectangle 32">
              <a:extLst>
                <a:ext uri="{FF2B5EF4-FFF2-40B4-BE49-F238E27FC236}">
                  <a16:creationId xmlns:a16="http://schemas.microsoft.com/office/drawing/2014/main" id="{2C7D3864-53BF-E45D-FE33-B04F58B5EF02}"/>
                </a:ext>
              </a:extLst>
            </p:cNvPr>
            <p:cNvSpPr/>
            <p:nvPr/>
          </p:nvSpPr>
          <p:spPr>
            <a:xfrm>
              <a:off x="1606645" y="4036009"/>
              <a:ext cx="1413553" cy="804386"/>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defTabSz="1036198">
                <a:buFont typeface="Arial" panose="020B0604020202020204" pitchFamily="34" charset="0"/>
                <a:buChar char="•"/>
                <a:defRPr/>
              </a:pPr>
              <a:r>
                <a:rPr lang="en-US" sz="1400">
                  <a:solidFill>
                    <a:prstClr val="black"/>
                  </a:solidFill>
                  <a:latin typeface="+mj-lt"/>
                </a:rPr>
                <a:t>Governance role for SEWB Policy Partnership</a:t>
              </a:r>
              <a:endParaRPr lang="en-AU" sz="1400">
                <a:solidFill>
                  <a:prstClr val="black"/>
                </a:solidFill>
                <a:latin typeface="+mj-lt"/>
              </a:endParaRPr>
            </a:p>
          </p:txBody>
        </p:sp>
        <p:sp>
          <p:nvSpPr>
            <p:cNvPr id="37" name="Rectangle 36">
              <a:extLst>
                <a:ext uri="{FF2B5EF4-FFF2-40B4-BE49-F238E27FC236}">
                  <a16:creationId xmlns:a16="http://schemas.microsoft.com/office/drawing/2014/main" id="{9AE6CAE1-5EC1-7905-F647-67EA5BD0765D}"/>
                </a:ext>
              </a:extLst>
            </p:cNvPr>
            <p:cNvSpPr/>
            <p:nvPr/>
          </p:nvSpPr>
          <p:spPr>
            <a:xfrm>
              <a:off x="2" y="530057"/>
              <a:ext cx="3020196" cy="694872"/>
            </a:xfrm>
            <a:prstGeom prst="rect">
              <a:avLst/>
            </a:prstGeom>
            <a:solidFill>
              <a:srgbClr val="2B9AC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700" b="1"/>
                <a:t>New Aboriginal and Torres Strait Islander </a:t>
              </a:r>
              <a:br>
                <a:rPr lang="en-US" sz="1700" b="1"/>
              </a:br>
              <a:r>
                <a:rPr lang="en-US" sz="1700" b="1"/>
                <a:t>services schedule</a:t>
              </a:r>
              <a:endParaRPr lang="en-AU" sz="1700"/>
            </a:p>
          </p:txBody>
        </p:sp>
        <p:sp>
          <p:nvSpPr>
            <p:cNvPr id="44" name="Graphic 2">
              <a:extLst>
                <a:ext uri="{FF2B5EF4-FFF2-40B4-BE49-F238E27FC236}">
                  <a16:creationId xmlns:a16="http://schemas.microsoft.com/office/drawing/2014/main" id="{2D1C9642-0E6C-B4FD-E9CC-785E8939B3EC}"/>
                </a:ext>
              </a:extLst>
            </p:cNvPr>
            <p:cNvSpPr/>
            <p:nvPr/>
          </p:nvSpPr>
          <p:spPr>
            <a:xfrm>
              <a:off x="3646096" y="5266890"/>
              <a:ext cx="59148" cy="59146"/>
            </a:xfrm>
            <a:custGeom>
              <a:avLst/>
              <a:gdLst>
                <a:gd name="connsiteX0" fmla="*/ 52199 w 52198"/>
                <a:gd name="connsiteY0" fmla="*/ 26384 h 52196"/>
                <a:gd name="connsiteX1" fmla="*/ 25814 w 52198"/>
                <a:gd name="connsiteY1" fmla="*/ 52195 h 52196"/>
                <a:gd name="connsiteX2" fmla="*/ 1 w 52198"/>
                <a:gd name="connsiteY2" fmla="*/ 25813 h 52196"/>
                <a:gd name="connsiteX3" fmla="*/ 26100 w 52198"/>
                <a:gd name="connsiteY3" fmla="*/ 0 h 52196"/>
                <a:gd name="connsiteX4" fmla="*/ 52199 w 52198"/>
                <a:gd name="connsiteY4" fmla="*/ 26097 h 52196"/>
                <a:gd name="connsiteX5" fmla="*/ 52199 w 52198"/>
                <a:gd name="connsiteY5" fmla="*/ 26384 h 521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2198" h="52196">
                  <a:moveTo>
                    <a:pt x="52199" y="26384"/>
                  </a:moveTo>
                  <a:cubicBezTo>
                    <a:pt x="52037" y="40798"/>
                    <a:pt x="40226" y="52353"/>
                    <a:pt x="25814" y="52195"/>
                  </a:cubicBezTo>
                  <a:cubicBezTo>
                    <a:pt x="11403" y="52038"/>
                    <a:pt x="-151" y="40226"/>
                    <a:pt x="1" y="25813"/>
                  </a:cubicBezTo>
                  <a:cubicBezTo>
                    <a:pt x="163" y="11512"/>
                    <a:pt x="11803" y="1"/>
                    <a:pt x="26100" y="0"/>
                  </a:cubicBezTo>
                  <a:cubicBezTo>
                    <a:pt x="40511" y="-1"/>
                    <a:pt x="52199" y="11683"/>
                    <a:pt x="52199" y="26097"/>
                  </a:cubicBezTo>
                  <a:cubicBezTo>
                    <a:pt x="52199" y="26193"/>
                    <a:pt x="52199" y="26288"/>
                    <a:pt x="52199" y="26384"/>
                  </a:cubicBezTo>
                  <a:close/>
                </a:path>
              </a:pathLst>
            </a:custGeom>
            <a:solidFill>
              <a:srgbClr val="C7E4F1"/>
            </a:solidFill>
            <a:ln w="9525" cap="flat">
              <a:noFill/>
              <a:prstDash val="solid"/>
              <a:miter/>
            </a:ln>
          </p:spPr>
          <p:txBody>
            <a:bodyPr rtlCol="0" anchor="ctr"/>
            <a:lstStyle/>
            <a:p>
              <a:endParaRPr lang="en-AU" sz="2720"/>
            </a:p>
          </p:txBody>
        </p:sp>
      </p:grpSp>
      <p:graphicFrame>
        <p:nvGraphicFramePr>
          <p:cNvPr id="45" name="Chart 44" descr="{&quot;ChartDesign&quot;:{&quot;General&quot;:{&quot;FontName&quot;:&quot;Arial&quot;,&quot;FontNameFarEast&quot;:null,&quot;FontNameComplexScript&quot;:null,&quot;FontSize&quot;:9.0,&quot;FontSizePp&quot;:null,&quot;FontColorRef&quot;:&quot;Black&quot;},&quot;Gridlines&quot;:{&quot;MajorHorizontal&quot;:false,&quot;MajorVertical&quot;:false,&quot;MinorHorizontal&quot;:false,&quot;MinorVertical&quot;:false,&quot;Weight&quot;:null,&quot;ColorRef&quot;:null,&quot;LineStyle&quot;:null},&quot;Axis&quot;:{&quot;AxisLines&quot;:{&quot;PrimaryCategory&quot;:{&quot;Weight&quot;:0.75,&quot;ColorRef&quot;:&quot;AxisColor&quot;,&quot;MajorTickMarks&quot;:null,&quot;MinorTickMarks&quot;:null,&quot;HasAxisTitle&quot;:true,&quot;AxisTitleDesign&quot;:{&quot;FontBold&quot;:true,&quot;FontName&quot;:&quot;Arial&quot;,&quot;FontSize&quot;:9.0},&quot;Visible&quot;:true},&quot;PrimaryValue&quot;:{&quot;Weight&quot;:0.75,&quot;ColorRef&quot;:&quot;AxisColor&quot;,&quot;MajorTickMarks&quot;:&quot;Outside&quot;,&quot;MinorTickMarks&quot;:null,&quot;HasAxisTitle&quot;:true,&quot;AxisTitleDesign&quot;:{&quot;FontBold&quot;:true,&quot;FontName&quot;:&quot;Arial&quot;,&quot;FontSize&quot;:9.0},&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quot;Rotation&quot;:90.0},&quot;SeriesOverlap&quot;:null,&quot;GapWidth&quot;:null},&quot;ChartTitle&quot;:{&quot;FontName&quot;:&quot;Arial&quot;,&quot;FontNameFarEast&quot;:null,&quot;FontNameComplexScript&quot;:null,&quot;FontSize&quot;:9.0,&quot;FontSizePp&quot;:null,&quot;FontColorRef&quot;:&quot;Black&quot;,&quot;FontBold&quot;:true,&quot;ChartTitlePosition&quot;:&quot;Left&quot;},&quot;Legend&quot;:{&quot;Position&quot;:&quot;Bottom&quot;,&quot;FontName&quot;:null,&quot;FontNameFarEast&quot;:null,&quot;FontNameComplexScript&quot;:null,&quot;FontSize&quot;:null,&quot;FontSizePp&quot;:null,&quot;FontColorRef&quot;:null,&quot;FontBold&quot;:false},&quot;ChartArea&quot;:{&quot;FillType&quot;:&quot;NoFill&quot;,&quot;FillColorRef&quot;:null,&quot;Border&quot;:{&quot;Type&quot;:&quot;None&quot;,&quot;Width&quot;:null,&quot;ColorRef&quot;:null}},&quot;PlotArea&quot;:{&quot;FillType&quot;:null},&quot;CustomRules&quot;:null,&quot;DataSeries&quot;:[{&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SeriesDesign&quot;:{&quot;FirstSliceAngle&quot;:null,&quot;DoughnutHoleSize&quot;:null,&quot;DoughnutExplosion&quot;:null,&quot;PieExplosion&quot;:null,&quot;SeriesOverlap&quot;:-27.0,&quot;GapWidth&quot;:219.0,&quot;BorderColorRef&quot;:null,&quot;MarkerStyle&quot;:null,&quot;MarkerFillColorRef&quot;:null,&quot;MarkerBorderColorRef&quot;:null,&quot;HasDataLabels&quot;:null,&quot;DisableBorders&quot;:null,&quot;DataLabelDesign&quot;:null,&quot;LineWeight&quot;:2.0,&quot;LeaderLinesDesign&quot;:null,&quot;HasLeaderLines&quot;:null,&quot;SeriesLinesDesign&quot;:null,&quot;DashStyle&quot;:6},&quot;SkipBlankSeries&quot;:true,&quot;Pie&quot;:{&quot;General&quot;:null,&quot;Gridlines&quot;:null,&quot;Axis&quot;:null,&quot;ChartTitle&quot;:null,&quot;Legend&quot;:{&quot;Position&quot;:&quot;TopRight&quot;,&quot;FontName&quot;:null,&quot;FontNameFarEast&quot;:null,&quot;FontNameComplexScript&quot;:null,&quot;FontSize&quot;:null,&quot;FontSizePp&quot;:null,&quot;FontColorRef&quot;:null,&quot;FontBold&quot;:false},&quot;ChartArea&quot;:null,&quot;PlotArea&quot;:null,&quot;CustomRules&quot;:null,&quot;DataSeries&quot;:null,&quot;SeriesDesign&quot;:{&quot;FirstSliceAngle&quot;:null,&quot;DoughnutHoleSize&quot;:null,&quot;DoughnutExplosion&quot;:null,&quot;PieExplosion&quot;:null,&quot;SeriesOverlap&quot;:null,&quot;GapWidth&quot;:null,&quot;BorderColorRef&quot;:null,&quot;MarkerStyle&quot;:null,&quot;MarkerFillColorRef&quot;:null,&quot;MarkerBorderColorRef&quot;:null,&quot;HasDataLabels&quot;:true,&quot;DisableBorders&quot;:true,&quot;DataLabelDesign&quot;:{&quot;FontBold&quot;:null,&quot;ShowValue&quot;:null,&quot;ShowCategory&quot;:null,&quot;ShowSeriesName&quot;:null,&quot;ShowLegendKey&quot;:null,&quot;NumberFormat&quot;:null,&quot;LabelSeparator&quot;:null,&quot;Position&quot;:&quot;BestFit&quot;,&quot;ShowPercentage&quot;:null,&quot;FontName&quot;:null,&quot;FontNameFarEast&quot;:null,&quot;FontNameComplexScript&quot;:null,&quot;FontSize&quot;:null,&quot;FontSizePp&quot;:null,&quot;FontColorRef&quot;:&quot;White&quot;},&quot;LineWeight&quot;:null,&quot;LeaderLinesDesign&quot;:null,&quot;HasLeaderLines&quot;:null,&quot;SeriesLinesDesign&quot;:null,&quot;DashStyle&quot;:null},&quot;SkipBlankSeries&quot;:false,&quot;Pie&quot;:null,&quot;Doughnut&quot;:null,&quot;PieDoughnut&quot;:null,&quot;Line&quot;:null},&quot;Doughnut&quot;:null,&quot;PieDoughnut&quot;:null,&quot;Line&quot;:{&quot;General&quot;:null,&quot;Gridlines&quot;:null,&quot;Axis&quot;:{&quot;AxisLines&quot;:{&quot;PrimaryCategory&quot;:{&quot;Weight&quot;:0.75,&quot;ColorRef&quot;:&quot;AxisColor&quot;,&quot;MajorTickMarks&quot;:&quot;Outside&quot;,&quot;MinorTickMarks&quot;:null,&quot;HasAxisTitle&quot;:null,&quot;AxisTitleDesign&quot;:null,&quot;Visible&quot;:true},&quot;PrimaryValue&quot;:{&quot;Weight&quot;:null,&quot;ColorRef&quot;:null,&quot;MajorTickMarks&quot;:null,&quot;MinorTickMarks&quot;:null,&quot;HasAxisTitle&quot;:null,&quot;AxisTitleDesign&quot;:null,&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null,&quot;Legend&quot;:null,&quot;ChartArea&quot;:null,&quot;PlotArea&quot;:null,&quot;CustomRules&quot;:null,&quot;DataSeries&quot;:null,&quot;SeriesDesign&quot;:null,&quot;SkipBlankSeries&quot;:false,&quot;Pie&quot;:null,&quot;Doughnut&quot;:null,&quot;PieDoughnut&quot;:null,&quot;Line&quot;:null}},&quot;ColorSchema&quot;:{&quot;Color1&quot;:&quot;102,188,219&quot;,&quot;Color2&quot;:&quot;38,90,154&quot;,&quot;Color3&quot;:&quot;120,162,47&quot;,&quot;Color4&quot;:&quot;77,112,40&quot;,&quot;Color5&quot;:&quot;244,177,35&quot;,&quot;Color6&quot;:&quot;241,90,37&quot;,&quot;Color7&quot;:&quot;165,40,40&quot;,&quot;Color8&quot;:&quot;137,86,163&quot;,&quot;AxisColor&quot;:&quot;191,191,191&quot;,&quot;White&quot;:&quot;255,255,255&quot;,&quot;Black&quot;:&quot;0, 0, 0&quot;}}">
            <a:extLst>
              <a:ext uri="{FF2B5EF4-FFF2-40B4-BE49-F238E27FC236}">
                <a16:creationId xmlns:a16="http://schemas.microsoft.com/office/drawing/2014/main" id="{645D14BB-F064-99AE-2C08-896D1797BF9A}"/>
              </a:ext>
            </a:extLst>
          </p:cNvPr>
          <p:cNvGraphicFramePr>
            <a:graphicFrameLocks/>
          </p:cNvGraphicFramePr>
          <p:nvPr/>
        </p:nvGraphicFramePr>
        <p:xfrm>
          <a:off x="687903" y="2712506"/>
          <a:ext cx="4556354" cy="3637859"/>
        </p:xfrm>
        <a:graphic>
          <a:graphicData uri="http://schemas.openxmlformats.org/drawingml/2006/chart">
            <c:chart xmlns:c="http://schemas.openxmlformats.org/drawingml/2006/chart" xmlns:r="http://schemas.openxmlformats.org/officeDocument/2006/relationships" r:id="rId3"/>
          </a:graphicData>
        </a:graphic>
      </p:graphicFrame>
      <p:sp>
        <p:nvSpPr>
          <p:cNvPr id="3" name="Slide Number Placeholder 2">
            <a:extLst>
              <a:ext uri="{FF2B5EF4-FFF2-40B4-BE49-F238E27FC236}">
                <a16:creationId xmlns:a16="http://schemas.microsoft.com/office/drawing/2014/main" id="{3E2E139C-B01B-34D5-A604-3B66B0D68866}"/>
              </a:ext>
            </a:extLst>
          </p:cNvPr>
          <p:cNvSpPr>
            <a:spLocks noGrp="1"/>
          </p:cNvSpPr>
          <p:nvPr>
            <p:ph type="sldNum" sz="quarter" idx="4"/>
          </p:nvPr>
        </p:nvSpPr>
        <p:spPr/>
        <p:txBody>
          <a:bodyPr/>
          <a:lstStyle/>
          <a:p>
            <a:fld id="{3FE8A0A5-0893-3B4E-9EB9-FE67329D76D6}" type="slidenum">
              <a:rPr lang="en-US" smtClean="0"/>
              <a:pPr/>
              <a:t>40</a:t>
            </a:fld>
            <a:endParaRPr lang="en-US"/>
          </a:p>
        </p:txBody>
      </p:sp>
      <p:sp>
        <p:nvSpPr>
          <p:cNvPr id="5" name="Subtitle 4">
            <a:extLst>
              <a:ext uri="{FF2B5EF4-FFF2-40B4-BE49-F238E27FC236}">
                <a16:creationId xmlns:a16="http://schemas.microsoft.com/office/drawing/2014/main" id="{00BE5A56-6A9F-8E0A-BCAE-DD12A2345E89}"/>
              </a:ext>
            </a:extLst>
          </p:cNvPr>
          <p:cNvSpPr>
            <a:spLocks noGrp="1"/>
          </p:cNvSpPr>
          <p:nvPr>
            <p:ph type="subTitle" idx="1"/>
          </p:nvPr>
        </p:nvSpPr>
        <p:spPr/>
        <p:txBody>
          <a:bodyPr/>
          <a:lstStyle/>
          <a:p>
            <a:r>
              <a:rPr lang="en-AU">
                <a:solidFill>
                  <a:schemeClr val="tx2"/>
                </a:solidFill>
              </a:rPr>
              <a:t>A new schedule to recognise the unique factors affecting the social and emotional wellbeing of Aboriginal and Torres Strait Islander people</a:t>
            </a:r>
          </a:p>
        </p:txBody>
      </p:sp>
    </p:spTree>
    <p:extLst>
      <p:ext uri="{BB962C8B-B14F-4D97-AF65-F5344CB8AC3E}">
        <p14:creationId xmlns:p14="http://schemas.microsoft.com/office/powerpoint/2010/main" val="358208249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3D7A29-8F4A-95BB-AF4C-ADF04C840A0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AEE2624-5E15-4A31-15B3-C3CE2A8A3355}"/>
              </a:ext>
            </a:extLst>
          </p:cNvPr>
          <p:cNvSpPr>
            <a:spLocks noGrp="1"/>
          </p:cNvSpPr>
          <p:nvPr>
            <p:ph type="ctrTitle"/>
          </p:nvPr>
        </p:nvSpPr>
        <p:spPr>
          <a:xfrm>
            <a:off x="477318" y="519449"/>
            <a:ext cx="11082431" cy="515848"/>
          </a:xfrm>
        </p:spPr>
        <p:txBody>
          <a:bodyPr>
            <a:normAutofit/>
          </a:bodyPr>
          <a:lstStyle/>
          <a:p>
            <a:r>
              <a:rPr lang="en-US"/>
              <a:t> A suicide prevention schedule</a:t>
            </a:r>
            <a:endParaRPr lang="en-AU"/>
          </a:p>
        </p:txBody>
      </p:sp>
      <p:grpSp>
        <p:nvGrpSpPr>
          <p:cNvPr id="82" name="Group 81">
            <a:extLst>
              <a:ext uri="{FF2B5EF4-FFF2-40B4-BE49-F238E27FC236}">
                <a16:creationId xmlns:a16="http://schemas.microsoft.com/office/drawing/2014/main" id="{E3040E9F-5C3A-9714-EDEA-B1B5877B8F61}"/>
              </a:ext>
            </a:extLst>
          </p:cNvPr>
          <p:cNvGrpSpPr/>
          <p:nvPr/>
        </p:nvGrpSpPr>
        <p:grpSpPr>
          <a:xfrm>
            <a:off x="609818" y="1841018"/>
            <a:ext cx="5532860" cy="3881476"/>
            <a:chOff x="3133244" y="1949750"/>
            <a:chExt cx="2977786" cy="3243957"/>
          </a:xfrm>
        </p:grpSpPr>
        <p:sp>
          <p:nvSpPr>
            <p:cNvPr id="38" name="Rectangle 37">
              <a:extLst>
                <a:ext uri="{FF2B5EF4-FFF2-40B4-BE49-F238E27FC236}">
                  <a16:creationId xmlns:a16="http://schemas.microsoft.com/office/drawing/2014/main" id="{FE516221-2F45-4602-E06A-C1730F57607E}"/>
                </a:ext>
              </a:extLst>
            </p:cNvPr>
            <p:cNvSpPr/>
            <p:nvPr/>
          </p:nvSpPr>
          <p:spPr>
            <a:xfrm>
              <a:off x="3133244" y="2686163"/>
              <a:ext cx="1486950" cy="1203484"/>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36198">
                <a:defRPr/>
              </a:pPr>
              <a:r>
                <a:rPr lang="en-US" sz="1300">
                  <a:solidFill>
                    <a:prstClr val="black"/>
                  </a:solidFill>
                  <a:latin typeface="+mj-lt"/>
                </a:rPr>
                <a:t>Alignment between schedule objectives and longer-term national strategy</a:t>
              </a:r>
              <a:endParaRPr lang="en-AU" sz="1300">
                <a:solidFill>
                  <a:prstClr val="black"/>
                </a:solidFill>
                <a:latin typeface="+mj-lt"/>
              </a:endParaRPr>
            </a:p>
          </p:txBody>
        </p:sp>
        <p:sp>
          <p:nvSpPr>
            <p:cNvPr id="39" name="Rectangle 38">
              <a:extLst>
                <a:ext uri="{FF2B5EF4-FFF2-40B4-BE49-F238E27FC236}">
                  <a16:creationId xmlns:a16="http://schemas.microsoft.com/office/drawing/2014/main" id="{E3A4CA92-8400-1F38-F8CE-DE6DCEECE7C2}"/>
                </a:ext>
              </a:extLst>
            </p:cNvPr>
            <p:cNvSpPr/>
            <p:nvPr/>
          </p:nvSpPr>
          <p:spPr>
            <a:xfrm>
              <a:off x="4686312" y="2696046"/>
              <a:ext cx="1424718" cy="1203484"/>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defTabSz="1036198">
                <a:defRPr/>
              </a:pPr>
              <a:r>
                <a:rPr lang="en-US" sz="1300">
                  <a:solidFill>
                    <a:prstClr val="black"/>
                  </a:solidFill>
                  <a:latin typeface="+mj-lt"/>
                </a:rPr>
                <a:t>Co-design with lived and living experience of suicide and service providers</a:t>
              </a:r>
              <a:endParaRPr lang="en-AU" sz="1300">
                <a:solidFill>
                  <a:prstClr val="black"/>
                </a:solidFill>
                <a:latin typeface="+mj-lt"/>
              </a:endParaRPr>
            </a:p>
          </p:txBody>
        </p:sp>
        <p:sp>
          <p:nvSpPr>
            <p:cNvPr id="49" name="Rectangle 48">
              <a:extLst>
                <a:ext uri="{FF2B5EF4-FFF2-40B4-BE49-F238E27FC236}">
                  <a16:creationId xmlns:a16="http://schemas.microsoft.com/office/drawing/2014/main" id="{B83CC045-440A-BAE4-8540-EAB6AB971B26}"/>
                </a:ext>
              </a:extLst>
            </p:cNvPr>
            <p:cNvSpPr/>
            <p:nvPr/>
          </p:nvSpPr>
          <p:spPr>
            <a:xfrm>
              <a:off x="3133244" y="3990223"/>
              <a:ext cx="1486950" cy="1203484"/>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36198">
                <a:defRPr/>
              </a:pPr>
              <a:r>
                <a:rPr lang="en-US" sz="1300">
                  <a:solidFill>
                    <a:prstClr val="black"/>
                  </a:solidFill>
                  <a:latin typeface="+mj-lt"/>
                </a:rPr>
                <a:t>NSPO responsible for </a:t>
              </a:r>
              <a:br>
                <a:rPr lang="en-US" sz="1300">
                  <a:solidFill>
                    <a:prstClr val="black"/>
                  </a:solidFill>
                  <a:latin typeface="+mj-lt"/>
                </a:rPr>
              </a:br>
              <a:r>
                <a:rPr lang="en-US" sz="1300">
                  <a:solidFill>
                    <a:prstClr val="black"/>
                  </a:solidFill>
                  <a:latin typeface="+mj-lt"/>
                </a:rPr>
                <a:t>monitoring and reporting</a:t>
              </a:r>
              <a:endParaRPr lang="en-AU" sz="1300">
                <a:solidFill>
                  <a:prstClr val="black"/>
                </a:solidFill>
                <a:latin typeface="+mj-lt"/>
              </a:endParaRPr>
            </a:p>
          </p:txBody>
        </p:sp>
        <p:sp>
          <p:nvSpPr>
            <p:cNvPr id="50" name="Rectangle 49">
              <a:extLst>
                <a:ext uri="{FF2B5EF4-FFF2-40B4-BE49-F238E27FC236}">
                  <a16:creationId xmlns:a16="http://schemas.microsoft.com/office/drawing/2014/main" id="{F98116E5-A56F-65FC-8245-A9F8D49BDB4A}"/>
                </a:ext>
              </a:extLst>
            </p:cNvPr>
            <p:cNvSpPr/>
            <p:nvPr/>
          </p:nvSpPr>
          <p:spPr>
            <a:xfrm>
              <a:off x="4686312" y="3990223"/>
              <a:ext cx="1424718" cy="1203484"/>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1300">
                <a:solidFill>
                  <a:prstClr val="black"/>
                </a:solidFill>
                <a:latin typeface="+mj-lt"/>
              </a:endParaRPr>
            </a:p>
            <a:p>
              <a:pPr algn="ctr"/>
              <a:endParaRPr lang="en-US" sz="1300">
                <a:solidFill>
                  <a:prstClr val="black"/>
                </a:solidFill>
                <a:latin typeface="+mj-lt"/>
              </a:endParaRPr>
            </a:p>
            <a:p>
              <a:pPr algn="ctr"/>
              <a:r>
                <a:rPr lang="en-US" sz="1300">
                  <a:solidFill>
                    <a:prstClr val="black"/>
                  </a:solidFill>
                  <a:latin typeface="+mj-lt"/>
                </a:rPr>
                <a:t>Clarify roles and responsibilities for areas specific to suicide prevention</a:t>
              </a:r>
              <a:endParaRPr lang="en-AU" sz="1300">
                <a:solidFill>
                  <a:prstClr val="black"/>
                </a:solidFill>
                <a:latin typeface="+mj-lt"/>
                <a:ea typeface="Open Sans"/>
                <a:cs typeface="Open Sans"/>
              </a:endParaRPr>
            </a:p>
            <a:p>
              <a:pPr algn="ctr"/>
              <a:endParaRPr lang="en-AU" sz="2720"/>
            </a:p>
          </p:txBody>
        </p:sp>
        <p:sp>
          <p:nvSpPr>
            <p:cNvPr id="71" name="Rectangle 70">
              <a:extLst>
                <a:ext uri="{FF2B5EF4-FFF2-40B4-BE49-F238E27FC236}">
                  <a16:creationId xmlns:a16="http://schemas.microsoft.com/office/drawing/2014/main" id="{9EE3CE81-DF0B-7049-A554-EE4EAEBEAFC5}"/>
                </a:ext>
              </a:extLst>
            </p:cNvPr>
            <p:cNvSpPr/>
            <p:nvPr/>
          </p:nvSpPr>
          <p:spPr>
            <a:xfrm>
              <a:off x="3133244" y="1949750"/>
              <a:ext cx="2977786" cy="67911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700" b="1"/>
                <a:t>New Suicide Prevention Schedule</a:t>
              </a:r>
              <a:endParaRPr lang="en-AU" sz="1700"/>
            </a:p>
          </p:txBody>
        </p:sp>
      </p:grpSp>
      <p:sp>
        <p:nvSpPr>
          <p:cNvPr id="12" name="Subtitle 4">
            <a:extLst>
              <a:ext uri="{FF2B5EF4-FFF2-40B4-BE49-F238E27FC236}">
                <a16:creationId xmlns:a16="http://schemas.microsoft.com/office/drawing/2014/main" id="{F7BD4446-1FEC-46A2-CF73-77B45A5C9E69}"/>
              </a:ext>
            </a:extLst>
          </p:cNvPr>
          <p:cNvSpPr>
            <a:spLocks noGrp="1"/>
          </p:cNvSpPr>
          <p:nvPr>
            <p:ph type="subTitle" idx="1"/>
          </p:nvPr>
        </p:nvSpPr>
        <p:spPr>
          <a:xfrm>
            <a:off x="554784" y="994147"/>
            <a:ext cx="11082431" cy="590355"/>
          </a:xfrm>
        </p:spPr>
        <p:txBody>
          <a:bodyPr vert="horz" lIns="91440" tIns="45720" rIns="91440" bIns="45720" rtlCol="0" anchor="t">
            <a:noAutofit/>
          </a:bodyPr>
          <a:lstStyle/>
          <a:p>
            <a:r>
              <a:rPr lang="en-US">
                <a:solidFill>
                  <a:schemeClr val="tx2"/>
                </a:solidFill>
                <a:latin typeface="Open Sans Semibold"/>
                <a:ea typeface="Open Sans Semibold"/>
                <a:cs typeface="Open Sans Semibold"/>
              </a:rPr>
              <a:t>Areas unique to suicide prevention should be included in a separate schedule and areas of overlap should be in the body of the agreement</a:t>
            </a:r>
            <a:endParaRPr lang="en-AU">
              <a:solidFill>
                <a:schemeClr val="tx2"/>
              </a:solidFill>
            </a:endParaRPr>
          </a:p>
        </p:txBody>
      </p:sp>
      <p:grpSp>
        <p:nvGrpSpPr>
          <p:cNvPr id="13" name="Group 12">
            <a:extLst>
              <a:ext uri="{FF2B5EF4-FFF2-40B4-BE49-F238E27FC236}">
                <a16:creationId xmlns:a16="http://schemas.microsoft.com/office/drawing/2014/main" id="{A10190E8-CEB2-C217-70F8-4BC8D595757E}"/>
              </a:ext>
            </a:extLst>
          </p:cNvPr>
          <p:cNvGrpSpPr/>
          <p:nvPr/>
        </p:nvGrpSpPr>
        <p:grpSpPr>
          <a:xfrm>
            <a:off x="6248261" y="1832153"/>
            <a:ext cx="5533200" cy="3885004"/>
            <a:chOff x="262027" y="1372640"/>
            <a:chExt cx="5857785" cy="4056075"/>
          </a:xfrm>
        </p:grpSpPr>
        <p:sp>
          <p:nvSpPr>
            <p:cNvPr id="14" name="Rectangle 13">
              <a:extLst>
                <a:ext uri="{FF2B5EF4-FFF2-40B4-BE49-F238E27FC236}">
                  <a16:creationId xmlns:a16="http://schemas.microsoft.com/office/drawing/2014/main" id="{6F1C2E08-A2AF-FED5-633A-50FF660B02CC}"/>
                </a:ext>
              </a:extLst>
            </p:cNvPr>
            <p:cNvSpPr/>
            <p:nvPr/>
          </p:nvSpPr>
          <p:spPr>
            <a:xfrm>
              <a:off x="262027" y="2314175"/>
              <a:ext cx="5857785" cy="311454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000" b="1">
                <a:solidFill>
                  <a:schemeClr val="tx1"/>
                </a:solidFill>
                <a:latin typeface="Arial" panose="020B0604020202020204" pitchFamily="34" charset="0"/>
                <a:cs typeface="Arial" panose="020B0604020202020204" pitchFamily="34" charset="0"/>
              </a:endParaRPr>
            </a:p>
          </p:txBody>
        </p:sp>
        <p:sp>
          <p:nvSpPr>
            <p:cNvPr id="15" name="Rectangle 14">
              <a:extLst>
                <a:ext uri="{FF2B5EF4-FFF2-40B4-BE49-F238E27FC236}">
                  <a16:creationId xmlns:a16="http://schemas.microsoft.com/office/drawing/2014/main" id="{3C432565-8FF6-2858-9554-D8D9FE5BBBD7}"/>
                </a:ext>
              </a:extLst>
            </p:cNvPr>
            <p:cNvSpPr/>
            <p:nvPr/>
          </p:nvSpPr>
          <p:spPr>
            <a:xfrm>
              <a:off x="262027" y="1372640"/>
              <a:ext cx="5857785" cy="85204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000" b="1">
                <a:solidFill>
                  <a:schemeClr val="bg1"/>
                </a:solidFill>
                <a:latin typeface="Arial" panose="020B0604020202020204" pitchFamily="34" charset="0"/>
                <a:cs typeface="Arial" panose="020B0604020202020204" pitchFamily="34" charset="0"/>
              </a:endParaRPr>
            </a:p>
          </p:txBody>
        </p:sp>
        <p:grpSp>
          <p:nvGrpSpPr>
            <p:cNvPr id="18" name="Group 17">
              <a:extLst>
                <a:ext uri="{FF2B5EF4-FFF2-40B4-BE49-F238E27FC236}">
                  <a16:creationId xmlns:a16="http://schemas.microsoft.com/office/drawing/2014/main" id="{D6C9E22E-B6CB-C288-357E-24A2604FDA6D}"/>
                </a:ext>
              </a:extLst>
            </p:cNvPr>
            <p:cNvGrpSpPr/>
            <p:nvPr/>
          </p:nvGrpSpPr>
          <p:grpSpPr>
            <a:xfrm>
              <a:off x="669970" y="2860076"/>
              <a:ext cx="4897422" cy="2061147"/>
              <a:chOff x="803449" y="2555276"/>
              <a:chExt cx="4897422" cy="2061147"/>
            </a:xfrm>
          </p:grpSpPr>
          <p:sp>
            <p:nvSpPr>
              <p:cNvPr id="21" name="Oval 20">
                <a:extLst>
                  <a:ext uri="{FF2B5EF4-FFF2-40B4-BE49-F238E27FC236}">
                    <a16:creationId xmlns:a16="http://schemas.microsoft.com/office/drawing/2014/main" id="{A548D1FC-770B-32CE-2361-24F8C3C68F24}"/>
                  </a:ext>
                </a:extLst>
              </p:cNvPr>
              <p:cNvSpPr/>
              <p:nvPr/>
            </p:nvSpPr>
            <p:spPr>
              <a:xfrm>
                <a:off x="803449" y="2555276"/>
                <a:ext cx="2783238" cy="2061142"/>
              </a:xfrm>
              <a:prstGeom prst="ellipse">
                <a:avLst/>
              </a:prstGeom>
              <a:solidFill>
                <a:schemeClr val="bg2">
                  <a:lumMod val="20000"/>
                  <a:lumOff val="80000"/>
                  <a:alpha val="59249"/>
                </a:schemeClr>
              </a:solidFill>
              <a:ln w="22225">
                <a:solidFill>
                  <a:schemeClr val="tx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000" b="1">
                  <a:solidFill>
                    <a:schemeClr val="tx1"/>
                  </a:solidFill>
                  <a:latin typeface="Arial" panose="020B0604020202020204" pitchFamily="34" charset="0"/>
                  <a:cs typeface="Arial" panose="020B0604020202020204" pitchFamily="34" charset="0"/>
                </a:endParaRPr>
              </a:p>
            </p:txBody>
          </p:sp>
          <p:sp>
            <p:nvSpPr>
              <p:cNvPr id="22" name="Oval 21">
                <a:extLst>
                  <a:ext uri="{FF2B5EF4-FFF2-40B4-BE49-F238E27FC236}">
                    <a16:creationId xmlns:a16="http://schemas.microsoft.com/office/drawing/2014/main" id="{CC14C431-CD34-B8D9-E5C2-2CF507654098}"/>
                  </a:ext>
                </a:extLst>
              </p:cNvPr>
              <p:cNvSpPr/>
              <p:nvPr/>
            </p:nvSpPr>
            <p:spPr>
              <a:xfrm>
                <a:off x="2917634" y="2555276"/>
                <a:ext cx="2783237" cy="2061147"/>
              </a:xfrm>
              <a:prstGeom prst="ellipse">
                <a:avLst/>
              </a:prstGeom>
              <a:solidFill>
                <a:schemeClr val="accent2">
                  <a:lumMod val="20000"/>
                  <a:lumOff val="80000"/>
                  <a:alpha val="48091"/>
                </a:schemeClr>
              </a:solidFill>
              <a:ln w="22225">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AU" sz="1000" b="1">
                  <a:solidFill>
                    <a:schemeClr val="tx1"/>
                  </a:solidFill>
                  <a:latin typeface="Arial" panose="020B0604020202020204" pitchFamily="34" charset="0"/>
                  <a:cs typeface="Arial" panose="020B0604020202020204" pitchFamily="34" charset="0"/>
                </a:endParaRPr>
              </a:p>
            </p:txBody>
          </p:sp>
          <p:sp>
            <p:nvSpPr>
              <p:cNvPr id="23" name="TextBox 22">
                <a:extLst>
                  <a:ext uri="{FF2B5EF4-FFF2-40B4-BE49-F238E27FC236}">
                    <a16:creationId xmlns:a16="http://schemas.microsoft.com/office/drawing/2014/main" id="{3966A769-B5E6-DFFB-0EB5-796D7CC5AA3D}"/>
                  </a:ext>
                </a:extLst>
              </p:cNvPr>
              <p:cNvSpPr txBox="1"/>
              <p:nvPr/>
            </p:nvSpPr>
            <p:spPr>
              <a:xfrm>
                <a:off x="1362492" y="3033443"/>
                <a:ext cx="1450844" cy="313461"/>
              </a:xfrm>
              <a:prstGeom prst="rect">
                <a:avLst/>
              </a:prstGeom>
              <a:noFill/>
            </p:spPr>
            <p:txBody>
              <a:bodyPr wrap="square" rtlCol="0">
                <a:spAutoFit/>
              </a:bodyPr>
              <a:lstStyle/>
              <a:p>
                <a:r>
                  <a:rPr lang="en-US" sz="1100" b="1"/>
                  <a:t>Mental Health</a:t>
                </a:r>
                <a:endParaRPr lang="en-AU" sz="1100" b="1"/>
              </a:p>
            </p:txBody>
          </p:sp>
          <p:sp>
            <p:nvSpPr>
              <p:cNvPr id="24" name="TextBox 23">
                <a:extLst>
                  <a:ext uri="{FF2B5EF4-FFF2-40B4-BE49-F238E27FC236}">
                    <a16:creationId xmlns:a16="http://schemas.microsoft.com/office/drawing/2014/main" id="{0D51C711-8EA1-17A2-5A30-74D90FE75167}"/>
                  </a:ext>
                </a:extLst>
              </p:cNvPr>
              <p:cNvSpPr txBox="1"/>
              <p:nvPr/>
            </p:nvSpPr>
            <p:spPr>
              <a:xfrm>
                <a:off x="3702390" y="3050941"/>
                <a:ext cx="1808793" cy="313461"/>
              </a:xfrm>
              <a:prstGeom prst="rect">
                <a:avLst/>
              </a:prstGeom>
              <a:noFill/>
            </p:spPr>
            <p:txBody>
              <a:bodyPr wrap="square" rtlCol="0">
                <a:spAutoFit/>
              </a:bodyPr>
              <a:lstStyle/>
              <a:p>
                <a:r>
                  <a:rPr lang="en-US" sz="1100" b="1"/>
                  <a:t>Suicide Prevention</a:t>
                </a:r>
                <a:endParaRPr lang="en-AU" sz="1100" b="1"/>
              </a:p>
            </p:txBody>
          </p:sp>
          <p:sp>
            <p:nvSpPr>
              <p:cNvPr id="25" name="TextBox 24">
                <a:extLst>
                  <a:ext uri="{FF2B5EF4-FFF2-40B4-BE49-F238E27FC236}">
                    <a16:creationId xmlns:a16="http://schemas.microsoft.com/office/drawing/2014/main" id="{9D091607-CF81-1C18-8B3F-DCABB5D68CD0}"/>
                  </a:ext>
                </a:extLst>
              </p:cNvPr>
              <p:cNvSpPr txBox="1"/>
              <p:nvPr/>
            </p:nvSpPr>
            <p:spPr>
              <a:xfrm>
                <a:off x="3709794" y="3219566"/>
                <a:ext cx="1699082" cy="803322"/>
              </a:xfrm>
              <a:prstGeom prst="rect">
                <a:avLst/>
              </a:prstGeom>
              <a:noFill/>
            </p:spPr>
            <p:txBody>
              <a:bodyPr wrap="square" rtlCol="0">
                <a:spAutoFit/>
              </a:bodyPr>
              <a:lstStyle/>
              <a:p>
                <a:r>
                  <a:rPr lang="en-US" sz="1100"/>
                  <a:t>e.g. means </a:t>
                </a:r>
                <a:br>
                  <a:rPr lang="en-US" sz="1100"/>
                </a:br>
                <a:r>
                  <a:rPr lang="en-US" sz="1100"/>
                  <a:t>restriction, </a:t>
                </a:r>
                <a:br>
                  <a:rPr lang="en-US" sz="1100"/>
                </a:br>
                <a:r>
                  <a:rPr lang="en-US" sz="1100"/>
                  <a:t>aftercare </a:t>
                </a:r>
                <a:br>
                  <a:rPr lang="en-US" sz="1100"/>
                </a:br>
                <a:r>
                  <a:rPr lang="en-US" sz="1100"/>
                  <a:t>and postvention</a:t>
                </a:r>
                <a:endParaRPr lang="en-AU" sz="1100"/>
              </a:p>
            </p:txBody>
          </p:sp>
          <p:sp>
            <p:nvSpPr>
              <p:cNvPr id="26" name="TextBox 25">
                <a:extLst>
                  <a:ext uri="{FF2B5EF4-FFF2-40B4-BE49-F238E27FC236}">
                    <a16:creationId xmlns:a16="http://schemas.microsoft.com/office/drawing/2014/main" id="{2971CC30-9C0C-923C-2648-1B3445DD90D4}"/>
                  </a:ext>
                </a:extLst>
              </p:cNvPr>
              <p:cNvSpPr txBox="1"/>
              <p:nvPr/>
            </p:nvSpPr>
            <p:spPr>
              <a:xfrm>
                <a:off x="1362492" y="3219566"/>
                <a:ext cx="1722350" cy="980054"/>
              </a:xfrm>
              <a:prstGeom prst="rect">
                <a:avLst/>
              </a:prstGeom>
              <a:noFill/>
            </p:spPr>
            <p:txBody>
              <a:bodyPr wrap="square" rtlCol="0">
                <a:spAutoFit/>
              </a:bodyPr>
              <a:lstStyle/>
              <a:p>
                <a:r>
                  <a:rPr lang="en-US" sz="1100"/>
                  <a:t>e.g. early childhood </a:t>
                </a:r>
                <a:br>
                  <a:rPr lang="en-US" sz="1100"/>
                </a:br>
                <a:r>
                  <a:rPr lang="en-US" sz="1100"/>
                  <a:t>mental health </a:t>
                </a:r>
                <a:br>
                  <a:rPr lang="en-US" sz="1100"/>
                </a:br>
                <a:r>
                  <a:rPr lang="en-US" sz="1100"/>
                  <a:t>promotion, mental health literacy and resilience </a:t>
                </a:r>
                <a:endParaRPr lang="en-AU" sz="1100"/>
              </a:p>
            </p:txBody>
          </p:sp>
        </p:grpSp>
        <p:cxnSp>
          <p:nvCxnSpPr>
            <p:cNvPr id="20" name="Straight Arrow Connector 19">
              <a:extLst>
                <a:ext uri="{FF2B5EF4-FFF2-40B4-BE49-F238E27FC236}">
                  <a16:creationId xmlns:a16="http://schemas.microsoft.com/office/drawing/2014/main" id="{FE3D68A5-4D19-7B23-5C52-73766BF0F684}"/>
                </a:ext>
              </a:extLst>
            </p:cNvPr>
            <p:cNvCxnSpPr>
              <a:cxnSpLocks/>
            </p:cNvCxnSpPr>
            <p:nvPr/>
          </p:nvCxnSpPr>
          <p:spPr>
            <a:xfrm>
              <a:off x="3129175" y="2014455"/>
              <a:ext cx="0" cy="1876192"/>
            </a:xfrm>
            <a:prstGeom prst="straightConnector1">
              <a:avLst/>
            </a:prstGeom>
            <a:ln w="19050">
              <a:solidFill>
                <a:schemeClr val="bg2"/>
              </a:solidFill>
              <a:tailEnd type="triangle"/>
            </a:ln>
          </p:spPr>
          <p:style>
            <a:lnRef idx="1">
              <a:schemeClr val="dk1"/>
            </a:lnRef>
            <a:fillRef idx="0">
              <a:schemeClr val="dk1"/>
            </a:fillRef>
            <a:effectRef idx="0">
              <a:schemeClr val="dk1"/>
            </a:effectRef>
            <a:fontRef idx="minor">
              <a:schemeClr val="tx1"/>
            </a:fontRef>
          </p:style>
        </p:cxnSp>
        <p:sp>
          <p:nvSpPr>
            <p:cNvPr id="17" name="TextBox 16">
              <a:extLst>
                <a:ext uri="{FF2B5EF4-FFF2-40B4-BE49-F238E27FC236}">
                  <a16:creationId xmlns:a16="http://schemas.microsoft.com/office/drawing/2014/main" id="{868FF0D2-7F4E-A154-66A0-B882A3B42FFE}"/>
                </a:ext>
              </a:extLst>
            </p:cNvPr>
            <p:cNvSpPr txBox="1"/>
            <p:nvPr/>
          </p:nvSpPr>
          <p:spPr>
            <a:xfrm>
              <a:off x="285615" y="1427541"/>
              <a:ext cx="5596656" cy="787257"/>
            </a:xfrm>
            <a:prstGeom prst="rect">
              <a:avLst/>
            </a:prstGeom>
            <a:noFill/>
          </p:spPr>
          <p:txBody>
            <a:bodyPr wrap="square" rtlCol="0">
              <a:spAutoFit/>
            </a:bodyPr>
            <a:lstStyle/>
            <a:p>
              <a:pPr algn="ctr"/>
              <a:r>
                <a:rPr lang="en-US" sz="1700" b="1">
                  <a:solidFill>
                    <a:schemeClr val="bg1"/>
                  </a:solidFill>
                </a:rPr>
                <a:t>Overlap</a:t>
              </a:r>
            </a:p>
            <a:p>
              <a:pPr algn="ctr"/>
              <a:r>
                <a:rPr lang="en-US" sz="1300" err="1">
                  <a:solidFill>
                    <a:schemeClr val="bg1"/>
                  </a:solidFill>
                </a:rPr>
                <a:t>eg</a:t>
              </a:r>
              <a:r>
                <a:rPr lang="en-US" sz="1300">
                  <a:solidFill>
                    <a:schemeClr val="bg1"/>
                  </a:solidFill>
                </a:rPr>
                <a:t> whole-of-government approach and embedding lived experience throughout the system</a:t>
              </a:r>
              <a:endParaRPr lang="en-AU" sz="1300">
                <a:solidFill>
                  <a:schemeClr val="bg1"/>
                </a:solidFill>
              </a:endParaRPr>
            </a:p>
          </p:txBody>
        </p:sp>
      </p:grpSp>
      <p:sp>
        <p:nvSpPr>
          <p:cNvPr id="3" name="Slide Number Placeholder 2">
            <a:extLst>
              <a:ext uri="{FF2B5EF4-FFF2-40B4-BE49-F238E27FC236}">
                <a16:creationId xmlns:a16="http://schemas.microsoft.com/office/drawing/2014/main" id="{747AFCE8-9565-9E3D-2E78-37F008EBE2D3}"/>
              </a:ext>
            </a:extLst>
          </p:cNvPr>
          <p:cNvSpPr>
            <a:spLocks noGrp="1"/>
          </p:cNvSpPr>
          <p:nvPr>
            <p:ph type="sldNum" sz="quarter" idx="4"/>
          </p:nvPr>
        </p:nvSpPr>
        <p:spPr/>
        <p:txBody>
          <a:bodyPr/>
          <a:lstStyle/>
          <a:p>
            <a:fld id="{3FE8A0A5-0893-3B4E-9EB9-FE67329D76D6}" type="slidenum">
              <a:rPr lang="en-US" smtClean="0"/>
              <a:pPr/>
              <a:t>41</a:t>
            </a:fld>
            <a:endParaRPr lang="en-US"/>
          </a:p>
        </p:txBody>
      </p:sp>
    </p:spTree>
    <p:extLst>
      <p:ext uri="{BB962C8B-B14F-4D97-AF65-F5344CB8AC3E}">
        <p14:creationId xmlns:p14="http://schemas.microsoft.com/office/powerpoint/2010/main" val="398784033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126B95D-EFB6-F987-840A-1F83FEA5ABE2}"/>
              </a:ext>
            </a:extLst>
          </p:cNvPr>
          <p:cNvSpPr>
            <a:spLocks noGrp="1"/>
          </p:cNvSpPr>
          <p:nvPr>
            <p:ph type="ctrTitle"/>
          </p:nvPr>
        </p:nvSpPr>
        <p:spPr/>
        <p:txBody>
          <a:bodyPr/>
          <a:lstStyle/>
          <a:p>
            <a:r>
              <a:rPr lang="en-US"/>
              <a:t>An alcohol and other drugs schedule</a:t>
            </a:r>
            <a:endParaRPr lang="en-AU"/>
          </a:p>
        </p:txBody>
      </p:sp>
      <p:sp>
        <p:nvSpPr>
          <p:cNvPr id="4" name="Subtitle 3">
            <a:extLst>
              <a:ext uri="{FF2B5EF4-FFF2-40B4-BE49-F238E27FC236}">
                <a16:creationId xmlns:a16="http://schemas.microsoft.com/office/drawing/2014/main" id="{03720F7B-31D5-7EE2-FF75-AD8A0B7A565F}"/>
              </a:ext>
            </a:extLst>
          </p:cNvPr>
          <p:cNvSpPr>
            <a:spLocks noGrp="1"/>
          </p:cNvSpPr>
          <p:nvPr>
            <p:ph type="subTitle" idx="1"/>
          </p:nvPr>
        </p:nvSpPr>
        <p:spPr/>
        <p:txBody>
          <a:bodyPr/>
          <a:lstStyle/>
          <a:p>
            <a:r>
              <a:rPr lang="en-US">
                <a:solidFill>
                  <a:schemeClr val="tx2"/>
                </a:solidFill>
              </a:rPr>
              <a:t>A new schedule to focus on the intersection of problematic alcohol and other drugs (AOD) use, mental ill health and suicide </a:t>
            </a:r>
            <a:endParaRPr lang="en-AU">
              <a:solidFill>
                <a:schemeClr val="tx2"/>
              </a:solidFill>
            </a:endParaRPr>
          </a:p>
        </p:txBody>
      </p:sp>
      <p:sp>
        <p:nvSpPr>
          <p:cNvPr id="5" name="Slide Number Placeholder 4">
            <a:extLst>
              <a:ext uri="{FF2B5EF4-FFF2-40B4-BE49-F238E27FC236}">
                <a16:creationId xmlns:a16="http://schemas.microsoft.com/office/drawing/2014/main" id="{1966FFBC-F5DA-4C4A-092C-EE12B9B0B431}"/>
              </a:ext>
            </a:extLst>
          </p:cNvPr>
          <p:cNvSpPr>
            <a:spLocks noGrp="1"/>
          </p:cNvSpPr>
          <p:nvPr>
            <p:ph type="sldNum" sz="quarter" idx="4"/>
          </p:nvPr>
        </p:nvSpPr>
        <p:spPr/>
        <p:txBody>
          <a:bodyPr/>
          <a:lstStyle/>
          <a:p>
            <a:fld id="{3FE8A0A5-0893-3B4E-9EB9-FE67329D76D6}" type="slidenum">
              <a:rPr lang="en-US" smtClean="0"/>
              <a:pPr/>
              <a:t>42</a:t>
            </a:fld>
            <a:endParaRPr lang="en-US"/>
          </a:p>
        </p:txBody>
      </p:sp>
      <p:grpSp>
        <p:nvGrpSpPr>
          <p:cNvPr id="7" name="Group 6">
            <a:extLst>
              <a:ext uri="{FF2B5EF4-FFF2-40B4-BE49-F238E27FC236}">
                <a16:creationId xmlns:a16="http://schemas.microsoft.com/office/drawing/2014/main" id="{27F86297-11C5-F982-9BE2-4F41BD40DEA2}"/>
              </a:ext>
            </a:extLst>
          </p:cNvPr>
          <p:cNvGrpSpPr/>
          <p:nvPr/>
        </p:nvGrpSpPr>
        <p:grpSpPr>
          <a:xfrm>
            <a:off x="624000" y="1701712"/>
            <a:ext cx="5472000" cy="4195474"/>
            <a:chOff x="748126" y="2274319"/>
            <a:chExt cx="5720496" cy="4195474"/>
          </a:xfrm>
        </p:grpSpPr>
        <p:sp>
          <p:nvSpPr>
            <p:cNvPr id="123" name="TextBox 122">
              <a:extLst>
                <a:ext uri="{FF2B5EF4-FFF2-40B4-BE49-F238E27FC236}">
                  <a16:creationId xmlns:a16="http://schemas.microsoft.com/office/drawing/2014/main" id="{70236E92-459C-BE8D-F4BC-539848E7ED26}"/>
                </a:ext>
              </a:extLst>
            </p:cNvPr>
            <p:cNvSpPr txBox="1"/>
            <p:nvPr/>
          </p:nvSpPr>
          <p:spPr>
            <a:xfrm>
              <a:off x="748126" y="2274319"/>
              <a:ext cx="5720496" cy="646331"/>
            </a:xfrm>
            <a:prstGeom prst="rect">
              <a:avLst/>
            </a:prstGeom>
            <a:solidFill>
              <a:schemeClr val="tx2"/>
            </a:solidFill>
          </p:spPr>
          <p:txBody>
            <a:bodyPr wrap="square" rtlCol="0">
              <a:spAutoFit/>
            </a:bodyPr>
            <a:lstStyle/>
            <a:p>
              <a:pPr algn="ctr"/>
              <a:r>
                <a:rPr lang="en-US" b="1">
                  <a:solidFill>
                    <a:schemeClr val="bg1"/>
                  </a:solidFill>
                </a:rPr>
                <a:t>Prevalence of past-year AOD use by mental health status, 2022-23</a:t>
              </a:r>
              <a:endParaRPr lang="en-AU" b="1">
                <a:solidFill>
                  <a:schemeClr val="bg1"/>
                </a:solidFill>
              </a:endParaRPr>
            </a:p>
          </p:txBody>
        </p:sp>
        <p:graphicFrame>
          <p:nvGraphicFramePr>
            <p:cNvPr id="125" name="Chart 124" descr="{&quot;ChartDesign&quot;:{&quot;General&quot;:{&quot;FontName&quot;:&quot;Arial&quot;,&quot;FontNameFarEast&quot;:null,&quot;FontNameComplexScript&quot;:null,&quot;FontSize&quot;:9.0,&quot;FontSizePp&quot;:null,&quot;FontColorRef&quot;:&quot;Black&quot;},&quot;Gridlines&quot;:{&quot;MajorHorizontal&quot;:false,&quot;MajorVertical&quot;:false,&quot;MinorHorizontal&quot;:false,&quot;MinorVertical&quot;:false,&quot;Weight&quot;:null,&quot;ColorRef&quot;:null,&quot;LineStyle&quot;:null},&quot;Axis&quot;:{&quot;AxisLines&quot;:{&quot;PrimaryCategory&quot;:{&quot;Weight&quot;:0.75,&quot;ColorRef&quot;:&quot;AxisColor&quot;,&quot;MajorTickMarks&quot;:null,&quot;MinorTickMarks&quot;:null,&quot;HasAxisTitle&quot;:true,&quot;AxisTitleDesign&quot;:{&quot;FontBold&quot;:true,&quot;FontName&quot;:&quot;Arial&quot;,&quot;FontSize&quot;:9.0},&quot;Visible&quot;:true},&quot;PrimaryValue&quot;:{&quot;Weight&quot;:0.75,&quot;ColorRef&quot;:&quot;AxisColor&quot;,&quot;MajorTickMarks&quot;:&quot;Outside&quot;,&quot;MinorTickMarks&quot;:null,&quot;HasAxisTitle&quot;:true,&quot;AxisTitleDesign&quot;:{&quot;FontBold&quot;:true,&quot;FontName&quot;:&quot;Arial&quot;,&quot;FontSize&quot;:9.0},&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quot;Rotation&quot;:90.0},&quot;SeriesOverlap&quot;:null,&quot;GapWidth&quot;:null},&quot;ChartTitle&quot;:{&quot;FontName&quot;:&quot;Arial&quot;,&quot;FontNameFarEast&quot;:null,&quot;FontNameComplexScript&quot;:null,&quot;FontSize&quot;:9.0,&quot;FontSizePp&quot;:null,&quot;FontColorRef&quot;:&quot;Black&quot;,&quot;FontBold&quot;:true,&quot;ChartTitlePosition&quot;:&quot;Left&quot;},&quot;Legend&quot;:{&quot;Position&quot;:&quot;Bottom&quot;,&quot;FontName&quot;:null,&quot;FontNameFarEast&quot;:null,&quot;FontNameComplexScript&quot;:null,&quot;FontSize&quot;:null,&quot;FontSizePp&quot;:null,&quot;FontColorRef&quot;:null,&quot;FontBold&quot;:false},&quot;ChartArea&quot;:{&quot;FillType&quot;:&quot;NoFill&quot;,&quot;FillColorRef&quot;:null,&quot;Border&quot;:{&quot;Type&quot;:&quot;None&quot;,&quot;Width&quot;:null,&quot;ColorRef&quot;:null}},&quot;PlotArea&quot;:{&quot;FillType&quot;:null},&quot;CustomRules&quot;:null,&quot;DataSeries&quot;:[{&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PrimaryColorRef&quot;:&quot;Color1&quot;,&quot;MarkerStyle&quot;:null,&quot;MarkerFillColorRef&quot;:null,&quot;MarkerBorderColorRef&quot;:null},{&quot;PrimaryColorRef&quot;:&quot;Color2&quot;,&quot;MarkerStyle&quot;:null,&quot;MarkerFillColorRef&quot;:null,&quot;MarkerBorderColorRef&quot;:null},{&quot;PrimaryColorRef&quot;:&quot;Color3&quot;,&quot;MarkerStyle&quot;:null,&quot;MarkerFillColorRef&quot;:null,&quot;MarkerBorderColorRef&quot;:null},{&quot;PrimaryColorRef&quot;:&quot;Color4&quot;,&quot;MarkerStyle&quot;:null,&quot;MarkerFillColorRef&quot;:null,&quot;MarkerBorderColorRef&quot;:null},{&quot;PrimaryColorRef&quot;:&quot;Color5&quot;,&quot;MarkerStyle&quot;:null,&quot;MarkerFillColorRef&quot;:null,&quot;MarkerBorderColorRef&quot;:null},{&quot;PrimaryColorRef&quot;:&quot;Color6&quot;,&quot;MarkerStyle&quot;:null,&quot;MarkerFillColorRef&quot;:null,&quot;MarkerBorderColorRef&quot;:null},{&quot;PrimaryColorRef&quot;:&quot;Color7&quot;,&quot;MarkerStyle&quot;:null,&quot;MarkerFillColorRef&quot;:null,&quot;MarkerBorderColorRef&quot;:null},{&quot;PrimaryColorRef&quot;:&quot;Color8&quot;,&quot;MarkerStyle&quot;:null,&quot;MarkerFillColorRef&quot;:null,&quot;MarkerBorderColorRef&quot;:null}],&quot;SeriesDesign&quot;:{&quot;FirstSliceAngle&quot;:null,&quot;DoughnutHoleSize&quot;:null,&quot;DoughnutExplosion&quot;:null,&quot;PieExplosion&quot;:null,&quot;SeriesOverlap&quot;:-27.0,&quot;GapWidth&quot;:219.0,&quot;BorderColorRef&quot;:null,&quot;MarkerStyle&quot;:null,&quot;MarkerFillColorRef&quot;:null,&quot;MarkerBorderColorRef&quot;:null,&quot;HasDataLabels&quot;:null,&quot;DisableBorders&quot;:null,&quot;DataLabelDesign&quot;:null,&quot;LineWeight&quot;:2.0,&quot;LeaderLinesDesign&quot;:null,&quot;HasLeaderLines&quot;:null,&quot;SeriesLinesDesign&quot;:null,&quot;DashStyle&quot;:6},&quot;SkipBlankSeries&quot;:true,&quot;Pie&quot;:{&quot;General&quot;:null,&quot;Gridlines&quot;:null,&quot;Axis&quot;:null,&quot;ChartTitle&quot;:null,&quot;Legend&quot;:{&quot;Position&quot;:&quot;TopRight&quot;,&quot;FontName&quot;:null,&quot;FontNameFarEast&quot;:null,&quot;FontNameComplexScript&quot;:null,&quot;FontSize&quot;:null,&quot;FontSizePp&quot;:null,&quot;FontColorRef&quot;:null,&quot;FontBold&quot;:false},&quot;ChartArea&quot;:null,&quot;PlotArea&quot;:null,&quot;CustomRules&quot;:null,&quot;DataSeries&quot;:null,&quot;SeriesDesign&quot;:{&quot;FirstSliceAngle&quot;:null,&quot;DoughnutHoleSize&quot;:null,&quot;DoughnutExplosion&quot;:null,&quot;PieExplosion&quot;:null,&quot;SeriesOverlap&quot;:null,&quot;GapWidth&quot;:null,&quot;BorderColorRef&quot;:null,&quot;MarkerStyle&quot;:null,&quot;MarkerFillColorRef&quot;:null,&quot;MarkerBorderColorRef&quot;:null,&quot;HasDataLabels&quot;:true,&quot;DisableBorders&quot;:true,&quot;DataLabelDesign&quot;:{&quot;FontBold&quot;:null,&quot;ShowValue&quot;:null,&quot;ShowCategory&quot;:null,&quot;ShowSeriesName&quot;:null,&quot;ShowLegendKey&quot;:null,&quot;NumberFormat&quot;:null,&quot;LabelSeparator&quot;:null,&quot;Position&quot;:&quot;BestFit&quot;,&quot;ShowPercentage&quot;:null,&quot;FontName&quot;:null,&quot;FontNameFarEast&quot;:null,&quot;FontNameComplexScript&quot;:null,&quot;FontSize&quot;:null,&quot;FontSizePp&quot;:null,&quot;FontColorRef&quot;:&quot;White&quot;},&quot;LineWeight&quot;:null,&quot;LeaderLinesDesign&quot;:null,&quot;HasLeaderLines&quot;:null,&quot;SeriesLinesDesign&quot;:null,&quot;DashStyle&quot;:null},&quot;SkipBlankSeries&quot;:false,&quot;Pie&quot;:null,&quot;Doughnut&quot;:null,&quot;PieDoughnut&quot;:null,&quot;Line&quot;:null},&quot;Doughnut&quot;:null,&quot;PieDoughnut&quot;:null,&quot;Line&quot;:{&quot;General&quot;:null,&quot;Gridlines&quot;:null,&quot;Axis&quot;:{&quot;AxisLines&quot;:{&quot;PrimaryCategory&quot;:{&quot;Weight&quot;:0.75,&quot;ColorRef&quot;:&quot;AxisColor&quot;,&quot;MajorTickMarks&quot;:&quot;Outside&quot;,&quot;MinorTickMarks&quot;:null,&quot;HasAxisTitle&quot;:null,&quot;AxisTitleDesign&quot;:null,&quot;Visible&quot;:true},&quot;PrimaryValue&quot;:{&quot;Weight&quot;:null,&quot;ColorRef&quot;:null,&quot;MajorTickMarks&quot;:null,&quot;MinorTickMarks&quot;:null,&quot;HasAxisTitle&quot;:null,&quot;AxisTitleDesign&quot;:null,&quot;Visible&quot;:tru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null,&quot;Legend&quot;:null,&quot;ChartArea&quot;:null,&quot;PlotArea&quot;:null,&quot;CustomRules&quot;:null,&quot;DataSeries&quot;:null,&quot;SeriesDesign&quot;:null,&quot;SkipBlankSeries&quot;:false,&quot;Pie&quot;:null,&quot;Doughnut&quot;:null,&quot;PieDoughnut&quot;:null,&quot;Line&quot;:null}},&quot;ColorSchema&quot;:{&quot;Color1&quot;:&quot;102,188,219&quot;,&quot;Color2&quot;:&quot;38,90,154&quot;,&quot;Color3&quot;:&quot;120,162,47&quot;,&quot;Color4&quot;:&quot;77,112,40&quot;,&quot;Color5&quot;:&quot;244,177,35&quot;,&quot;Color6&quot;:&quot;241,90,37&quot;,&quot;Color7&quot;:&quot;165,40,40&quot;,&quot;Color8&quot;:&quot;137,86,163&quot;,&quot;AxisColor&quot;:&quot;191,191,191&quot;,&quot;White&quot;:&quot;255,255,255&quot;,&quot;Black&quot;:&quot;0, 0, 0&quot;}}">
              <a:extLst>
                <a:ext uri="{FF2B5EF4-FFF2-40B4-BE49-F238E27FC236}">
                  <a16:creationId xmlns:a16="http://schemas.microsoft.com/office/drawing/2014/main" id="{23B05BE1-7A59-9B95-428C-223F8FA8F057}"/>
                </a:ext>
              </a:extLst>
            </p:cNvPr>
            <p:cNvGraphicFramePr>
              <a:graphicFrameLocks/>
            </p:cNvGraphicFramePr>
            <p:nvPr>
              <p:extLst>
                <p:ext uri="{D42A27DB-BD31-4B8C-83A1-F6EECF244321}">
                  <p14:modId xmlns:p14="http://schemas.microsoft.com/office/powerpoint/2010/main" val="3185170646"/>
                </p:ext>
              </p:extLst>
            </p:nvPr>
          </p:nvGraphicFramePr>
          <p:xfrm>
            <a:off x="901355" y="3031442"/>
            <a:ext cx="5567267" cy="3438351"/>
          </p:xfrm>
          <a:graphic>
            <a:graphicData uri="http://schemas.openxmlformats.org/drawingml/2006/chart">
              <c:chart xmlns:c="http://schemas.openxmlformats.org/drawingml/2006/chart" xmlns:r="http://schemas.openxmlformats.org/officeDocument/2006/relationships" r:id="rId2"/>
            </a:graphicData>
          </a:graphic>
        </p:graphicFrame>
      </p:grpSp>
      <p:sp>
        <p:nvSpPr>
          <p:cNvPr id="8" name="Rectangle 7">
            <a:extLst>
              <a:ext uri="{FF2B5EF4-FFF2-40B4-BE49-F238E27FC236}">
                <a16:creationId xmlns:a16="http://schemas.microsoft.com/office/drawing/2014/main" id="{13994FDE-F00A-3C10-CF8F-8B3A9777D260}"/>
              </a:ext>
            </a:extLst>
          </p:cNvPr>
          <p:cNvSpPr/>
          <p:nvPr/>
        </p:nvSpPr>
        <p:spPr>
          <a:xfrm>
            <a:off x="6205140" y="2458835"/>
            <a:ext cx="5472000" cy="3336068"/>
          </a:xfrm>
          <a:prstGeom prst="rect">
            <a:avLst/>
          </a:prstGeom>
          <a:solidFill>
            <a:schemeClr val="accent3">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set out strategic objectives, priority actions, roles, responsibilities, deliverables, outcomes and timeframes </a:t>
            </a: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be co-designed with people with lived and living experience, who should also be included in governance arrangements</a:t>
            </a: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facilitate national planning and resourcing of improvements to treatment and prevention</a:t>
            </a:r>
          </a:p>
          <a:p>
            <a:pPr marL="285750" indent="-285750">
              <a:spcAft>
                <a:spcPts val="1300"/>
              </a:spcAft>
              <a:buFont typeface="Arial" panose="020B0604020202020204" pitchFamily="34" charset="0"/>
              <a:buChar cha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guide investment priorities and include new funding to implement best-practice approaches</a:t>
            </a:r>
          </a:p>
        </p:txBody>
      </p:sp>
      <p:sp>
        <p:nvSpPr>
          <p:cNvPr id="9" name="Rectangle 8">
            <a:extLst>
              <a:ext uri="{FF2B5EF4-FFF2-40B4-BE49-F238E27FC236}">
                <a16:creationId xmlns:a16="http://schemas.microsoft.com/office/drawing/2014/main" id="{57202E12-EA08-8A30-3074-2D2E41A6B88A}"/>
              </a:ext>
            </a:extLst>
          </p:cNvPr>
          <p:cNvSpPr/>
          <p:nvPr/>
        </p:nvSpPr>
        <p:spPr>
          <a:xfrm>
            <a:off x="6205140" y="1701712"/>
            <a:ext cx="5472000" cy="646330"/>
          </a:xfrm>
          <a:prstGeom prst="rect">
            <a:avLst/>
          </a:prstGeom>
          <a:solidFill>
            <a:schemeClr val="tx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en-US" b="1">
                <a:solidFill>
                  <a:schemeClr val="bg1"/>
                </a:solidFill>
                <a:latin typeface="Open Sans" panose="020B0606030504020204" pitchFamily="34" charset="0"/>
                <a:ea typeface="Open Sans" panose="020B0606030504020204" pitchFamily="34" charset="0"/>
                <a:cs typeface="Open Sans" panose="020B0606030504020204" pitchFamily="34" charset="0"/>
              </a:rPr>
              <a:t>An AOD schedule should:</a:t>
            </a:r>
          </a:p>
        </p:txBody>
      </p:sp>
    </p:spTree>
    <p:extLst>
      <p:ext uri="{BB962C8B-B14F-4D97-AF65-F5344CB8AC3E}">
        <p14:creationId xmlns:p14="http://schemas.microsoft.com/office/powerpoint/2010/main" val="367019976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4AFA527-A6D8-7D99-0633-0F893D26081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6BE7718-52AB-75E2-52F9-9BE5FB61D098}"/>
              </a:ext>
            </a:extLst>
          </p:cNvPr>
          <p:cNvSpPr>
            <a:spLocks noGrp="1"/>
          </p:cNvSpPr>
          <p:nvPr>
            <p:ph type="ctrTitle"/>
          </p:nvPr>
        </p:nvSpPr>
        <p:spPr/>
        <p:txBody>
          <a:bodyPr>
            <a:normAutofit/>
          </a:bodyPr>
          <a:lstStyle/>
          <a:p>
            <a:r>
              <a:rPr lang="en-AU"/>
              <a:t>Next steps</a:t>
            </a:r>
          </a:p>
        </p:txBody>
      </p:sp>
      <p:sp>
        <p:nvSpPr>
          <p:cNvPr id="11" name="TextBox 10">
            <a:extLst>
              <a:ext uri="{FF2B5EF4-FFF2-40B4-BE49-F238E27FC236}">
                <a16:creationId xmlns:a16="http://schemas.microsoft.com/office/drawing/2014/main" id="{5BBBCD53-3B28-FA1F-C379-B487554A8B17}"/>
              </a:ext>
            </a:extLst>
          </p:cNvPr>
          <p:cNvSpPr txBox="1"/>
          <p:nvPr/>
        </p:nvSpPr>
        <p:spPr>
          <a:xfrm>
            <a:off x="1408603" y="2126842"/>
            <a:ext cx="6000000" cy="761123"/>
          </a:xfrm>
          <a:prstGeom prst="rect">
            <a:avLst/>
          </a:prstGeom>
          <a:solidFill>
            <a:schemeClr val="bg1">
              <a:lumMod val="95000"/>
            </a:schemeClr>
          </a:solidFill>
        </p:spPr>
        <p:txBody>
          <a:bodyPr wrap="square" lIns="240000" rtlCol="0" anchor="ctr" anchorCtr="0">
            <a:noAutofit/>
          </a:bodyPr>
          <a:lstStyle/>
          <a:p>
            <a:pPr>
              <a:spcAft>
                <a:spcPts val="600"/>
              </a:spcAft>
            </a:pPr>
            <a:r>
              <a:rPr lang="en-US" sz="2300" b="1">
                <a:solidFill>
                  <a:schemeClr val="tx1">
                    <a:lumMod val="75000"/>
                    <a:lumOff val="25000"/>
                  </a:schemeClr>
                </a:solidFill>
                <a:latin typeface="+mj-lt"/>
                <a:cs typeface="Arial" panose="020B0604020202020204" pitchFamily="34" charset="0"/>
              </a:rPr>
              <a:t>Final report handed to Treasurer</a:t>
            </a:r>
          </a:p>
        </p:txBody>
      </p:sp>
      <p:sp>
        <p:nvSpPr>
          <p:cNvPr id="12" name="TextBox 11">
            <a:extLst>
              <a:ext uri="{FF2B5EF4-FFF2-40B4-BE49-F238E27FC236}">
                <a16:creationId xmlns:a16="http://schemas.microsoft.com/office/drawing/2014/main" id="{541AE1CB-D67C-7BD5-BC74-A26D0F1BFDD6}"/>
              </a:ext>
            </a:extLst>
          </p:cNvPr>
          <p:cNvSpPr txBox="1"/>
          <p:nvPr/>
        </p:nvSpPr>
        <p:spPr>
          <a:xfrm>
            <a:off x="1408603" y="3094877"/>
            <a:ext cx="6000000" cy="1065643"/>
          </a:xfrm>
          <a:prstGeom prst="rect">
            <a:avLst/>
          </a:prstGeom>
          <a:solidFill>
            <a:schemeClr val="bg1">
              <a:lumMod val="95000"/>
            </a:schemeClr>
          </a:solidFill>
        </p:spPr>
        <p:txBody>
          <a:bodyPr wrap="square" lIns="240000" rtlCol="0" anchor="ctr" anchorCtr="0">
            <a:noAutofit/>
          </a:bodyPr>
          <a:lstStyle/>
          <a:p>
            <a:pPr>
              <a:spcAft>
                <a:spcPts val="600"/>
              </a:spcAft>
            </a:pPr>
            <a:r>
              <a:rPr lang="en-US" sz="2300" b="1">
                <a:solidFill>
                  <a:schemeClr val="tx1">
                    <a:lumMod val="75000"/>
                    <a:lumOff val="25000"/>
                  </a:schemeClr>
                </a:solidFill>
                <a:latin typeface="+mj-lt"/>
                <a:cs typeface="Arial" panose="020B0604020202020204" pitchFamily="34" charset="0"/>
              </a:rPr>
              <a:t>Final report tabled by Treasurer (public release)</a:t>
            </a:r>
          </a:p>
        </p:txBody>
      </p:sp>
      <p:sp>
        <p:nvSpPr>
          <p:cNvPr id="15" name="Rectangle 14">
            <a:extLst>
              <a:ext uri="{FF2B5EF4-FFF2-40B4-BE49-F238E27FC236}">
                <a16:creationId xmlns:a16="http://schemas.microsoft.com/office/drawing/2014/main" id="{EAA4809D-B2DD-E241-0657-42848551012E}"/>
              </a:ext>
            </a:extLst>
          </p:cNvPr>
          <p:cNvSpPr/>
          <p:nvPr/>
        </p:nvSpPr>
        <p:spPr>
          <a:xfrm>
            <a:off x="7408602" y="2126842"/>
            <a:ext cx="3784236" cy="761123"/>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40000" tIns="240000" rtlCol="0" anchor="t" anchorCtr="0"/>
          <a:lstStyle/>
          <a:p>
            <a:pPr>
              <a:spcAft>
                <a:spcPts val="800"/>
              </a:spcAft>
            </a:pPr>
            <a:r>
              <a:rPr lang="en-US" sz="2133" b="1">
                <a:solidFill>
                  <a:schemeClr val="bg2"/>
                </a:solidFill>
              </a:rPr>
              <a:t>16 October</a:t>
            </a:r>
          </a:p>
        </p:txBody>
      </p:sp>
      <p:sp>
        <p:nvSpPr>
          <p:cNvPr id="16" name="Rectangle 15">
            <a:extLst>
              <a:ext uri="{FF2B5EF4-FFF2-40B4-BE49-F238E27FC236}">
                <a16:creationId xmlns:a16="http://schemas.microsoft.com/office/drawing/2014/main" id="{5D63F4AB-5E21-6846-BA33-AE9F7592DD11}"/>
              </a:ext>
            </a:extLst>
          </p:cNvPr>
          <p:cNvSpPr/>
          <p:nvPr/>
        </p:nvSpPr>
        <p:spPr>
          <a:xfrm>
            <a:off x="7408603" y="3094876"/>
            <a:ext cx="3784235" cy="1065641"/>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40000" tIns="240000" rtlCol="0" anchor="t" anchorCtr="0"/>
          <a:lstStyle/>
          <a:p>
            <a:pPr>
              <a:spcAft>
                <a:spcPts val="800"/>
              </a:spcAft>
            </a:pPr>
            <a:r>
              <a:rPr lang="en-US" sz="2133" b="1">
                <a:solidFill>
                  <a:schemeClr val="bg2"/>
                </a:solidFill>
              </a:rPr>
              <a:t>Within 25 sitting days </a:t>
            </a:r>
            <a:br>
              <a:rPr lang="en-US" sz="2133" b="1">
                <a:solidFill>
                  <a:schemeClr val="bg2"/>
                </a:solidFill>
              </a:rPr>
            </a:br>
            <a:r>
              <a:rPr lang="en-US" sz="2133" b="1">
                <a:solidFill>
                  <a:schemeClr val="bg2"/>
                </a:solidFill>
              </a:rPr>
              <a:t>of receiving report</a:t>
            </a:r>
          </a:p>
        </p:txBody>
      </p:sp>
      <p:grpSp>
        <p:nvGrpSpPr>
          <p:cNvPr id="17" name="Group 16">
            <a:extLst>
              <a:ext uri="{FF2B5EF4-FFF2-40B4-BE49-F238E27FC236}">
                <a16:creationId xmlns:a16="http://schemas.microsoft.com/office/drawing/2014/main" id="{59040183-302B-3E6F-DC15-F7F4FB19F712}"/>
              </a:ext>
            </a:extLst>
          </p:cNvPr>
          <p:cNvGrpSpPr/>
          <p:nvPr/>
        </p:nvGrpSpPr>
        <p:grpSpPr>
          <a:xfrm>
            <a:off x="569994" y="2168888"/>
            <a:ext cx="554325" cy="677031"/>
            <a:chOff x="3897249" y="2825623"/>
            <a:chExt cx="378237" cy="461962"/>
          </a:xfrm>
        </p:grpSpPr>
        <p:sp>
          <p:nvSpPr>
            <p:cNvPr id="18" name="Freeform: Shape 17">
              <a:extLst>
                <a:ext uri="{FF2B5EF4-FFF2-40B4-BE49-F238E27FC236}">
                  <a16:creationId xmlns:a16="http://schemas.microsoft.com/office/drawing/2014/main" id="{97E88422-150C-6128-1E70-D60C8E834A50}"/>
                </a:ext>
              </a:extLst>
            </p:cNvPr>
            <p:cNvSpPr/>
            <p:nvPr/>
          </p:nvSpPr>
          <p:spPr>
            <a:xfrm>
              <a:off x="3902392" y="3038316"/>
              <a:ext cx="364616" cy="183927"/>
            </a:xfrm>
            <a:custGeom>
              <a:avLst/>
              <a:gdLst>
                <a:gd name="connsiteX0" fmla="*/ 0 w 364616"/>
                <a:gd name="connsiteY0" fmla="*/ 183928 h 183927"/>
                <a:gd name="connsiteX1" fmla="*/ 40100 w 364616"/>
                <a:gd name="connsiteY1" fmla="*/ 178403 h 183927"/>
                <a:gd name="connsiteX2" fmla="*/ 364617 w 364616"/>
                <a:gd name="connsiteY2" fmla="*/ 178403 h 183927"/>
                <a:gd name="connsiteX3" fmla="*/ 364617 w 364616"/>
                <a:gd name="connsiteY3" fmla="*/ 0 h 183927"/>
                <a:gd name="connsiteX4" fmla="*/ 47149 w 364616"/>
                <a:gd name="connsiteY4" fmla="*/ 0 h 183927"/>
                <a:gd name="connsiteX5" fmla="*/ 6286 w 364616"/>
                <a:gd name="connsiteY5" fmla="*/ 5906 h 183927"/>
                <a:gd name="connsiteX6" fmla="*/ 2191 w 364616"/>
                <a:gd name="connsiteY6" fmla="*/ 10097 h 183927"/>
                <a:gd name="connsiteX7" fmla="*/ 0 w 364616"/>
                <a:gd name="connsiteY7" fmla="*/ 183928 h 183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4616" h="183927">
                  <a:moveTo>
                    <a:pt x="0" y="183928"/>
                  </a:moveTo>
                  <a:lnTo>
                    <a:pt x="40100" y="178403"/>
                  </a:lnTo>
                  <a:lnTo>
                    <a:pt x="364617" y="178403"/>
                  </a:lnTo>
                  <a:lnTo>
                    <a:pt x="364617" y="0"/>
                  </a:lnTo>
                  <a:lnTo>
                    <a:pt x="47149" y="0"/>
                  </a:lnTo>
                  <a:lnTo>
                    <a:pt x="6286" y="5906"/>
                  </a:lnTo>
                  <a:lnTo>
                    <a:pt x="2191" y="10097"/>
                  </a:lnTo>
                  <a:lnTo>
                    <a:pt x="0" y="183928"/>
                  </a:lnTo>
                  <a:close/>
                </a:path>
              </a:pathLst>
            </a:custGeom>
            <a:solidFill>
              <a:srgbClr val="C7E4F1"/>
            </a:solidFill>
            <a:ln w="9525" cap="flat">
              <a:noFill/>
              <a:prstDash val="solid"/>
              <a:miter/>
            </a:ln>
          </p:spPr>
          <p:txBody>
            <a:bodyPr rtlCol="0" anchor="ctr"/>
            <a:lstStyle/>
            <a:p>
              <a:endParaRPr lang="en-AU" sz="204"/>
            </a:p>
          </p:txBody>
        </p:sp>
        <p:sp>
          <p:nvSpPr>
            <p:cNvPr id="19" name="Freeform: Shape 18">
              <a:extLst>
                <a:ext uri="{FF2B5EF4-FFF2-40B4-BE49-F238E27FC236}">
                  <a16:creationId xmlns:a16="http://schemas.microsoft.com/office/drawing/2014/main" id="{AC7C4BD0-0649-4A48-FAF3-BCA6649CF387}"/>
                </a:ext>
              </a:extLst>
            </p:cNvPr>
            <p:cNvSpPr/>
            <p:nvPr/>
          </p:nvSpPr>
          <p:spPr>
            <a:xfrm>
              <a:off x="3905059" y="3210528"/>
              <a:ext cx="356139" cy="68294"/>
            </a:xfrm>
            <a:custGeom>
              <a:avLst/>
              <a:gdLst>
                <a:gd name="connsiteX0" fmla="*/ 18574 w 356139"/>
                <a:gd name="connsiteY0" fmla="*/ 68294 h 68294"/>
                <a:gd name="connsiteX1" fmla="*/ 356140 w 356139"/>
                <a:gd name="connsiteY1" fmla="*/ 68294 h 68294"/>
                <a:gd name="connsiteX2" fmla="*/ 356140 w 356139"/>
                <a:gd name="connsiteY2" fmla="*/ 0 h 68294"/>
                <a:gd name="connsiteX3" fmla="*/ 20764 w 356139"/>
                <a:gd name="connsiteY3" fmla="*/ 0 h 68294"/>
                <a:gd name="connsiteX4" fmla="*/ 0 w 356139"/>
                <a:gd name="connsiteY4" fmla="*/ 35814 h 68294"/>
                <a:gd name="connsiteX5" fmla="*/ 18574 w 356139"/>
                <a:gd name="connsiteY5" fmla="*/ 68294 h 68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6139" h="68294">
                  <a:moveTo>
                    <a:pt x="18574" y="68294"/>
                  </a:moveTo>
                  <a:lnTo>
                    <a:pt x="356140" y="68294"/>
                  </a:lnTo>
                  <a:lnTo>
                    <a:pt x="356140" y="0"/>
                  </a:lnTo>
                  <a:lnTo>
                    <a:pt x="20764" y="0"/>
                  </a:lnTo>
                  <a:lnTo>
                    <a:pt x="0" y="35814"/>
                  </a:lnTo>
                  <a:lnTo>
                    <a:pt x="18574" y="68294"/>
                  </a:lnTo>
                  <a:close/>
                </a:path>
              </a:pathLst>
            </a:custGeom>
            <a:solidFill>
              <a:srgbClr val="66BCDB"/>
            </a:solidFill>
            <a:ln w="9525" cap="flat">
              <a:noFill/>
              <a:prstDash val="solid"/>
              <a:miter/>
            </a:ln>
          </p:spPr>
          <p:txBody>
            <a:bodyPr rtlCol="0" anchor="ctr"/>
            <a:lstStyle/>
            <a:p>
              <a:endParaRPr lang="en-AU" sz="204"/>
            </a:p>
          </p:txBody>
        </p:sp>
        <p:sp>
          <p:nvSpPr>
            <p:cNvPr id="20" name="Freeform: Shape 19">
              <a:extLst>
                <a:ext uri="{FF2B5EF4-FFF2-40B4-BE49-F238E27FC236}">
                  <a16:creationId xmlns:a16="http://schemas.microsoft.com/office/drawing/2014/main" id="{9D3F1EB6-D0BA-D34B-694E-F58B0A89438A}"/>
                </a:ext>
              </a:extLst>
            </p:cNvPr>
            <p:cNvSpPr/>
            <p:nvPr/>
          </p:nvSpPr>
          <p:spPr>
            <a:xfrm>
              <a:off x="3897249" y="2825623"/>
              <a:ext cx="378237" cy="461962"/>
            </a:xfrm>
            <a:custGeom>
              <a:avLst/>
              <a:gdLst>
                <a:gd name="connsiteX0" fmla="*/ 371189 w 378237"/>
                <a:gd name="connsiteY0" fmla="*/ 461581 h 461962"/>
                <a:gd name="connsiteX1" fmla="*/ 40767 w 378237"/>
                <a:gd name="connsiteY1" fmla="*/ 461581 h 461962"/>
                <a:gd name="connsiteX2" fmla="*/ 0 w 378237"/>
                <a:gd name="connsiteY2" fmla="*/ 420814 h 461962"/>
                <a:gd name="connsiteX3" fmla="*/ 0 w 378237"/>
                <a:gd name="connsiteY3" fmla="*/ 40767 h 461962"/>
                <a:gd name="connsiteX4" fmla="*/ 40767 w 378237"/>
                <a:gd name="connsiteY4" fmla="*/ 0 h 461962"/>
                <a:gd name="connsiteX5" fmla="*/ 371189 w 378237"/>
                <a:gd name="connsiteY5" fmla="*/ 0 h 461962"/>
                <a:gd name="connsiteX6" fmla="*/ 378238 w 378237"/>
                <a:gd name="connsiteY6" fmla="*/ 7048 h 461962"/>
                <a:gd name="connsiteX7" fmla="*/ 378238 w 378237"/>
                <a:gd name="connsiteY7" fmla="*/ 387477 h 461962"/>
                <a:gd name="connsiteX8" fmla="*/ 371189 w 378237"/>
                <a:gd name="connsiteY8" fmla="*/ 394525 h 461962"/>
                <a:gd name="connsiteX9" fmla="*/ 40767 w 378237"/>
                <a:gd name="connsiteY9" fmla="*/ 394525 h 461962"/>
                <a:gd name="connsiteX10" fmla="*/ 14097 w 378237"/>
                <a:gd name="connsiteY10" fmla="*/ 421195 h 461962"/>
                <a:gd name="connsiteX11" fmla="*/ 40767 w 378237"/>
                <a:gd name="connsiteY11" fmla="*/ 447865 h 461962"/>
                <a:gd name="connsiteX12" fmla="*/ 371189 w 378237"/>
                <a:gd name="connsiteY12" fmla="*/ 447865 h 461962"/>
                <a:gd name="connsiteX13" fmla="*/ 378238 w 378237"/>
                <a:gd name="connsiteY13" fmla="*/ 454914 h 461962"/>
                <a:gd name="connsiteX14" fmla="*/ 371189 w 378237"/>
                <a:gd name="connsiteY14" fmla="*/ 461963 h 461962"/>
                <a:gd name="connsiteX15" fmla="*/ 40767 w 378237"/>
                <a:gd name="connsiteY15" fmla="*/ 13906 h 461962"/>
                <a:gd name="connsiteX16" fmla="*/ 14097 w 378237"/>
                <a:gd name="connsiteY16" fmla="*/ 40576 h 461962"/>
                <a:gd name="connsiteX17" fmla="*/ 14097 w 378237"/>
                <a:gd name="connsiteY17" fmla="*/ 389858 h 461962"/>
                <a:gd name="connsiteX18" fmla="*/ 40767 w 378237"/>
                <a:gd name="connsiteY18" fmla="*/ 379857 h 461962"/>
                <a:gd name="connsiteX19" fmla="*/ 364141 w 378237"/>
                <a:gd name="connsiteY19" fmla="*/ 379857 h 461962"/>
                <a:gd name="connsiteX20" fmla="*/ 364141 w 378237"/>
                <a:gd name="connsiteY20" fmla="*/ 14097 h 461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78237" h="461962">
                  <a:moveTo>
                    <a:pt x="371189" y="461581"/>
                  </a:moveTo>
                  <a:lnTo>
                    <a:pt x="40767" y="461581"/>
                  </a:lnTo>
                  <a:cubicBezTo>
                    <a:pt x="18250" y="461581"/>
                    <a:pt x="0" y="443332"/>
                    <a:pt x="0" y="420814"/>
                  </a:cubicBezTo>
                  <a:lnTo>
                    <a:pt x="0" y="40767"/>
                  </a:lnTo>
                  <a:cubicBezTo>
                    <a:pt x="0" y="18250"/>
                    <a:pt x="18250" y="0"/>
                    <a:pt x="40767" y="0"/>
                  </a:cubicBezTo>
                  <a:lnTo>
                    <a:pt x="371189" y="0"/>
                  </a:lnTo>
                  <a:cubicBezTo>
                    <a:pt x="375085" y="0"/>
                    <a:pt x="378238" y="3153"/>
                    <a:pt x="378238" y="7048"/>
                  </a:cubicBezTo>
                  <a:lnTo>
                    <a:pt x="378238" y="387477"/>
                  </a:lnTo>
                  <a:cubicBezTo>
                    <a:pt x="378238" y="391373"/>
                    <a:pt x="375085" y="394525"/>
                    <a:pt x="371189" y="394525"/>
                  </a:cubicBezTo>
                  <a:lnTo>
                    <a:pt x="40767" y="394525"/>
                  </a:lnTo>
                  <a:cubicBezTo>
                    <a:pt x="26041" y="394525"/>
                    <a:pt x="14097" y="406470"/>
                    <a:pt x="14097" y="421195"/>
                  </a:cubicBezTo>
                  <a:cubicBezTo>
                    <a:pt x="14097" y="435921"/>
                    <a:pt x="26041" y="447865"/>
                    <a:pt x="40767" y="447865"/>
                  </a:cubicBezTo>
                  <a:lnTo>
                    <a:pt x="371189" y="447865"/>
                  </a:lnTo>
                  <a:cubicBezTo>
                    <a:pt x="375085" y="447865"/>
                    <a:pt x="378238" y="451018"/>
                    <a:pt x="378238" y="454914"/>
                  </a:cubicBezTo>
                  <a:cubicBezTo>
                    <a:pt x="378238" y="458810"/>
                    <a:pt x="375085" y="461963"/>
                    <a:pt x="371189" y="461963"/>
                  </a:cubicBezTo>
                  <a:close/>
                  <a:moveTo>
                    <a:pt x="40767" y="13906"/>
                  </a:moveTo>
                  <a:cubicBezTo>
                    <a:pt x="26060" y="13954"/>
                    <a:pt x="14144" y="25870"/>
                    <a:pt x="14097" y="40576"/>
                  </a:cubicBezTo>
                  <a:lnTo>
                    <a:pt x="14097" y="389858"/>
                  </a:lnTo>
                  <a:cubicBezTo>
                    <a:pt x="21488" y="383419"/>
                    <a:pt x="30966" y="379867"/>
                    <a:pt x="40767" y="379857"/>
                  </a:cubicBezTo>
                  <a:lnTo>
                    <a:pt x="364141" y="379857"/>
                  </a:lnTo>
                  <a:lnTo>
                    <a:pt x="364141" y="14097"/>
                  </a:lnTo>
                  <a:close/>
                </a:path>
              </a:pathLst>
            </a:custGeom>
            <a:solidFill>
              <a:srgbClr val="265A9A"/>
            </a:solidFill>
            <a:ln w="9525" cap="flat">
              <a:noFill/>
              <a:prstDash val="solid"/>
              <a:miter/>
            </a:ln>
          </p:spPr>
          <p:txBody>
            <a:bodyPr rtlCol="0" anchor="ctr"/>
            <a:lstStyle/>
            <a:p>
              <a:endParaRPr lang="en-AU" sz="204"/>
            </a:p>
          </p:txBody>
        </p:sp>
        <p:sp>
          <p:nvSpPr>
            <p:cNvPr id="21" name="Freeform: Shape 20">
              <a:extLst>
                <a:ext uri="{FF2B5EF4-FFF2-40B4-BE49-F238E27FC236}">
                  <a16:creationId xmlns:a16="http://schemas.microsoft.com/office/drawing/2014/main" id="{AFFC4669-2D88-BCF2-38BD-295148C18D32}"/>
                </a:ext>
              </a:extLst>
            </p:cNvPr>
            <p:cNvSpPr/>
            <p:nvPr/>
          </p:nvSpPr>
          <p:spPr>
            <a:xfrm>
              <a:off x="3941635" y="3237769"/>
              <a:ext cx="319563" cy="14097"/>
            </a:xfrm>
            <a:custGeom>
              <a:avLst/>
              <a:gdLst>
                <a:gd name="connsiteX0" fmla="*/ 312515 w 319563"/>
                <a:gd name="connsiteY0" fmla="*/ 14097 h 14097"/>
                <a:gd name="connsiteX1" fmla="*/ 7048 w 319563"/>
                <a:gd name="connsiteY1" fmla="*/ 14097 h 14097"/>
                <a:gd name="connsiteX2" fmla="*/ 0 w 319563"/>
                <a:gd name="connsiteY2" fmla="*/ 7049 h 14097"/>
                <a:gd name="connsiteX3" fmla="*/ 7048 w 319563"/>
                <a:gd name="connsiteY3" fmla="*/ 0 h 14097"/>
                <a:gd name="connsiteX4" fmla="*/ 312515 w 319563"/>
                <a:gd name="connsiteY4" fmla="*/ 0 h 14097"/>
                <a:gd name="connsiteX5" fmla="*/ 319564 w 319563"/>
                <a:gd name="connsiteY5" fmla="*/ 7049 h 14097"/>
                <a:gd name="connsiteX6" fmla="*/ 312515 w 319563"/>
                <a:gd name="connsiteY6" fmla="*/ 14097 h 140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9563" h="14097">
                  <a:moveTo>
                    <a:pt x="312515" y="14097"/>
                  </a:moveTo>
                  <a:lnTo>
                    <a:pt x="7048" y="14097"/>
                  </a:lnTo>
                  <a:cubicBezTo>
                    <a:pt x="3153" y="14097"/>
                    <a:pt x="0" y="10944"/>
                    <a:pt x="0" y="7049"/>
                  </a:cubicBezTo>
                  <a:cubicBezTo>
                    <a:pt x="0" y="3153"/>
                    <a:pt x="3153" y="0"/>
                    <a:pt x="7048" y="0"/>
                  </a:cubicBezTo>
                  <a:lnTo>
                    <a:pt x="312515" y="0"/>
                  </a:lnTo>
                  <a:cubicBezTo>
                    <a:pt x="316411" y="0"/>
                    <a:pt x="319564" y="3153"/>
                    <a:pt x="319564" y="7049"/>
                  </a:cubicBezTo>
                  <a:cubicBezTo>
                    <a:pt x="319564" y="10944"/>
                    <a:pt x="316411" y="14097"/>
                    <a:pt x="312515" y="14097"/>
                  </a:cubicBezTo>
                  <a:close/>
                </a:path>
              </a:pathLst>
            </a:custGeom>
            <a:solidFill>
              <a:srgbClr val="265A9A"/>
            </a:solidFill>
            <a:ln w="9525" cap="flat">
              <a:noFill/>
              <a:prstDash val="solid"/>
              <a:miter/>
            </a:ln>
          </p:spPr>
          <p:txBody>
            <a:bodyPr rtlCol="0" anchor="ctr"/>
            <a:lstStyle/>
            <a:p>
              <a:endParaRPr lang="en-AU" sz="204"/>
            </a:p>
          </p:txBody>
        </p:sp>
        <p:sp>
          <p:nvSpPr>
            <p:cNvPr id="37" name="Freeform: Shape 36">
              <a:extLst>
                <a:ext uri="{FF2B5EF4-FFF2-40B4-BE49-F238E27FC236}">
                  <a16:creationId xmlns:a16="http://schemas.microsoft.com/office/drawing/2014/main" id="{4F6E181A-9579-CC53-CCE6-03CC215EDFB0}"/>
                </a:ext>
              </a:extLst>
            </p:cNvPr>
            <p:cNvSpPr/>
            <p:nvPr/>
          </p:nvSpPr>
          <p:spPr>
            <a:xfrm>
              <a:off x="3938111" y="2851721"/>
              <a:ext cx="14097" cy="342328"/>
            </a:xfrm>
            <a:custGeom>
              <a:avLst/>
              <a:gdLst>
                <a:gd name="connsiteX0" fmla="*/ 7048 w 14097"/>
                <a:gd name="connsiteY0" fmla="*/ 342329 h 342328"/>
                <a:gd name="connsiteX1" fmla="*/ 0 w 14097"/>
                <a:gd name="connsiteY1" fmla="*/ 335280 h 342328"/>
                <a:gd name="connsiteX2" fmla="*/ 0 w 14097"/>
                <a:gd name="connsiteY2" fmla="*/ 7049 h 342328"/>
                <a:gd name="connsiteX3" fmla="*/ 7048 w 14097"/>
                <a:gd name="connsiteY3" fmla="*/ 0 h 342328"/>
                <a:gd name="connsiteX4" fmla="*/ 14097 w 14097"/>
                <a:gd name="connsiteY4" fmla="*/ 7049 h 342328"/>
                <a:gd name="connsiteX5" fmla="*/ 14097 w 14097"/>
                <a:gd name="connsiteY5" fmla="*/ 335185 h 342328"/>
                <a:gd name="connsiteX6" fmla="*/ 7144 w 14097"/>
                <a:gd name="connsiteY6" fmla="*/ 342329 h 342328"/>
                <a:gd name="connsiteX7" fmla="*/ 7048 w 14097"/>
                <a:gd name="connsiteY7" fmla="*/ 342329 h 342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097" h="342328">
                  <a:moveTo>
                    <a:pt x="7048" y="342329"/>
                  </a:moveTo>
                  <a:cubicBezTo>
                    <a:pt x="3153" y="342329"/>
                    <a:pt x="0" y="339176"/>
                    <a:pt x="0" y="335280"/>
                  </a:cubicBezTo>
                  <a:lnTo>
                    <a:pt x="0" y="7049"/>
                  </a:lnTo>
                  <a:cubicBezTo>
                    <a:pt x="0" y="3153"/>
                    <a:pt x="3153" y="0"/>
                    <a:pt x="7048" y="0"/>
                  </a:cubicBezTo>
                  <a:cubicBezTo>
                    <a:pt x="10944" y="0"/>
                    <a:pt x="14097" y="3153"/>
                    <a:pt x="14097" y="7049"/>
                  </a:cubicBezTo>
                  <a:lnTo>
                    <a:pt x="14097" y="335185"/>
                  </a:lnTo>
                  <a:cubicBezTo>
                    <a:pt x="14154" y="339080"/>
                    <a:pt x="11039" y="342271"/>
                    <a:pt x="7144" y="342329"/>
                  </a:cubicBezTo>
                  <a:cubicBezTo>
                    <a:pt x="7115" y="342329"/>
                    <a:pt x="7077" y="342329"/>
                    <a:pt x="7048" y="342329"/>
                  </a:cubicBezTo>
                  <a:close/>
                </a:path>
              </a:pathLst>
            </a:custGeom>
            <a:solidFill>
              <a:srgbClr val="265A9A"/>
            </a:solidFill>
            <a:ln w="9525" cap="flat">
              <a:noFill/>
              <a:prstDash val="solid"/>
              <a:miter/>
            </a:ln>
          </p:spPr>
          <p:txBody>
            <a:bodyPr rtlCol="0" anchor="ctr"/>
            <a:lstStyle/>
            <a:p>
              <a:endParaRPr lang="en-AU" sz="204"/>
            </a:p>
          </p:txBody>
        </p:sp>
        <p:sp>
          <p:nvSpPr>
            <p:cNvPr id="38" name="Freeform: Shape 37">
              <a:extLst>
                <a:ext uri="{FF2B5EF4-FFF2-40B4-BE49-F238E27FC236}">
                  <a16:creationId xmlns:a16="http://schemas.microsoft.com/office/drawing/2014/main" id="{F6D29A31-638F-5E45-3814-2D79237F352D}"/>
                </a:ext>
              </a:extLst>
            </p:cNvPr>
            <p:cNvSpPr/>
            <p:nvPr/>
          </p:nvSpPr>
          <p:spPr>
            <a:xfrm>
              <a:off x="4018025" y="2881249"/>
              <a:ext cx="65722" cy="14096"/>
            </a:xfrm>
            <a:custGeom>
              <a:avLst/>
              <a:gdLst>
                <a:gd name="connsiteX0" fmla="*/ 6572 w 65722"/>
                <a:gd name="connsiteY0" fmla="*/ 0 h 14096"/>
                <a:gd name="connsiteX1" fmla="*/ 58674 w 65722"/>
                <a:gd name="connsiteY1" fmla="*/ 0 h 14096"/>
                <a:gd name="connsiteX2" fmla="*/ 65722 w 65722"/>
                <a:gd name="connsiteY2" fmla="*/ 7048 h 14096"/>
                <a:gd name="connsiteX3" fmla="*/ 58674 w 65722"/>
                <a:gd name="connsiteY3" fmla="*/ 14097 h 14096"/>
                <a:gd name="connsiteX4" fmla="*/ 7048 w 65722"/>
                <a:gd name="connsiteY4" fmla="*/ 14097 h 14096"/>
                <a:gd name="connsiteX5" fmla="*/ 0 w 65722"/>
                <a:gd name="connsiteY5" fmla="*/ 7048 h 14096"/>
                <a:gd name="connsiteX6" fmla="*/ 7048 w 65722"/>
                <a:gd name="connsiteY6" fmla="*/ 0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5722" h="14096">
                  <a:moveTo>
                    <a:pt x="6572" y="0"/>
                  </a:moveTo>
                  <a:lnTo>
                    <a:pt x="58674" y="0"/>
                  </a:lnTo>
                  <a:cubicBezTo>
                    <a:pt x="62570" y="0"/>
                    <a:pt x="65722" y="3153"/>
                    <a:pt x="65722" y="7048"/>
                  </a:cubicBezTo>
                  <a:cubicBezTo>
                    <a:pt x="65722" y="10944"/>
                    <a:pt x="62570" y="14097"/>
                    <a:pt x="58674" y="14097"/>
                  </a:cubicBezTo>
                  <a:lnTo>
                    <a:pt x="7048" y="14097"/>
                  </a:lnTo>
                  <a:cubicBezTo>
                    <a:pt x="3153" y="14097"/>
                    <a:pt x="0" y="10944"/>
                    <a:pt x="0" y="7048"/>
                  </a:cubicBezTo>
                  <a:cubicBezTo>
                    <a:pt x="0" y="3153"/>
                    <a:pt x="3153" y="0"/>
                    <a:pt x="7048" y="0"/>
                  </a:cubicBezTo>
                  <a:close/>
                </a:path>
              </a:pathLst>
            </a:custGeom>
            <a:solidFill>
              <a:srgbClr val="265A9A"/>
            </a:solidFill>
            <a:ln w="9525" cap="flat">
              <a:noFill/>
              <a:prstDash val="solid"/>
              <a:miter/>
            </a:ln>
          </p:spPr>
          <p:txBody>
            <a:bodyPr rtlCol="0" anchor="ctr"/>
            <a:lstStyle/>
            <a:p>
              <a:endParaRPr lang="en-AU" sz="204"/>
            </a:p>
          </p:txBody>
        </p:sp>
        <p:sp>
          <p:nvSpPr>
            <p:cNvPr id="39" name="Freeform: Shape 38">
              <a:extLst>
                <a:ext uri="{FF2B5EF4-FFF2-40B4-BE49-F238E27FC236}">
                  <a16:creationId xmlns:a16="http://schemas.microsoft.com/office/drawing/2014/main" id="{319817CF-CA81-2D34-3E7D-BBEBBE0428CB}"/>
                </a:ext>
              </a:extLst>
            </p:cNvPr>
            <p:cNvSpPr/>
            <p:nvPr/>
          </p:nvSpPr>
          <p:spPr>
            <a:xfrm>
              <a:off x="3977735" y="2875819"/>
              <a:ext cx="26193" cy="24955"/>
            </a:xfrm>
            <a:custGeom>
              <a:avLst/>
              <a:gdLst>
                <a:gd name="connsiteX0" fmla="*/ 12478 w 26193"/>
                <a:gd name="connsiteY0" fmla="*/ 0 h 24955"/>
                <a:gd name="connsiteX1" fmla="*/ 13716 w 26193"/>
                <a:gd name="connsiteY1" fmla="*/ 0 h 24955"/>
                <a:gd name="connsiteX2" fmla="*/ 26194 w 26193"/>
                <a:gd name="connsiteY2" fmla="*/ 12478 h 24955"/>
                <a:gd name="connsiteX3" fmla="*/ 13716 w 26193"/>
                <a:gd name="connsiteY3" fmla="*/ 24956 h 24955"/>
                <a:gd name="connsiteX4" fmla="*/ 12478 w 26193"/>
                <a:gd name="connsiteY4" fmla="*/ 24956 h 24955"/>
                <a:gd name="connsiteX5" fmla="*/ 0 w 26193"/>
                <a:gd name="connsiteY5" fmla="*/ 12478 h 24955"/>
                <a:gd name="connsiteX6" fmla="*/ 12478 w 26193"/>
                <a:gd name="connsiteY6" fmla="*/ 0 h 24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193" h="24955">
                  <a:moveTo>
                    <a:pt x="12478" y="0"/>
                  </a:moveTo>
                  <a:lnTo>
                    <a:pt x="13716" y="0"/>
                  </a:lnTo>
                  <a:cubicBezTo>
                    <a:pt x="20603" y="0"/>
                    <a:pt x="26194" y="5582"/>
                    <a:pt x="26194" y="12478"/>
                  </a:cubicBezTo>
                  <a:cubicBezTo>
                    <a:pt x="26194" y="19364"/>
                    <a:pt x="20603" y="24956"/>
                    <a:pt x="13716" y="24956"/>
                  </a:cubicBezTo>
                  <a:lnTo>
                    <a:pt x="12478" y="24956"/>
                  </a:lnTo>
                  <a:cubicBezTo>
                    <a:pt x="5591" y="24956"/>
                    <a:pt x="0" y="19374"/>
                    <a:pt x="0" y="12478"/>
                  </a:cubicBezTo>
                  <a:cubicBezTo>
                    <a:pt x="0" y="5591"/>
                    <a:pt x="5591" y="0"/>
                    <a:pt x="12478" y="0"/>
                  </a:cubicBezTo>
                  <a:close/>
                </a:path>
              </a:pathLst>
            </a:custGeom>
            <a:solidFill>
              <a:srgbClr val="265A9A"/>
            </a:solidFill>
            <a:ln w="9525" cap="flat">
              <a:noFill/>
              <a:prstDash val="solid"/>
              <a:miter/>
            </a:ln>
          </p:spPr>
          <p:txBody>
            <a:bodyPr rtlCol="0" anchor="ctr"/>
            <a:lstStyle/>
            <a:p>
              <a:endParaRPr lang="en-AU" sz="204"/>
            </a:p>
          </p:txBody>
        </p:sp>
        <p:sp>
          <p:nvSpPr>
            <p:cNvPr id="40" name="Freeform: Shape 39">
              <a:extLst>
                <a:ext uri="{FF2B5EF4-FFF2-40B4-BE49-F238E27FC236}">
                  <a16:creationId xmlns:a16="http://schemas.microsoft.com/office/drawing/2014/main" id="{83814664-15FB-7A7B-93B2-D0055D382693}"/>
                </a:ext>
              </a:extLst>
            </p:cNvPr>
            <p:cNvSpPr/>
            <p:nvPr/>
          </p:nvSpPr>
          <p:spPr>
            <a:xfrm>
              <a:off x="3984570" y="2946378"/>
              <a:ext cx="37649" cy="55657"/>
            </a:xfrm>
            <a:custGeom>
              <a:avLst/>
              <a:gdLst>
                <a:gd name="connsiteX0" fmla="*/ 32788 w 37649"/>
                <a:gd name="connsiteY0" fmla="*/ 8689 h 55657"/>
                <a:gd name="connsiteX1" fmla="*/ 11071 w 37649"/>
                <a:gd name="connsiteY1" fmla="*/ 8689 h 55657"/>
                <a:gd name="connsiteX2" fmla="*/ 11071 w 37649"/>
                <a:gd name="connsiteY2" fmla="*/ 22691 h 55657"/>
                <a:gd name="connsiteX3" fmla="*/ 29264 w 37649"/>
                <a:gd name="connsiteY3" fmla="*/ 22691 h 55657"/>
                <a:gd name="connsiteX4" fmla="*/ 32979 w 37649"/>
                <a:gd name="connsiteY4" fmla="*/ 23834 h 55657"/>
                <a:gd name="connsiteX5" fmla="*/ 34217 w 37649"/>
                <a:gd name="connsiteY5" fmla="*/ 26882 h 55657"/>
                <a:gd name="connsiteX6" fmla="*/ 32979 w 37649"/>
                <a:gd name="connsiteY6" fmla="*/ 29835 h 55657"/>
                <a:gd name="connsiteX7" fmla="*/ 29264 w 37649"/>
                <a:gd name="connsiteY7" fmla="*/ 30978 h 55657"/>
                <a:gd name="connsiteX8" fmla="*/ 11071 w 37649"/>
                <a:gd name="connsiteY8" fmla="*/ 30978 h 55657"/>
                <a:gd name="connsiteX9" fmla="*/ 11071 w 37649"/>
                <a:gd name="connsiteY9" fmla="*/ 48980 h 55657"/>
                <a:gd name="connsiteX10" fmla="*/ 9452 w 37649"/>
                <a:gd name="connsiteY10" fmla="*/ 54028 h 55657"/>
                <a:gd name="connsiteX11" fmla="*/ 5547 w 37649"/>
                <a:gd name="connsiteY11" fmla="*/ 55648 h 55657"/>
                <a:gd name="connsiteX12" fmla="*/ 1546 w 37649"/>
                <a:gd name="connsiteY12" fmla="*/ 54028 h 55657"/>
                <a:gd name="connsiteX13" fmla="*/ 22 w 37649"/>
                <a:gd name="connsiteY13" fmla="*/ 48980 h 55657"/>
                <a:gd name="connsiteX14" fmla="*/ 22 w 37649"/>
                <a:gd name="connsiteY14" fmla="*/ 6975 h 55657"/>
                <a:gd name="connsiteX15" fmla="*/ 689 w 37649"/>
                <a:gd name="connsiteY15" fmla="*/ 3070 h 55657"/>
                <a:gd name="connsiteX16" fmla="*/ 2880 w 37649"/>
                <a:gd name="connsiteY16" fmla="*/ 879 h 55657"/>
                <a:gd name="connsiteX17" fmla="*/ 6404 w 37649"/>
                <a:gd name="connsiteY17" fmla="*/ 22 h 55657"/>
                <a:gd name="connsiteX18" fmla="*/ 32408 w 37649"/>
                <a:gd name="connsiteY18" fmla="*/ 22 h 55657"/>
                <a:gd name="connsiteX19" fmla="*/ 36313 w 37649"/>
                <a:gd name="connsiteY19" fmla="*/ 1165 h 55657"/>
                <a:gd name="connsiteX20" fmla="*/ 37646 w 37649"/>
                <a:gd name="connsiteY20" fmla="*/ 4213 h 55657"/>
                <a:gd name="connsiteX21" fmla="*/ 36313 w 37649"/>
                <a:gd name="connsiteY21" fmla="*/ 7356 h 55657"/>
                <a:gd name="connsiteX22" fmla="*/ 32788 w 37649"/>
                <a:gd name="connsiteY22" fmla="*/ 8689 h 55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37649" h="55657">
                  <a:moveTo>
                    <a:pt x="32788" y="8689"/>
                  </a:moveTo>
                  <a:lnTo>
                    <a:pt x="11071" y="8689"/>
                  </a:lnTo>
                  <a:lnTo>
                    <a:pt x="11071" y="22691"/>
                  </a:lnTo>
                  <a:lnTo>
                    <a:pt x="29264" y="22691"/>
                  </a:lnTo>
                  <a:cubicBezTo>
                    <a:pt x="30607" y="22586"/>
                    <a:pt x="31931" y="22986"/>
                    <a:pt x="32979" y="23834"/>
                  </a:cubicBezTo>
                  <a:cubicBezTo>
                    <a:pt x="33846" y="24606"/>
                    <a:pt x="34303" y="25730"/>
                    <a:pt x="34217" y="26882"/>
                  </a:cubicBezTo>
                  <a:cubicBezTo>
                    <a:pt x="34274" y="28006"/>
                    <a:pt x="33817" y="29092"/>
                    <a:pt x="32979" y="29835"/>
                  </a:cubicBezTo>
                  <a:cubicBezTo>
                    <a:pt x="31922" y="30664"/>
                    <a:pt x="30598" y="31073"/>
                    <a:pt x="29264" y="30978"/>
                  </a:cubicBezTo>
                  <a:lnTo>
                    <a:pt x="11071" y="30978"/>
                  </a:lnTo>
                  <a:lnTo>
                    <a:pt x="11071" y="48980"/>
                  </a:lnTo>
                  <a:cubicBezTo>
                    <a:pt x="11195" y="50809"/>
                    <a:pt x="10624" y="52619"/>
                    <a:pt x="9452" y="54028"/>
                  </a:cubicBezTo>
                  <a:cubicBezTo>
                    <a:pt x="8471" y="55152"/>
                    <a:pt x="7033" y="55743"/>
                    <a:pt x="5547" y="55648"/>
                  </a:cubicBezTo>
                  <a:cubicBezTo>
                    <a:pt x="4052" y="55686"/>
                    <a:pt x="2594" y="55095"/>
                    <a:pt x="1546" y="54028"/>
                  </a:cubicBezTo>
                  <a:cubicBezTo>
                    <a:pt x="423" y="52600"/>
                    <a:pt x="-120" y="50799"/>
                    <a:pt x="22" y="48980"/>
                  </a:cubicBezTo>
                  <a:lnTo>
                    <a:pt x="22" y="6975"/>
                  </a:lnTo>
                  <a:cubicBezTo>
                    <a:pt x="-35" y="5641"/>
                    <a:pt x="194" y="4308"/>
                    <a:pt x="689" y="3070"/>
                  </a:cubicBezTo>
                  <a:cubicBezTo>
                    <a:pt x="1156" y="2117"/>
                    <a:pt x="1928" y="1346"/>
                    <a:pt x="2880" y="879"/>
                  </a:cubicBezTo>
                  <a:cubicBezTo>
                    <a:pt x="3985" y="374"/>
                    <a:pt x="5185" y="79"/>
                    <a:pt x="6404" y="22"/>
                  </a:cubicBezTo>
                  <a:lnTo>
                    <a:pt x="32408" y="22"/>
                  </a:lnTo>
                  <a:cubicBezTo>
                    <a:pt x="33808" y="-102"/>
                    <a:pt x="35198" y="307"/>
                    <a:pt x="36313" y="1165"/>
                  </a:cubicBezTo>
                  <a:cubicBezTo>
                    <a:pt x="37179" y="1936"/>
                    <a:pt x="37665" y="3051"/>
                    <a:pt x="37646" y="4213"/>
                  </a:cubicBezTo>
                  <a:cubicBezTo>
                    <a:pt x="37694" y="5403"/>
                    <a:pt x="37208" y="6556"/>
                    <a:pt x="36313" y="7356"/>
                  </a:cubicBezTo>
                  <a:cubicBezTo>
                    <a:pt x="35322" y="8194"/>
                    <a:pt x="34084" y="8661"/>
                    <a:pt x="32788" y="8689"/>
                  </a:cubicBezTo>
                  <a:close/>
                </a:path>
              </a:pathLst>
            </a:custGeom>
            <a:solidFill>
              <a:srgbClr val="265998"/>
            </a:solidFill>
            <a:ln w="9525" cap="flat">
              <a:noFill/>
              <a:prstDash val="solid"/>
              <a:miter/>
            </a:ln>
          </p:spPr>
          <p:txBody>
            <a:bodyPr rtlCol="0" anchor="ctr"/>
            <a:lstStyle/>
            <a:p>
              <a:endParaRPr lang="en-AU" sz="204"/>
            </a:p>
          </p:txBody>
        </p:sp>
        <p:sp>
          <p:nvSpPr>
            <p:cNvPr id="41" name="Freeform: Shape 40">
              <a:extLst>
                <a:ext uri="{FF2B5EF4-FFF2-40B4-BE49-F238E27FC236}">
                  <a16:creationId xmlns:a16="http://schemas.microsoft.com/office/drawing/2014/main" id="{360C6944-62AE-B062-4D19-043EFCAD88DC}"/>
                </a:ext>
              </a:extLst>
            </p:cNvPr>
            <p:cNvSpPr/>
            <p:nvPr/>
          </p:nvSpPr>
          <p:spPr>
            <a:xfrm>
              <a:off x="4031238" y="2945633"/>
              <a:ext cx="11091" cy="56395"/>
            </a:xfrm>
            <a:custGeom>
              <a:avLst/>
              <a:gdLst>
                <a:gd name="connsiteX0" fmla="*/ 28 w 11091"/>
                <a:gd name="connsiteY0" fmla="*/ 49725 h 56395"/>
                <a:gd name="connsiteX1" fmla="*/ 28 w 11091"/>
                <a:gd name="connsiteY1" fmla="*/ 6672 h 56395"/>
                <a:gd name="connsiteX2" fmla="*/ 1552 w 11091"/>
                <a:gd name="connsiteY2" fmla="*/ 1719 h 56395"/>
                <a:gd name="connsiteX3" fmla="*/ 5457 w 11091"/>
                <a:gd name="connsiteY3" fmla="*/ 5 h 56395"/>
                <a:gd name="connsiteX4" fmla="*/ 9553 w 11091"/>
                <a:gd name="connsiteY4" fmla="*/ 1719 h 56395"/>
                <a:gd name="connsiteX5" fmla="*/ 11077 w 11091"/>
                <a:gd name="connsiteY5" fmla="*/ 6672 h 56395"/>
                <a:gd name="connsiteX6" fmla="*/ 11077 w 11091"/>
                <a:gd name="connsiteY6" fmla="*/ 49725 h 56395"/>
                <a:gd name="connsiteX7" fmla="*/ 9553 w 11091"/>
                <a:gd name="connsiteY7" fmla="*/ 54774 h 56395"/>
                <a:gd name="connsiteX8" fmla="*/ 5457 w 11091"/>
                <a:gd name="connsiteY8" fmla="*/ 56393 h 56395"/>
                <a:gd name="connsiteX9" fmla="*/ 1552 w 11091"/>
                <a:gd name="connsiteY9" fmla="*/ 54774 h 56395"/>
                <a:gd name="connsiteX10" fmla="*/ 28 w 11091"/>
                <a:gd name="connsiteY10" fmla="*/ 49725 h 563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91" h="56395">
                  <a:moveTo>
                    <a:pt x="28" y="49725"/>
                  </a:moveTo>
                  <a:lnTo>
                    <a:pt x="28" y="6672"/>
                  </a:lnTo>
                  <a:cubicBezTo>
                    <a:pt x="-134" y="4882"/>
                    <a:pt x="418" y="3110"/>
                    <a:pt x="1552" y="1719"/>
                  </a:cubicBezTo>
                  <a:cubicBezTo>
                    <a:pt x="2523" y="576"/>
                    <a:pt x="3961" y="-52"/>
                    <a:pt x="5457" y="5"/>
                  </a:cubicBezTo>
                  <a:cubicBezTo>
                    <a:pt x="7010" y="-62"/>
                    <a:pt x="8505" y="567"/>
                    <a:pt x="9553" y="1719"/>
                  </a:cubicBezTo>
                  <a:cubicBezTo>
                    <a:pt x="10648" y="3129"/>
                    <a:pt x="11191" y="4891"/>
                    <a:pt x="11077" y="6672"/>
                  </a:cubicBezTo>
                  <a:lnTo>
                    <a:pt x="11077" y="49725"/>
                  </a:lnTo>
                  <a:cubicBezTo>
                    <a:pt x="11172" y="51535"/>
                    <a:pt x="10629" y="53316"/>
                    <a:pt x="9553" y="54774"/>
                  </a:cubicBezTo>
                  <a:cubicBezTo>
                    <a:pt x="8467" y="55859"/>
                    <a:pt x="6990" y="56440"/>
                    <a:pt x="5457" y="56393"/>
                  </a:cubicBezTo>
                  <a:cubicBezTo>
                    <a:pt x="3990" y="56402"/>
                    <a:pt x="2580" y="55821"/>
                    <a:pt x="1552" y="54774"/>
                  </a:cubicBezTo>
                  <a:cubicBezTo>
                    <a:pt x="428" y="53345"/>
                    <a:pt x="-115" y="51545"/>
                    <a:pt x="28" y="49725"/>
                  </a:cubicBezTo>
                  <a:close/>
                </a:path>
              </a:pathLst>
            </a:custGeom>
            <a:solidFill>
              <a:srgbClr val="265998"/>
            </a:solidFill>
            <a:ln w="9525" cap="flat">
              <a:noFill/>
              <a:prstDash val="solid"/>
              <a:miter/>
            </a:ln>
          </p:spPr>
          <p:txBody>
            <a:bodyPr rtlCol="0" anchor="ctr"/>
            <a:lstStyle/>
            <a:p>
              <a:endParaRPr lang="en-AU" sz="204"/>
            </a:p>
          </p:txBody>
        </p:sp>
        <p:sp>
          <p:nvSpPr>
            <p:cNvPr id="42" name="Freeform: Shape 41">
              <a:extLst>
                <a:ext uri="{FF2B5EF4-FFF2-40B4-BE49-F238E27FC236}">
                  <a16:creationId xmlns:a16="http://schemas.microsoft.com/office/drawing/2014/main" id="{B669CD67-294C-BD0E-855C-7B10B66B7F22}"/>
                </a:ext>
              </a:extLst>
            </p:cNvPr>
            <p:cNvSpPr/>
            <p:nvPr/>
          </p:nvSpPr>
          <p:spPr>
            <a:xfrm>
              <a:off x="4054771" y="2945634"/>
              <a:ext cx="45679" cy="56778"/>
            </a:xfrm>
            <a:custGeom>
              <a:avLst/>
              <a:gdLst>
                <a:gd name="connsiteX0" fmla="*/ 14308 w 45679"/>
                <a:gd name="connsiteY0" fmla="*/ 6671 h 56778"/>
                <a:gd name="connsiteX1" fmla="*/ 35549 w 45679"/>
                <a:gd name="connsiteY1" fmla="*/ 38771 h 56778"/>
                <a:gd name="connsiteX2" fmla="*/ 35549 w 45679"/>
                <a:gd name="connsiteY2" fmla="*/ 6385 h 56778"/>
                <a:gd name="connsiteX3" fmla="*/ 36882 w 45679"/>
                <a:gd name="connsiteY3" fmla="*/ 1623 h 56778"/>
                <a:gd name="connsiteX4" fmla="*/ 40502 w 45679"/>
                <a:gd name="connsiteY4" fmla="*/ 4 h 56778"/>
                <a:gd name="connsiteX5" fmla="*/ 44312 w 45679"/>
                <a:gd name="connsiteY5" fmla="*/ 1623 h 56778"/>
                <a:gd name="connsiteX6" fmla="*/ 45645 w 45679"/>
                <a:gd name="connsiteY6" fmla="*/ 6385 h 56778"/>
                <a:gd name="connsiteX7" fmla="*/ 45645 w 45679"/>
                <a:gd name="connsiteY7" fmla="*/ 49248 h 56778"/>
                <a:gd name="connsiteX8" fmla="*/ 39740 w 45679"/>
                <a:gd name="connsiteY8" fmla="*/ 56392 h 56778"/>
                <a:gd name="connsiteX9" fmla="*/ 37073 w 45679"/>
                <a:gd name="connsiteY9" fmla="*/ 56392 h 56778"/>
                <a:gd name="connsiteX10" fmla="*/ 34787 w 45679"/>
                <a:gd name="connsiteY10" fmla="*/ 55058 h 56778"/>
                <a:gd name="connsiteX11" fmla="*/ 32882 w 45679"/>
                <a:gd name="connsiteY11" fmla="*/ 52868 h 56778"/>
                <a:gd name="connsiteX12" fmla="*/ 31072 w 45679"/>
                <a:gd name="connsiteY12" fmla="*/ 50296 h 56778"/>
                <a:gd name="connsiteX13" fmla="*/ 10403 w 45679"/>
                <a:gd name="connsiteY13" fmla="*/ 18482 h 56778"/>
                <a:gd name="connsiteX14" fmla="*/ 10403 w 45679"/>
                <a:gd name="connsiteY14" fmla="*/ 50486 h 56778"/>
                <a:gd name="connsiteX15" fmla="*/ 8879 w 45679"/>
                <a:gd name="connsiteY15" fmla="*/ 55249 h 56778"/>
                <a:gd name="connsiteX16" fmla="*/ 5164 w 45679"/>
                <a:gd name="connsiteY16" fmla="*/ 56773 h 56778"/>
                <a:gd name="connsiteX17" fmla="*/ 1449 w 45679"/>
                <a:gd name="connsiteY17" fmla="*/ 55154 h 56778"/>
                <a:gd name="connsiteX18" fmla="*/ 21 w 45679"/>
                <a:gd name="connsiteY18" fmla="*/ 50486 h 56778"/>
                <a:gd name="connsiteX19" fmla="*/ 21 w 45679"/>
                <a:gd name="connsiteY19" fmla="*/ 8386 h 56778"/>
                <a:gd name="connsiteX20" fmla="*/ 592 w 45679"/>
                <a:gd name="connsiteY20" fmla="*/ 4195 h 56778"/>
                <a:gd name="connsiteX21" fmla="*/ 6498 w 45679"/>
                <a:gd name="connsiteY21" fmla="*/ 385 h 56778"/>
                <a:gd name="connsiteX22" fmla="*/ 9069 w 45679"/>
                <a:gd name="connsiteY22" fmla="*/ 861 h 56778"/>
                <a:gd name="connsiteX23" fmla="*/ 10879 w 45679"/>
                <a:gd name="connsiteY23" fmla="*/ 2194 h 56778"/>
                <a:gd name="connsiteX24" fmla="*/ 12594 w 45679"/>
                <a:gd name="connsiteY24" fmla="*/ 4290 h 56778"/>
                <a:gd name="connsiteX25" fmla="*/ 14308 w 45679"/>
                <a:gd name="connsiteY25" fmla="*/ 6671 h 567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45679" h="56778">
                  <a:moveTo>
                    <a:pt x="14308" y="6671"/>
                  </a:moveTo>
                  <a:lnTo>
                    <a:pt x="35549" y="38771"/>
                  </a:lnTo>
                  <a:lnTo>
                    <a:pt x="35549" y="6385"/>
                  </a:lnTo>
                  <a:cubicBezTo>
                    <a:pt x="35425" y="4690"/>
                    <a:pt x="35892" y="3004"/>
                    <a:pt x="36882" y="1623"/>
                  </a:cubicBezTo>
                  <a:cubicBezTo>
                    <a:pt x="37768" y="547"/>
                    <a:pt x="39111" y="-53"/>
                    <a:pt x="40502" y="4"/>
                  </a:cubicBezTo>
                  <a:cubicBezTo>
                    <a:pt x="41950" y="-53"/>
                    <a:pt x="43350" y="547"/>
                    <a:pt x="44312" y="1623"/>
                  </a:cubicBezTo>
                  <a:cubicBezTo>
                    <a:pt x="45341" y="2985"/>
                    <a:pt x="45817" y="4690"/>
                    <a:pt x="45645" y="6385"/>
                  </a:cubicBezTo>
                  <a:lnTo>
                    <a:pt x="45645" y="49248"/>
                  </a:lnTo>
                  <a:cubicBezTo>
                    <a:pt x="45645" y="54010"/>
                    <a:pt x="43740" y="56392"/>
                    <a:pt x="39740" y="56392"/>
                  </a:cubicBezTo>
                  <a:cubicBezTo>
                    <a:pt x="38854" y="56554"/>
                    <a:pt x="37959" y="56554"/>
                    <a:pt x="37073" y="56392"/>
                  </a:cubicBezTo>
                  <a:cubicBezTo>
                    <a:pt x="36244" y="56077"/>
                    <a:pt x="35473" y="55630"/>
                    <a:pt x="34787" y="55058"/>
                  </a:cubicBezTo>
                  <a:cubicBezTo>
                    <a:pt x="34101" y="54373"/>
                    <a:pt x="33463" y="53639"/>
                    <a:pt x="32882" y="52868"/>
                  </a:cubicBezTo>
                  <a:lnTo>
                    <a:pt x="31072" y="50296"/>
                  </a:lnTo>
                  <a:lnTo>
                    <a:pt x="10403" y="18482"/>
                  </a:lnTo>
                  <a:lnTo>
                    <a:pt x="10403" y="50486"/>
                  </a:lnTo>
                  <a:cubicBezTo>
                    <a:pt x="10536" y="52210"/>
                    <a:pt x="9984" y="53915"/>
                    <a:pt x="8879" y="55249"/>
                  </a:cubicBezTo>
                  <a:cubicBezTo>
                    <a:pt x="7926" y="56277"/>
                    <a:pt x="6564" y="56839"/>
                    <a:pt x="5164" y="56773"/>
                  </a:cubicBezTo>
                  <a:cubicBezTo>
                    <a:pt x="3745" y="56839"/>
                    <a:pt x="2364" y="56239"/>
                    <a:pt x="1449" y="55154"/>
                  </a:cubicBezTo>
                  <a:cubicBezTo>
                    <a:pt x="402" y="53839"/>
                    <a:pt x="-113" y="52163"/>
                    <a:pt x="21" y="50486"/>
                  </a:cubicBezTo>
                  <a:lnTo>
                    <a:pt x="21" y="8386"/>
                  </a:lnTo>
                  <a:cubicBezTo>
                    <a:pt x="-37" y="6967"/>
                    <a:pt x="163" y="5547"/>
                    <a:pt x="592" y="4195"/>
                  </a:cubicBezTo>
                  <a:cubicBezTo>
                    <a:pt x="1640" y="1871"/>
                    <a:pt x="3955" y="385"/>
                    <a:pt x="6498" y="385"/>
                  </a:cubicBezTo>
                  <a:cubicBezTo>
                    <a:pt x="7374" y="375"/>
                    <a:pt x="8250" y="537"/>
                    <a:pt x="9069" y="861"/>
                  </a:cubicBezTo>
                  <a:cubicBezTo>
                    <a:pt x="9746" y="1194"/>
                    <a:pt x="10355" y="1642"/>
                    <a:pt x="10879" y="2194"/>
                  </a:cubicBezTo>
                  <a:cubicBezTo>
                    <a:pt x="11517" y="2833"/>
                    <a:pt x="12089" y="3538"/>
                    <a:pt x="12594" y="4290"/>
                  </a:cubicBezTo>
                  <a:cubicBezTo>
                    <a:pt x="13127" y="5109"/>
                    <a:pt x="13698" y="5909"/>
                    <a:pt x="14308" y="6671"/>
                  </a:cubicBezTo>
                  <a:close/>
                </a:path>
              </a:pathLst>
            </a:custGeom>
            <a:solidFill>
              <a:srgbClr val="265998"/>
            </a:solidFill>
            <a:ln w="9525" cap="flat">
              <a:noFill/>
              <a:prstDash val="solid"/>
              <a:miter/>
            </a:ln>
          </p:spPr>
          <p:txBody>
            <a:bodyPr rtlCol="0" anchor="ctr"/>
            <a:lstStyle/>
            <a:p>
              <a:endParaRPr lang="en-AU" sz="204"/>
            </a:p>
          </p:txBody>
        </p:sp>
        <p:sp>
          <p:nvSpPr>
            <p:cNvPr id="43" name="Freeform: Shape 42">
              <a:extLst>
                <a:ext uri="{FF2B5EF4-FFF2-40B4-BE49-F238E27FC236}">
                  <a16:creationId xmlns:a16="http://schemas.microsoft.com/office/drawing/2014/main" id="{28C03A1B-C6A0-733B-82CE-E8D9EAE05E43}"/>
                </a:ext>
              </a:extLst>
            </p:cNvPr>
            <p:cNvSpPr/>
            <p:nvPr/>
          </p:nvSpPr>
          <p:spPr>
            <a:xfrm>
              <a:off x="4107556" y="2945634"/>
              <a:ext cx="50296" cy="56411"/>
            </a:xfrm>
            <a:custGeom>
              <a:avLst/>
              <a:gdLst>
                <a:gd name="connsiteX0" fmla="*/ 38867 w 50296"/>
                <a:gd name="connsiteY0" fmla="*/ 49343 h 56411"/>
                <a:gd name="connsiteX1" fmla="*/ 36295 w 50296"/>
                <a:gd name="connsiteY1" fmla="*/ 42485 h 56411"/>
                <a:gd name="connsiteX2" fmla="*/ 14102 w 50296"/>
                <a:gd name="connsiteY2" fmla="*/ 42485 h 56411"/>
                <a:gd name="connsiteX3" fmla="*/ 11530 w 50296"/>
                <a:gd name="connsiteY3" fmla="*/ 49438 h 56411"/>
                <a:gd name="connsiteX4" fmla="*/ 8863 w 50296"/>
                <a:gd name="connsiteY4" fmla="*/ 54963 h 56411"/>
                <a:gd name="connsiteX5" fmla="*/ 5339 w 50296"/>
                <a:gd name="connsiteY5" fmla="*/ 56391 h 56411"/>
                <a:gd name="connsiteX6" fmla="*/ 1719 w 50296"/>
                <a:gd name="connsiteY6" fmla="*/ 54867 h 56411"/>
                <a:gd name="connsiteX7" fmla="*/ 100 w 50296"/>
                <a:gd name="connsiteY7" fmla="*/ 51438 h 56411"/>
                <a:gd name="connsiteX8" fmla="*/ 100 w 50296"/>
                <a:gd name="connsiteY8" fmla="*/ 49152 h 56411"/>
                <a:gd name="connsiteX9" fmla="*/ 1338 w 50296"/>
                <a:gd name="connsiteY9" fmla="*/ 45818 h 56411"/>
                <a:gd name="connsiteX10" fmla="*/ 15245 w 50296"/>
                <a:gd name="connsiteY10" fmla="*/ 10385 h 56411"/>
                <a:gd name="connsiteX11" fmla="*/ 16673 w 50296"/>
                <a:gd name="connsiteY11" fmla="*/ 6766 h 56411"/>
                <a:gd name="connsiteX12" fmla="*/ 18483 w 50296"/>
                <a:gd name="connsiteY12" fmla="*/ 3147 h 56411"/>
                <a:gd name="connsiteX13" fmla="*/ 20960 w 50296"/>
                <a:gd name="connsiteY13" fmla="*/ 860 h 56411"/>
                <a:gd name="connsiteX14" fmla="*/ 24770 w 50296"/>
                <a:gd name="connsiteY14" fmla="*/ 3 h 56411"/>
                <a:gd name="connsiteX15" fmla="*/ 28675 w 50296"/>
                <a:gd name="connsiteY15" fmla="*/ 860 h 56411"/>
                <a:gd name="connsiteX16" fmla="*/ 31152 w 50296"/>
                <a:gd name="connsiteY16" fmla="*/ 3147 h 56411"/>
                <a:gd name="connsiteX17" fmla="*/ 32676 w 50296"/>
                <a:gd name="connsiteY17" fmla="*/ 6099 h 56411"/>
                <a:gd name="connsiteX18" fmla="*/ 34390 w 50296"/>
                <a:gd name="connsiteY18" fmla="*/ 10290 h 56411"/>
                <a:gd name="connsiteX19" fmla="*/ 48582 w 50296"/>
                <a:gd name="connsiteY19" fmla="*/ 45533 h 56411"/>
                <a:gd name="connsiteX20" fmla="*/ 50297 w 50296"/>
                <a:gd name="connsiteY20" fmla="*/ 51343 h 56411"/>
                <a:gd name="connsiteX21" fmla="*/ 48678 w 50296"/>
                <a:gd name="connsiteY21" fmla="*/ 54867 h 56411"/>
                <a:gd name="connsiteX22" fmla="*/ 44868 w 50296"/>
                <a:gd name="connsiteY22" fmla="*/ 56391 h 56411"/>
                <a:gd name="connsiteX23" fmla="*/ 42677 w 50296"/>
                <a:gd name="connsiteY23" fmla="*/ 55915 h 56411"/>
                <a:gd name="connsiteX24" fmla="*/ 41153 w 50296"/>
                <a:gd name="connsiteY24" fmla="*/ 54677 h 56411"/>
                <a:gd name="connsiteX25" fmla="*/ 39724 w 50296"/>
                <a:gd name="connsiteY25" fmla="*/ 52200 h 56411"/>
                <a:gd name="connsiteX26" fmla="*/ 16769 w 50296"/>
                <a:gd name="connsiteY26" fmla="*/ 34198 h 56411"/>
                <a:gd name="connsiteX27" fmla="*/ 33056 w 50296"/>
                <a:gd name="connsiteY27" fmla="*/ 34198 h 56411"/>
                <a:gd name="connsiteX28" fmla="*/ 24770 w 50296"/>
                <a:gd name="connsiteY28" fmla="*/ 11624 h 564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50296" h="56411">
                  <a:moveTo>
                    <a:pt x="38867" y="49343"/>
                  </a:moveTo>
                  <a:lnTo>
                    <a:pt x="36295" y="42485"/>
                  </a:lnTo>
                  <a:lnTo>
                    <a:pt x="14102" y="42485"/>
                  </a:lnTo>
                  <a:lnTo>
                    <a:pt x="11530" y="49438"/>
                  </a:lnTo>
                  <a:cubicBezTo>
                    <a:pt x="10892" y="51391"/>
                    <a:pt x="9997" y="53248"/>
                    <a:pt x="8863" y="54963"/>
                  </a:cubicBezTo>
                  <a:cubicBezTo>
                    <a:pt x="7996" y="55991"/>
                    <a:pt x="6672" y="56525"/>
                    <a:pt x="5339" y="56391"/>
                  </a:cubicBezTo>
                  <a:cubicBezTo>
                    <a:pt x="3977" y="56401"/>
                    <a:pt x="2662" y="55848"/>
                    <a:pt x="1719" y="54867"/>
                  </a:cubicBezTo>
                  <a:cubicBezTo>
                    <a:pt x="662" y="54048"/>
                    <a:pt x="62" y="52772"/>
                    <a:pt x="100" y="51438"/>
                  </a:cubicBezTo>
                  <a:cubicBezTo>
                    <a:pt x="-33" y="50686"/>
                    <a:pt x="-33" y="49905"/>
                    <a:pt x="100" y="49152"/>
                  </a:cubicBezTo>
                  <a:cubicBezTo>
                    <a:pt x="433" y="48019"/>
                    <a:pt x="853" y="46904"/>
                    <a:pt x="1338" y="45818"/>
                  </a:cubicBezTo>
                  <a:lnTo>
                    <a:pt x="15245" y="10385"/>
                  </a:lnTo>
                  <a:lnTo>
                    <a:pt x="16673" y="6766"/>
                  </a:lnTo>
                  <a:cubicBezTo>
                    <a:pt x="17140" y="5499"/>
                    <a:pt x="17750" y="4280"/>
                    <a:pt x="18483" y="3147"/>
                  </a:cubicBezTo>
                  <a:cubicBezTo>
                    <a:pt x="19112" y="2194"/>
                    <a:pt x="19960" y="1413"/>
                    <a:pt x="20960" y="860"/>
                  </a:cubicBezTo>
                  <a:cubicBezTo>
                    <a:pt x="22141" y="261"/>
                    <a:pt x="23446" y="-35"/>
                    <a:pt x="24770" y="3"/>
                  </a:cubicBezTo>
                  <a:cubicBezTo>
                    <a:pt x="26122" y="-35"/>
                    <a:pt x="27465" y="261"/>
                    <a:pt x="28675" y="860"/>
                  </a:cubicBezTo>
                  <a:cubicBezTo>
                    <a:pt x="29656" y="1442"/>
                    <a:pt x="30494" y="2223"/>
                    <a:pt x="31152" y="3147"/>
                  </a:cubicBezTo>
                  <a:cubicBezTo>
                    <a:pt x="31752" y="4080"/>
                    <a:pt x="32266" y="5071"/>
                    <a:pt x="32676" y="6099"/>
                  </a:cubicBezTo>
                  <a:cubicBezTo>
                    <a:pt x="33152" y="7147"/>
                    <a:pt x="33723" y="8576"/>
                    <a:pt x="34390" y="10290"/>
                  </a:cubicBezTo>
                  <a:lnTo>
                    <a:pt x="48582" y="45533"/>
                  </a:lnTo>
                  <a:cubicBezTo>
                    <a:pt x="49497" y="47352"/>
                    <a:pt x="50078" y="49324"/>
                    <a:pt x="50297" y="51343"/>
                  </a:cubicBezTo>
                  <a:cubicBezTo>
                    <a:pt x="50249" y="52686"/>
                    <a:pt x="49668" y="53953"/>
                    <a:pt x="48678" y="54867"/>
                  </a:cubicBezTo>
                  <a:cubicBezTo>
                    <a:pt x="47677" y="55877"/>
                    <a:pt x="46296" y="56429"/>
                    <a:pt x="44868" y="56391"/>
                  </a:cubicBezTo>
                  <a:cubicBezTo>
                    <a:pt x="44106" y="56439"/>
                    <a:pt x="43344" y="56277"/>
                    <a:pt x="42677" y="55915"/>
                  </a:cubicBezTo>
                  <a:cubicBezTo>
                    <a:pt x="42048" y="55667"/>
                    <a:pt x="41524" y="55239"/>
                    <a:pt x="41153" y="54677"/>
                  </a:cubicBezTo>
                  <a:cubicBezTo>
                    <a:pt x="40534" y="53943"/>
                    <a:pt x="40048" y="53105"/>
                    <a:pt x="39724" y="52200"/>
                  </a:cubicBezTo>
                  <a:close/>
                  <a:moveTo>
                    <a:pt x="16769" y="34198"/>
                  </a:moveTo>
                  <a:lnTo>
                    <a:pt x="33056" y="34198"/>
                  </a:lnTo>
                  <a:lnTo>
                    <a:pt x="24770" y="11624"/>
                  </a:lnTo>
                  <a:close/>
                </a:path>
              </a:pathLst>
            </a:custGeom>
            <a:solidFill>
              <a:srgbClr val="265998"/>
            </a:solidFill>
            <a:ln w="9525" cap="flat">
              <a:noFill/>
              <a:prstDash val="solid"/>
              <a:miter/>
            </a:ln>
          </p:spPr>
          <p:txBody>
            <a:bodyPr rtlCol="0" anchor="ctr"/>
            <a:lstStyle/>
            <a:p>
              <a:endParaRPr lang="en-AU" sz="204"/>
            </a:p>
          </p:txBody>
        </p:sp>
        <p:sp>
          <p:nvSpPr>
            <p:cNvPr id="44" name="Freeform: Shape 43">
              <a:extLst>
                <a:ext uri="{FF2B5EF4-FFF2-40B4-BE49-F238E27FC236}">
                  <a16:creationId xmlns:a16="http://schemas.microsoft.com/office/drawing/2014/main" id="{0DF29638-303D-4250-40D1-6FDFDE0A8E63}"/>
                </a:ext>
              </a:extLst>
            </p:cNvPr>
            <p:cNvSpPr/>
            <p:nvPr/>
          </p:nvSpPr>
          <p:spPr>
            <a:xfrm>
              <a:off x="4166026" y="2945633"/>
              <a:ext cx="39074" cy="55635"/>
            </a:xfrm>
            <a:custGeom>
              <a:avLst/>
              <a:gdLst>
                <a:gd name="connsiteX0" fmla="*/ 11162 w 39074"/>
                <a:gd name="connsiteY0" fmla="*/ 6672 h 55635"/>
                <a:gd name="connsiteX1" fmla="*/ 11162 w 39074"/>
                <a:gd name="connsiteY1" fmla="*/ 46392 h 55635"/>
                <a:gd name="connsiteX2" fmla="*/ 33546 w 39074"/>
                <a:gd name="connsiteY2" fmla="*/ 46392 h 55635"/>
                <a:gd name="connsiteX3" fmla="*/ 37642 w 39074"/>
                <a:gd name="connsiteY3" fmla="*/ 47725 h 55635"/>
                <a:gd name="connsiteX4" fmla="*/ 39071 w 39074"/>
                <a:gd name="connsiteY4" fmla="*/ 50964 h 55635"/>
                <a:gd name="connsiteX5" fmla="*/ 37642 w 39074"/>
                <a:gd name="connsiteY5" fmla="*/ 54202 h 55635"/>
                <a:gd name="connsiteX6" fmla="*/ 33546 w 39074"/>
                <a:gd name="connsiteY6" fmla="*/ 55536 h 55635"/>
                <a:gd name="connsiteX7" fmla="*/ 6876 w 39074"/>
                <a:gd name="connsiteY7" fmla="*/ 55536 h 55635"/>
                <a:gd name="connsiteX8" fmla="*/ 94 w 39074"/>
                <a:gd name="connsiteY8" fmla="*/ 50887 h 55635"/>
                <a:gd name="connsiteX9" fmla="*/ 114 w 39074"/>
                <a:gd name="connsiteY9" fmla="*/ 48678 h 55635"/>
                <a:gd name="connsiteX10" fmla="*/ 114 w 39074"/>
                <a:gd name="connsiteY10" fmla="*/ 6672 h 55635"/>
                <a:gd name="connsiteX11" fmla="*/ 1637 w 39074"/>
                <a:gd name="connsiteY11" fmla="*/ 1719 h 55635"/>
                <a:gd name="connsiteX12" fmla="*/ 5543 w 39074"/>
                <a:gd name="connsiteY12" fmla="*/ 5 h 55635"/>
                <a:gd name="connsiteX13" fmla="*/ 9639 w 39074"/>
                <a:gd name="connsiteY13" fmla="*/ 1719 h 55635"/>
                <a:gd name="connsiteX14" fmla="*/ 11162 w 39074"/>
                <a:gd name="connsiteY14" fmla="*/ 6672 h 556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9074" h="55635">
                  <a:moveTo>
                    <a:pt x="11162" y="6672"/>
                  </a:moveTo>
                  <a:lnTo>
                    <a:pt x="11162" y="46392"/>
                  </a:lnTo>
                  <a:lnTo>
                    <a:pt x="33546" y="46392"/>
                  </a:lnTo>
                  <a:cubicBezTo>
                    <a:pt x="35032" y="46306"/>
                    <a:pt x="36490" y="46782"/>
                    <a:pt x="37642" y="47725"/>
                  </a:cubicBezTo>
                  <a:cubicBezTo>
                    <a:pt x="38566" y="48544"/>
                    <a:pt x="39080" y="49725"/>
                    <a:pt x="39071" y="50964"/>
                  </a:cubicBezTo>
                  <a:cubicBezTo>
                    <a:pt x="39128" y="52202"/>
                    <a:pt x="38594" y="53402"/>
                    <a:pt x="37642" y="54202"/>
                  </a:cubicBezTo>
                  <a:cubicBezTo>
                    <a:pt x="36499" y="55164"/>
                    <a:pt x="35032" y="55640"/>
                    <a:pt x="33546" y="55536"/>
                  </a:cubicBezTo>
                  <a:lnTo>
                    <a:pt x="6876" y="55536"/>
                  </a:lnTo>
                  <a:cubicBezTo>
                    <a:pt x="3723" y="56126"/>
                    <a:pt x="685" y="54050"/>
                    <a:pt x="94" y="50887"/>
                  </a:cubicBezTo>
                  <a:cubicBezTo>
                    <a:pt x="-39" y="50164"/>
                    <a:pt x="-29" y="49411"/>
                    <a:pt x="114" y="48678"/>
                  </a:cubicBezTo>
                  <a:lnTo>
                    <a:pt x="114" y="6672"/>
                  </a:lnTo>
                  <a:cubicBezTo>
                    <a:pt x="-49" y="4882"/>
                    <a:pt x="504" y="3110"/>
                    <a:pt x="1637" y="1719"/>
                  </a:cubicBezTo>
                  <a:cubicBezTo>
                    <a:pt x="2609" y="576"/>
                    <a:pt x="4047" y="-52"/>
                    <a:pt x="5543" y="5"/>
                  </a:cubicBezTo>
                  <a:cubicBezTo>
                    <a:pt x="7095" y="-62"/>
                    <a:pt x="8591" y="567"/>
                    <a:pt x="9639" y="1719"/>
                  </a:cubicBezTo>
                  <a:cubicBezTo>
                    <a:pt x="10734" y="3129"/>
                    <a:pt x="11277" y="4891"/>
                    <a:pt x="11162" y="6672"/>
                  </a:cubicBezTo>
                  <a:close/>
                </a:path>
              </a:pathLst>
            </a:custGeom>
            <a:solidFill>
              <a:srgbClr val="265998"/>
            </a:solidFill>
            <a:ln w="9525" cap="flat">
              <a:noFill/>
              <a:prstDash val="solid"/>
              <a:miter/>
            </a:ln>
          </p:spPr>
          <p:txBody>
            <a:bodyPr rtlCol="0" anchor="ctr"/>
            <a:lstStyle/>
            <a:p>
              <a:endParaRPr lang="en-AU" sz="204"/>
            </a:p>
          </p:txBody>
        </p:sp>
      </p:grpSp>
      <p:grpSp>
        <p:nvGrpSpPr>
          <p:cNvPr id="66" name="Group 65">
            <a:extLst>
              <a:ext uri="{FF2B5EF4-FFF2-40B4-BE49-F238E27FC236}">
                <a16:creationId xmlns:a16="http://schemas.microsoft.com/office/drawing/2014/main" id="{F8A8956B-5D7E-4652-C49E-3946B76F9909}"/>
              </a:ext>
            </a:extLst>
          </p:cNvPr>
          <p:cNvGrpSpPr/>
          <p:nvPr/>
        </p:nvGrpSpPr>
        <p:grpSpPr>
          <a:xfrm>
            <a:off x="569997" y="3316092"/>
            <a:ext cx="465680" cy="623212"/>
            <a:chOff x="1773368" y="2855245"/>
            <a:chExt cx="308892" cy="413387"/>
          </a:xfrm>
        </p:grpSpPr>
        <p:sp>
          <p:nvSpPr>
            <p:cNvPr id="67" name="Freeform: Shape 66">
              <a:extLst>
                <a:ext uri="{FF2B5EF4-FFF2-40B4-BE49-F238E27FC236}">
                  <a16:creationId xmlns:a16="http://schemas.microsoft.com/office/drawing/2014/main" id="{3C20361F-B9F5-E339-7372-2DC0D8DBDA93}"/>
                </a:ext>
              </a:extLst>
            </p:cNvPr>
            <p:cNvSpPr/>
            <p:nvPr/>
          </p:nvSpPr>
          <p:spPr>
            <a:xfrm>
              <a:off x="1921097" y="2860198"/>
              <a:ext cx="153162" cy="125158"/>
            </a:xfrm>
            <a:custGeom>
              <a:avLst/>
              <a:gdLst>
                <a:gd name="connsiteX0" fmla="*/ 286 w 153162"/>
                <a:gd name="connsiteY0" fmla="*/ 103251 h 125158"/>
                <a:gd name="connsiteX1" fmla="*/ 38386 w 153162"/>
                <a:gd name="connsiteY1" fmla="*/ 118777 h 125158"/>
                <a:gd name="connsiteX2" fmla="*/ 93059 w 153162"/>
                <a:gd name="connsiteY2" fmla="*/ 112586 h 125158"/>
                <a:gd name="connsiteX3" fmla="*/ 153162 w 153162"/>
                <a:gd name="connsiteY3" fmla="*/ 125158 h 125158"/>
                <a:gd name="connsiteX4" fmla="*/ 153162 w 153162"/>
                <a:gd name="connsiteY4" fmla="*/ 14383 h 125158"/>
                <a:gd name="connsiteX5" fmla="*/ 93059 w 153162"/>
                <a:gd name="connsiteY5" fmla="*/ 1905 h 125158"/>
                <a:gd name="connsiteX6" fmla="*/ 30766 w 153162"/>
                <a:gd name="connsiteY6" fmla="*/ 8001 h 125158"/>
                <a:gd name="connsiteX7" fmla="*/ 0 w 153162"/>
                <a:gd name="connsiteY7" fmla="*/ 0 h 125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3162" h="125158">
                  <a:moveTo>
                    <a:pt x="286" y="103251"/>
                  </a:moveTo>
                  <a:cubicBezTo>
                    <a:pt x="286" y="103251"/>
                    <a:pt x="25337" y="118777"/>
                    <a:pt x="38386" y="118777"/>
                  </a:cubicBezTo>
                  <a:cubicBezTo>
                    <a:pt x="51435" y="118777"/>
                    <a:pt x="69151" y="112586"/>
                    <a:pt x="93059" y="112586"/>
                  </a:cubicBezTo>
                  <a:cubicBezTo>
                    <a:pt x="113557" y="114148"/>
                    <a:pt x="133760" y="118377"/>
                    <a:pt x="153162" y="125158"/>
                  </a:cubicBezTo>
                  <a:lnTo>
                    <a:pt x="153162" y="14383"/>
                  </a:lnTo>
                  <a:cubicBezTo>
                    <a:pt x="133798" y="7468"/>
                    <a:pt x="113576" y="3267"/>
                    <a:pt x="93059" y="1905"/>
                  </a:cubicBezTo>
                  <a:cubicBezTo>
                    <a:pt x="67627" y="1905"/>
                    <a:pt x="47625" y="8001"/>
                    <a:pt x="30766" y="8001"/>
                  </a:cubicBezTo>
                  <a:cubicBezTo>
                    <a:pt x="20022" y="7772"/>
                    <a:pt x="9487" y="5039"/>
                    <a:pt x="0" y="0"/>
                  </a:cubicBezTo>
                  <a:close/>
                </a:path>
              </a:pathLst>
            </a:custGeom>
            <a:solidFill>
              <a:srgbClr val="C7E4F1"/>
            </a:solidFill>
            <a:ln w="9525" cap="flat">
              <a:noFill/>
              <a:prstDash val="solid"/>
              <a:miter/>
            </a:ln>
          </p:spPr>
          <p:txBody>
            <a:bodyPr rtlCol="0" anchor="ctr"/>
            <a:lstStyle/>
            <a:p>
              <a:endParaRPr lang="en-AU" sz="204"/>
            </a:p>
          </p:txBody>
        </p:sp>
        <p:sp>
          <p:nvSpPr>
            <p:cNvPr id="68" name="Freeform: Shape 67">
              <a:extLst>
                <a:ext uri="{FF2B5EF4-FFF2-40B4-BE49-F238E27FC236}">
                  <a16:creationId xmlns:a16="http://schemas.microsoft.com/office/drawing/2014/main" id="{C8ED2A12-9755-D8F8-DC60-BC93FAD02D6D}"/>
                </a:ext>
              </a:extLst>
            </p:cNvPr>
            <p:cNvSpPr/>
            <p:nvPr/>
          </p:nvSpPr>
          <p:spPr>
            <a:xfrm>
              <a:off x="1913477" y="2855245"/>
              <a:ext cx="168783" cy="288988"/>
            </a:xfrm>
            <a:custGeom>
              <a:avLst/>
              <a:gdLst>
                <a:gd name="connsiteX0" fmla="*/ 12001 w 168783"/>
                <a:gd name="connsiteY0" fmla="*/ 116872 h 288988"/>
                <a:gd name="connsiteX1" fmla="*/ 12763 w 168783"/>
                <a:gd name="connsiteY1" fmla="*/ 101537 h 288988"/>
                <a:gd name="connsiteX2" fmla="*/ 32766 w 168783"/>
                <a:gd name="connsiteY2" fmla="*/ 111062 h 288988"/>
                <a:gd name="connsiteX3" fmla="*/ 62865 w 168783"/>
                <a:gd name="connsiteY3" fmla="*/ 118586 h 288988"/>
                <a:gd name="connsiteX4" fmla="*/ 78010 w 168783"/>
                <a:gd name="connsiteY4" fmla="*/ 116300 h 288988"/>
                <a:gd name="connsiteX5" fmla="*/ 109728 w 168783"/>
                <a:gd name="connsiteY5" fmla="*/ 112300 h 288988"/>
                <a:gd name="connsiteX6" fmla="*/ 153353 w 168783"/>
                <a:gd name="connsiteY6" fmla="*/ 121825 h 288988"/>
                <a:gd name="connsiteX7" fmla="*/ 153353 w 168783"/>
                <a:gd name="connsiteY7" fmla="*/ 27527 h 288988"/>
                <a:gd name="connsiteX8" fmla="*/ 109633 w 168783"/>
                <a:gd name="connsiteY8" fmla="*/ 17526 h 288988"/>
                <a:gd name="connsiteX9" fmla="*/ 78962 w 168783"/>
                <a:gd name="connsiteY9" fmla="*/ 20860 h 288988"/>
                <a:gd name="connsiteX10" fmla="*/ 56388 w 168783"/>
                <a:gd name="connsiteY10" fmla="*/ 23622 h 288988"/>
                <a:gd name="connsiteX11" fmla="*/ 27813 w 168783"/>
                <a:gd name="connsiteY11" fmla="*/ 15621 h 288988"/>
                <a:gd name="connsiteX12" fmla="*/ 15621 w 168783"/>
                <a:gd name="connsiteY12" fmla="*/ 15621 h 288988"/>
                <a:gd name="connsiteX13" fmla="*/ 15621 w 168783"/>
                <a:gd name="connsiteY13" fmla="*/ 281178 h 288988"/>
                <a:gd name="connsiteX14" fmla="*/ 7811 w 168783"/>
                <a:gd name="connsiteY14" fmla="*/ 288989 h 288988"/>
                <a:gd name="connsiteX15" fmla="*/ 0 w 168783"/>
                <a:gd name="connsiteY15" fmla="*/ 281178 h 288988"/>
                <a:gd name="connsiteX16" fmla="*/ 0 w 168783"/>
                <a:gd name="connsiteY16" fmla="*/ 7811 h 288988"/>
                <a:gd name="connsiteX17" fmla="*/ 7811 w 168783"/>
                <a:gd name="connsiteY17" fmla="*/ 0 h 288988"/>
                <a:gd name="connsiteX18" fmla="*/ 30004 w 168783"/>
                <a:gd name="connsiteY18" fmla="*/ 0 h 288988"/>
                <a:gd name="connsiteX19" fmla="*/ 34290 w 168783"/>
                <a:gd name="connsiteY19" fmla="*/ 1334 h 288988"/>
                <a:gd name="connsiteX20" fmla="*/ 56293 w 168783"/>
                <a:gd name="connsiteY20" fmla="*/ 8096 h 288988"/>
                <a:gd name="connsiteX21" fmla="*/ 76200 w 168783"/>
                <a:gd name="connsiteY21" fmla="*/ 5620 h 288988"/>
                <a:gd name="connsiteX22" fmla="*/ 109538 w 168783"/>
                <a:gd name="connsiteY22" fmla="*/ 1905 h 288988"/>
                <a:gd name="connsiteX23" fmla="*/ 164021 w 168783"/>
                <a:gd name="connsiteY23" fmla="*/ 15050 h 288988"/>
                <a:gd name="connsiteX24" fmla="*/ 168783 w 168783"/>
                <a:gd name="connsiteY24" fmla="*/ 22193 h 288988"/>
                <a:gd name="connsiteX25" fmla="*/ 168783 w 168783"/>
                <a:gd name="connsiteY25" fmla="*/ 133064 h 288988"/>
                <a:gd name="connsiteX26" fmla="*/ 165354 w 168783"/>
                <a:gd name="connsiteY26" fmla="*/ 139446 h 288988"/>
                <a:gd name="connsiteX27" fmla="*/ 158020 w 168783"/>
                <a:gd name="connsiteY27" fmla="*/ 140208 h 288988"/>
                <a:gd name="connsiteX28" fmla="*/ 109633 w 168783"/>
                <a:gd name="connsiteY28" fmla="*/ 128111 h 288988"/>
                <a:gd name="connsiteX29" fmla="*/ 81058 w 168783"/>
                <a:gd name="connsiteY29" fmla="*/ 131826 h 288988"/>
                <a:gd name="connsiteX30" fmla="*/ 62675 w 168783"/>
                <a:gd name="connsiteY30" fmla="*/ 134398 h 288988"/>
                <a:gd name="connsiteX31" fmla="*/ 37624 w 168783"/>
                <a:gd name="connsiteY31" fmla="*/ 129445 h 288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68783" h="288988">
                  <a:moveTo>
                    <a:pt x="12001" y="116872"/>
                  </a:moveTo>
                  <a:cubicBezTo>
                    <a:pt x="12001" y="114300"/>
                    <a:pt x="10668" y="102965"/>
                    <a:pt x="12763" y="101537"/>
                  </a:cubicBezTo>
                  <a:cubicBezTo>
                    <a:pt x="14859" y="100108"/>
                    <a:pt x="30385" y="110300"/>
                    <a:pt x="32766" y="111062"/>
                  </a:cubicBezTo>
                  <a:cubicBezTo>
                    <a:pt x="42434" y="114853"/>
                    <a:pt x="52549" y="117377"/>
                    <a:pt x="62865" y="118586"/>
                  </a:cubicBezTo>
                  <a:cubicBezTo>
                    <a:pt x="67970" y="118301"/>
                    <a:pt x="73047" y="117539"/>
                    <a:pt x="78010" y="116300"/>
                  </a:cubicBezTo>
                  <a:cubicBezTo>
                    <a:pt x="88411" y="113824"/>
                    <a:pt x="99041" y="112481"/>
                    <a:pt x="109728" y="112300"/>
                  </a:cubicBezTo>
                  <a:cubicBezTo>
                    <a:pt x="124654" y="113319"/>
                    <a:pt x="139360" y="116529"/>
                    <a:pt x="153353" y="121825"/>
                  </a:cubicBezTo>
                  <a:lnTo>
                    <a:pt x="153353" y="27527"/>
                  </a:lnTo>
                  <a:cubicBezTo>
                    <a:pt x="139379" y="21965"/>
                    <a:pt x="124635" y="18583"/>
                    <a:pt x="109633" y="17526"/>
                  </a:cubicBezTo>
                  <a:cubicBezTo>
                    <a:pt x="99336" y="17764"/>
                    <a:pt x="89068" y="18879"/>
                    <a:pt x="78962" y="20860"/>
                  </a:cubicBezTo>
                  <a:cubicBezTo>
                    <a:pt x="71533" y="22441"/>
                    <a:pt x="63979" y="23365"/>
                    <a:pt x="56388" y="23622"/>
                  </a:cubicBezTo>
                  <a:cubicBezTo>
                    <a:pt x="46339" y="23393"/>
                    <a:pt x="36519" y="20641"/>
                    <a:pt x="27813" y="15621"/>
                  </a:cubicBezTo>
                  <a:lnTo>
                    <a:pt x="15621" y="15621"/>
                  </a:lnTo>
                  <a:lnTo>
                    <a:pt x="15621" y="281178"/>
                  </a:lnTo>
                  <a:cubicBezTo>
                    <a:pt x="15621" y="285493"/>
                    <a:pt x="12125" y="288989"/>
                    <a:pt x="7811" y="288989"/>
                  </a:cubicBezTo>
                  <a:cubicBezTo>
                    <a:pt x="3496" y="288989"/>
                    <a:pt x="0" y="285493"/>
                    <a:pt x="0" y="281178"/>
                  </a:cubicBezTo>
                  <a:lnTo>
                    <a:pt x="0" y="7811"/>
                  </a:lnTo>
                  <a:cubicBezTo>
                    <a:pt x="0" y="3496"/>
                    <a:pt x="3496" y="0"/>
                    <a:pt x="7811" y="0"/>
                  </a:cubicBezTo>
                  <a:lnTo>
                    <a:pt x="30004" y="0"/>
                  </a:lnTo>
                  <a:cubicBezTo>
                    <a:pt x="31537" y="0"/>
                    <a:pt x="33023" y="467"/>
                    <a:pt x="34290" y="1334"/>
                  </a:cubicBezTo>
                  <a:cubicBezTo>
                    <a:pt x="40910" y="5467"/>
                    <a:pt x="48492" y="7801"/>
                    <a:pt x="56293" y="8096"/>
                  </a:cubicBezTo>
                  <a:cubicBezTo>
                    <a:pt x="62989" y="7820"/>
                    <a:pt x="69647" y="6991"/>
                    <a:pt x="76200" y="5620"/>
                  </a:cubicBezTo>
                  <a:cubicBezTo>
                    <a:pt x="87173" y="3372"/>
                    <a:pt x="98336" y="2124"/>
                    <a:pt x="109538" y="1905"/>
                  </a:cubicBezTo>
                  <a:cubicBezTo>
                    <a:pt x="128292" y="3296"/>
                    <a:pt x="146695" y="7734"/>
                    <a:pt x="164021" y="15050"/>
                  </a:cubicBezTo>
                  <a:cubicBezTo>
                    <a:pt x="166887" y="16269"/>
                    <a:pt x="168764" y="19079"/>
                    <a:pt x="168783" y="22193"/>
                  </a:cubicBezTo>
                  <a:lnTo>
                    <a:pt x="168783" y="133064"/>
                  </a:lnTo>
                  <a:cubicBezTo>
                    <a:pt x="168754" y="135627"/>
                    <a:pt x="167478" y="138008"/>
                    <a:pt x="165354" y="139446"/>
                  </a:cubicBezTo>
                  <a:cubicBezTo>
                    <a:pt x="163211" y="140961"/>
                    <a:pt x="160430" y="141256"/>
                    <a:pt x="158020" y="140208"/>
                  </a:cubicBezTo>
                  <a:cubicBezTo>
                    <a:pt x="142570" y="133836"/>
                    <a:pt x="126263" y="129759"/>
                    <a:pt x="109633" y="128111"/>
                  </a:cubicBezTo>
                  <a:cubicBezTo>
                    <a:pt x="100003" y="128311"/>
                    <a:pt x="90421" y="129559"/>
                    <a:pt x="81058" y="131826"/>
                  </a:cubicBezTo>
                  <a:cubicBezTo>
                    <a:pt x="75028" y="133255"/>
                    <a:pt x="68866" y="134122"/>
                    <a:pt x="62675" y="134398"/>
                  </a:cubicBezTo>
                  <a:cubicBezTo>
                    <a:pt x="54140" y="133864"/>
                    <a:pt x="45720" y="132198"/>
                    <a:pt x="37624" y="129445"/>
                  </a:cubicBezTo>
                </a:path>
              </a:pathLst>
            </a:custGeom>
            <a:solidFill>
              <a:srgbClr val="265998"/>
            </a:solidFill>
            <a:ln w="9525" cap="flat">
              <a:noFill/>
              <a:prstDash val="solid"/>
              <a:miter/>
            </a:ln>
          </p:spPr>
          <p:txBody>
            <a:bodyPr rtlCol="0" anchor="ctr"/>
            <a:lstStyle/>
            <a:p>
              <a:endParaRPr lang="en-AU" sz="204"/>
            </a:p>
          </p:txBody>
        </p:sp>
        <p:sp>
          <p:nvSpPr>
            <p:cNvPr id="69" name="Freeform: Shape 68">
              <a:extLst>
                <a:ext uri="{FF2B5EF4-FFF2-40B4-BE49-F238E27FC236}">
                  <a16:creationId xmlns:a16="http://schemas.microsoft.com/office/drawing/2014/main" id="{85C2203E-7D05-65C3-82DE-9A21F56740A3}"/>
                </a:ext>
              </a:extLst>
            </p:cNvPr>
            <p:cNvSpPr/>
            <p:nvPr/>
          </p:nvSpPr>
          <p:spPr>
            <a:xfrm>
              <a:off x="1943094" y="3045841"/>
              <a:ext cx="126944" cy="222791"/>
            </a:xfrm>
            <a:custGeom>
              <a:avLst/>
              <a:gdLst>
                <a:gd name="connsiteX0" fmla="*/ 119258 w 126944"/>
                <a:gd name="connsiteY0" fmla="*/ 222790 h 222791"/>
                <a:gd name="connsiteX1" fmla="*/ 114591 w 126944"/>
                <a:gd name="connsiteY1" fmla="*/ 221171 h 222791"/>
                <a:gd name="connsiteX2" fmla="*/ 2767 w 126944"/>
                <a:gd name="connsiteY2" fmla="*/ 135446 h 222791"/>
                <a:gd name="connsiteX3" fmla="*/ 5 w 126944"/>
                <a:gd name="connsiteY3" fmla="*/ 129159 h 222791"/>
                <a:gd name="connsiteX4" fmla="*/ 5 w 126944"/>
                <a:gd name="connsiteY4" fmla="*/ 7810 h 222791"/>
                <a:gd name="connsiteX5" fmla="*/ 7720 w 126944"/>
                <a:gd name="connsiteY5" fmla="*/ 0 h 222791"/>
                <a:gd name="connsiteX6" fmla="*/ 15531 w 126944"/>
                <a:gd name="connsiteY6" fmla="*/ 7810 h 222791"/>
                <a:gd name="connsiteX7" fmla="*/ 15531 w 126944"/>
                <a:gd name="connsiteY7" fmla="*/ 125254 h 222791"/>
                <a:gd name="connsiteX8" fmla="*/ 123830 w 126944"/>
                <a:gd name="connsiteY8" fmla="*/ 208883 h 222791"/>
                <a:gd name="connsiteX9" fmla="*/ 125421 w 126944"/>
                <a:gd name="connsiteY9" fmla="*/ 219675 h 222791"/>
                <a:gd name="connsiteX10" fmla="*/ 119068 w 126944"/>
                <a:gd name="connsiteY10" fmla="*/ 222790 h 2227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6944" h="222791">
                  <a:moveTo>
                    <a:pt x="119258" y="222790"/>
                  </a:moveTo>
                  <a:cubicBezTo>
                    <a:pt x="117563" y="222809"/>
                    <a:pt x="115915" y="222237"/>
                    <a:pt x="114591" y="221171"/>
                  </a:cubicBezTo>
                  <a:lnTo>
                    <a:pt x="2767" y="135446"/>
                  </a:lnTo>
                  <a:cubicBezTo>
                    <a:pt x="939" y="133883"/>
                    <a:pt x="-81" y="131569"/>
                    <a:pt x="5" y="129159"/>
                  </a:cubicBezTo>
                  <a:lnTo>
                    <a:pt x="5" y="7810"/>
                  </a:lnTo>
                  <a:cubicBezTo>
                    <a:pt x="5" y="3534"/>
                    <a:pt x="3443" y="48"/>
                    <a:pt x="7720" y="0"/>
                  </a:cubicBezTo>
                  <a:cubicBezTo>
                    <a:pt x="12035" y="0"/>
                    <a:pt x="15531" y="3496"/>
                    <a:pt x="15531" y="7810"/>
                  </a:cubicBezTo>
                  <a:lnTo>
                    <a:pt x="15531" y="125254"/>
                  </a:lnTo>
                  <a:lnTo>
                    <a:pt x="123830" y="208883"/>
                  </a:lnTo>
                  <a:cubicBezTo>
                    <a:pt x="127249" y="211426"/>
                    <a:pt x="127964" y="216256"/>
                    <a:pt x="125421" y="219675"/>
                  </a:cubicBezTo>
                  <a:cubicBezTo>
                    <a:pt x="123935" y="221685"/>
                    <a:pt x="121563" y="222837"/>
                    <a:pt x="119068" y="222790"/>
                  </a:cubicBezTo>
                  <a:close/>
                </a:path>
              </a:pathLst>
            </a:custGeom>
            <a:solidFill>
              <a:srgbClr val="265998"/>
            </a:solidFill>
            <a:ln w="9525" cap="flat">
              <a:noFill/>
              <a:prstDash val="solid"/>
              <a:miter/>
            </a:ln>
          </p:spPr>
          <p:txBody>
            <a:bodyPr rtlCol="0" anchor="ctr"/>
            <a:lstStyle/>
            <a:p>
              <a:endParaRPr lang="en-AU" sz="204"/>
            </a:p>
          </p:txBody>
        </p:sp>
        <p:sp>
          <p:nvSpPr>
            <p:cNvPr id="70" name="Freeform: Shape 69">
              <a:extLst>
                <a:ext uri="{FF2B5EF4-FFF2-40B4-BE49-F238E27FC236}">
                  <a16:creationId xmlns:a16="http://schemas.microsoft.com/office/drawing/2014/main" id="{A9502DBE-508C-F2D7-F983-7FE70A70C943}"/>
                </a:ext>
              </a:extLst>
            </p:cNvPr>
            <p:cNvSpPr/>
            <p:nvPr/>
          </p:nvSpPr>
          <p:spPr>
            <a:xfrm>
              <a:off x="1773368" y="3045841"/>
              <a:ext cx="127345" cy="222789"/>
            </a:xfrm>
            <a:custGeom>
              <a:avLst/>
              <a:gdLst>
                <a:gd name="connsiteX0" fmla="*/ 7806 w 127345"/>
                <a:gd name="connsiteY0" fmla="*/ 222790 h 222789"/>
                <a:gd name="connsiteX1" fmla="*/ 1615 w 127345"/>
                <a:gd name="connsiteY1" fmla="*/ 219742 h 222789"/>
                <a:gd name="connsiteX2" fmla="*/ 2996 w 127345"/>
                <a:gd name="connsiteY2" fmla="*/ 208921 h 222789"/>
                <a:gd name="connsiteX3" fmla="*/ 3044 w 127345"/>
                <a:gd name="connsiteY3" fmla="*/ 208883 h 222789"/>
                <a:gd name="connsiteX4" fmla="*/ 111819 w 127345"/>
                <a:gd name="connsiteY4" fmla="*/ 125254 h 222789"/>
                <a:gd name="connsiteX5" fmla="*/ 111819 w 127345"/>
                <a:gd name="connsiteY5" fmla="*/ 7810 h 222789"/>
                <a:gd name="connsiteX6" fmla="*/ 119535 w 127345"/>
                <a:gd name="connsiteY6" fmla="*/ 0 h 222789"/>
                <a:gd name="connsiteX7" fmla="*/ 127345 w 127345"/>
                <a:gd name="connsiteY7" fmla="*/ 7810 h 222789"/>
                <a:gd name="connsiteX8" fmla="*/ 127345 w 127345"/>
                <a:gd name="connsiteY8" fmla="*/ 129159 h 222789"/>
                <a:gd name="connsiteX9" fmla="*/ 124297 w 127345"/>
                <a:gd name="connsiteY9" fmla="*/ 135350 h 222789"/>
                <a:gd name="connsiteX10" fmla="*/ 12569 w 127345"/>
                <a:gd name="connsiteY10" fmla="*/ 221075 h 222789"/>
                <a:gd name="connsiteX11" fmla="*/ 7806 w 127345"/>
                <a:gd name="connsiteY11" fmla="*/ 222790 h 2227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7345" h="222789">
                  <a:moveTo>
                    <a:pt x="7806" y="222790"/>
                  </a:moveTo>
                  <a:cubicBezTo>
                    <a:pt x="5377" y="222790"/>
                    <a:pt x="3091" y="221666"/>
                    <a:pt x="1615" y="219742"/>
                  </a:cubicBezTo>
                  <a:cubicBezTo>
                    <a:pt x="-995" y="216370"/>
                    <a:pt x="-376" y="211522"/>
                    <a:pt x="2996" y="208921"/>
                  </a:cubicBezTo>
                  <a:cubicBezTo>
                    <a:pt x="3015" y="208902"/>
                    <a:pt x="3025" y="208893"/>
                    <a:pt x="3044" y="208883"/>
                  </a:cubicBezTo>
                  <a:lnTo>
                    <a:pt x="111819" y="125254"/>
                  </a:lnTo>
                  <a:lnTo>
                    <a:pt x="111819" y="7810"/>
                  </a:lnTo>
                  <a:cubicBezTo>
                    <a:pt x="111819" y="3534"/>
                    <a:pt x="115258" y="48"/>
                    <a:pt x="119535" y="0"/>
                  </a:cubicBezTo>
                  <a:cubicBezTo>
                    <a:pt x="123849" y="0"/>
                    <a:pt x="127345" y="3496"/>
                    <a:pt x="127345" y="7810"/>
                  </a:cubicBezTo>
                  <a:lnTo>
                    <a:pt x="127345" y="129159"/>
                  </a:lnTo>
                  <a:cubicBezTo>
                    <a:pt x="127316" y="131578"/>
                    <a:pt x="126193" y="133855"/>
                    <a:pt x="124297" y="135350"/>
                  </a:cubicBezTo>
                  <a:lnTo>
                    <a:pt x="12569" y="221075"/>
                  </a:lnTo>
                  <a:cubicBezTo>
                    <a:pt x="11226" y="222171"/>
                    <a:pt x="9540" y="222780"/>
                    <a:pt x="7806" y="222790"/>
                  </a:cubicBezTo>
                  <a:close/>
                </a:path>
              </a:pathLst>
            </a:custGeom>
            <a:solidFill>
              <a:srgbClr val="265998"/>
            </a:solidFill>
            <a:ln w="9525" cap="flat">
              <a:noFill/>
              <a:prstDash val="solid"/>
              <a:miter/>
            </a:ln>
          </p:spPr>
          <p:txBody>
            <a:bodyPr rtlCol="0" anchor="ctr"/>
            <a:lstStyle/>
            <a:p>
              <a:endParaRPr lang="en-AU" sz="204"/>
            </a:p>
          </p:txBody>
        </p:sp>
      </p:grpSp>
      <p:sp>
        <p:nvSpPr>
          <p:cNvPr id="3" name="Slide Number Placeholder 2">
            <a:extLst>
              <a:ext uri="{FF2B5EF4-FFF2-40B4-BE49-F238E27FC236}">
                <a16:creationId xmlns:a16="http://schemas.microsoft.com/office/drawing/2014/main" id="{CA37A1E4-3217-D9F9-6141-493BCAACEC26}"/>
              </a:ext>
            </a:extLst>
          </p:cNvPr>
          <p:cNvSpPr>
            <a:spLocks noGrp="1"/>
          </p:cNvSpPr>
          <p:nvPr>
            <p:ph type="sldNum" sz="quarter" idx="4"/>
          </p:nvPr>
        </p:nvSpPr>
        <p:spPr/>
        <p:txBody>
          <a:bodyPr/>
          <a:lstStyle/>
          <a:p>
            <a:fld id="{3FE8A0A5-0893-3B4E-9EB9-FE67329D76D6}" type="slidenum">
              <a:rPr lang="en-US" smtClean="0"/>
              <a:pPr/>
              <a:t>43</a:t>
            </a:fld>
            <a:endParaRPr lang="en-US"/>
          </a:p>
        </p:txBody>
      </p:sp>
    </p:spTree>
    <p:extLst>
      <p:ext uri="{BB962C8B-B14F-4D97-AF65-F5344CB8AC3E}">
        <p14:creationId xmlns:p14="http://schemas.microsoft.com/office/powerpoint/2010/main" val="386122652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3A2C7961-7A38-B789-A352-41993CF70674}"/>
              </a:ext>
            </a:extLst>
          </p:cNvPr>
          <p:cNvSpPr>
            <a:spLocks noGrp="1"/>
          </p:cNvSpPr>
          <p:nvPr>
            <p:ph type="sldNum" sz="quarter" idx="4"/>
          </p:nvPr>
        </p:nvSpPr>
        <p:spPr/>
        <p:txBody>
          <a:bodyPr/>
          <a:lstStyle/>
          <a:p>
            <a:fld id="{3FE8A0A5-0893-3B4E-9EB9-FE67329D76D6}" type="slidenum">
              <a:rPr lang="en-US" smtClean="0"/>
              <a:pPr/>
              <a:t>44</a:t>
            </a:fld>
            <a:endParaRPr lang="en-US"/>
          </a:p>
        </p:txBody>
      </p:sp>
      <p:sp>
        <p:nvSpPr>
          <p:cNvPr id="8" name="Title 2">
            <a:extLst>
              <a:ext uri="{FF2B5EF4-FFF2-40B4-BE49-F238E27FC236}">
                <a16:creationId xmlns:a16="http://schemas.microsoft.com/office/drawing/2014/main" id="{AA985FBC-2FF1-2E48-9D13-112D7F6AB488}"/>
              </a:ext>
            </a:extLst>
          </p:cNvPr>
          <p:cNvSpPr txBox="1">
            <a:spLocks/>
          </p:cNvSpPr>
          <p:nvPr/>
        </p:nvSpPr>
        <p:spPr>
          <a:xfrm>
            <a:off x="4961466" y="3043238"/>
            <a:ext cx="2269067" cy="38576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stStyle>
          <a:p>
            <a:r>
              <a:rPr lang="en-US" sz="4800" b="1">
                <a:solidFill>
                  <a:schemeClr val="bg2">
                    <a:lumMod val="75000"/>
                  </a:schemeClr>
                </a:solidFill>
              </a:rPr>
              <a:t>Q &amp; A</a:t>
            </a:r>
          </a:p>
        </p:txBody>
      </p:sp>
    </p:spTree>
    <p:custDataLst>
      <p:custData r:id="rId1"/>
      <p:custData r:id="rId2"/>
    </p:custDataLst>
    <p:extLst>
      <p:ext uri="{BB962C8B-B14F-4D97-AF65-F5344CB8AC3E}">
        <p14:creationId xmlns:p14="http://schemas.microsoft.com/office/powerpoint/2010/main" val="126173224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A3ED621-7ACF-4FA9-BFB6-E38914850A4E}"/>
              </a:ext>
            </a:extLst>
          </p:cNvPr>
          <p:cNvSpPr/>
          <p:nvPr/>
        </p:nvSpPr>
        <p:spPr>
          <a:xfrm>
            <a:off x="2881745" y="3608438"/>
            <a:ext cx="5985164" cy="660144"/>
          </a:xfrm>
          <a:prstGeom prst="rect">
            <a:avLst/>
          </a:prstGeom>
          <a:noFill/>
        </p:spPr>
        <p:txBody>
          <a:bodyPr wrap="square" lIns="240000" tIns="144000" rIns="91440" bIns="144000" anchor="ctr" anchorCtr="0">
            <a:spAutoFit/>
          </a:bodyPr>
          <a:lstStyle/>
          <a:p>
            <a:pPr algn="ctr">
              <a:spcBef>
                <a:spcPts val="1600"/>
              </a:spcBef>
            </a:pPr>
            <a:r>
              <a:rPr lang="en-AU" sz="2400" b="1">
                <a:solidFill>
                  <a:schemeClr val="tx1">
                    <a:lumMod val="75000"/>
                    <a:lumOff val="25000"/>
                  </a:schemeClr>
                </a:solidFill>
                <a:latin typeface="Open Sans"/>
                <a:ea typeface="Open Sans"/>
                <a:cs typeface="Open Sans"/>
              </a:rPr>
              <a:t>mentalhealthreview@pc.gov.au</a:t>
            </a:r>
            <a:endParaRPr lang="en-AU" sz="2400" b="1">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endParaRPr>
          </a:p>
        </p:txBody>
      </p:sp>
    </p:spTree>
    <p:custDataLst>
      <p:custData r:id="rId1"/>
      <p:custData r:id="rId2"/>
      <p:tags r:id="rId3"/>
    </p:custDataLst>
    <p:extLst>
      <p:ext uri="{BB962C8B-B14F-4D97-AF65-F5344CB8AC3E}">
        <p14:creationId xmlns:p14="http://schemas.microsoft.com/office/powerpoint/2010/main" val="21953033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C348D22-B1B4-2331-1B03-82E73D546E7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79C9A2BD-35E4-F623-3E3B-FCBFC2DE63B3}"/>
              </a:ext>
            </a:extLst>
          </p:cNvPr>
          <p:cNvSpPr>
            <a:spLocks noGrp="1"/>
          </p:cNvSpPr>
          <p:nvPr>
            <p:ph type="ctrTitle"/>
          </p:nvPr>
        </p:nvSpPr>
        <p:spPr/>
        <p:txBody>
          <a:bodyPr>
            <a:normAutofit/>
          </a:bodyPr>
          <a:lstStyle/>
          <a:p>
            <a:r>
              <a:rPr lang="en-US"/>
              <a:t>But it has not delivered on its objectives</a:t>
            </a:r>
            <a:endParaRPr lang="en-AU"/>
          </a:p>
        </p:txBody>
      </p:sp>
      <p:sp>
        <p:nvSpPr>
          <p:cNvPr id="4" name="Rectangle 3">
            <a:extLst>
              <a:ext uri="{FF2B5EF4-FFF2-40B4-BE49-F238E27FC236}">
                <a16:creationId xmlns:a16="http://schemas.microsoft.com/office/drawing/2014/main" id="{EE528046-6766-8F12-79AB-ED109C31A1A3}"/>
              </a:ext>
            </a:extLst>
          </p:cNvPr>
          <p:cNvSpPr/>
          <p:nvPr/>
        </p:nvSpPr>
        <p:spPr>
          <a:xfrm>
            <a:off x="569995" y="5337728"/>
            <a:ext cx="10719832" cy="648000"/>
          </a:xfrm>
          <a:prstGeom prst="rect">
            <a:avLst/>
          </a:prstGeom>
          <a:solidFill>
            <a:srgbClr val="E8DDED"/>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72000" rtlCol="0" anchor="ctr" anchorCtr="0"/>
          <a:lstStyle/>
          <a:p>
            <a:pPr algn="ctr" defTabSz="816074">
              <a:lnSpc>
                <a:spcPts val="1800"/>
              </a:lnSpc>
              <a:spcAft>
                <a:spcPts val="200"/>
              </a:spcAft>
              <a:defRPr/>
            </a:pPr>
            <a:r>
              <a:rPr lang="en-US" sz="1500" b="1">
                <a:solidFill>
                  <a:schemeClr val="tx1"/>
                </a:solidFill>
                <a:latin typeface="Open Sans" panose="020B0606030504020204" pitchFamily="34" charset="0"/>
                <a:ea typeface="Open Sans" panose="020B0606030504020204" pitchFamily="34" charset="0"/>
                <a:cs typeface="Open Sans" panose="020B0606030504020204" pitchFamily="34" charset="0"/>
              </a:rPr>
              <a:t>A new agreement is needed, with clear goals linked to evidence-based actions</a:t>
            </a:r>
          </a:p>
        </p:txBody>
      </p:sp>
      <p:sp>
        <p:nvSpPr>
          <p:cNvPr id="14" name="Rectangle 13">
            <a:extLst>
              <a:ext uri="{FF2B5EF4-FFF2-40B4-BE49-F238E27FC236}">
                <a16:creationId xmlns:a16="http://schemas.microsoft.com/office/drawing/2014/main" id="{BCE6A864-C755-0146-C026-44DE0E947D74}"/>
              </a:ext>
            </a:extLst>
          </p:cNvPr>
          <p:cNvSpPr/>
          <p:nvPr/>
        </p:nvSpPr>
        <p:spPr>
          <a:xfrm>
            <a:off x="569995" y="3763069"/>
            <a:ext cx="9982800" cy="6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defTabSz="816074" eaLnBrk="1" fontAlgn="auto" hangingPunct="1">
              <a:lnSpc>
                <a:spcPts val="1900"/>
              </a:lnSpc>
              <a:spcBef>
                <a:spcPts val="0"/>
              </a:spcBef>
              <a:spcAft>
                <a:spcPts val="0"/>
              </a:spcAft>
              <a:defRPr/>
            </a:pP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There have </a:t>
            </a: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been limited improvements in Aboriginal and Torres Strait Islander social and </a:t>
            </a:r>
            <a:b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emotional wellbeing</a:t>
            </a: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 over the course of the Agreement</a:t>
            </a:r>
          </a:p>
        </p:txBody>
      </p:sp>
      <p:sp>
        <p:nvSpPr>
          <p:cNvPr id="3" name="Slide Number Placeholder 2">
            <a:extLst>
              <a:ext uri="{FF2B5EF4-FFF2-40B4-BE49-F238E27FC236}">
                <a16:creationId xmlns:a16="http://schemas.microsoft.com/office/drawing/2014/main" id="{D84C9E66-65F6-6034-C9FE-1695192C47AA}"/>
              </a:ext>
            </a:extLst>
          </p:cNvPr>
          <p:cNvSpPr>
            <a:spLocks noGrp="1"/>
          </p:cNvSpPr>
          <p:nvPr>
            <p:ph type="sldNum" sz="quarter" idx="4"/>
          </p:nvPr>
        </p:nvSpPr>
        <p:spPr/>
        <p:txBody>
          <a:bodyPr/>
          <a:lstStyle/>
          <a:p>
            <a:fld id="{3FE8A0A5-0893-3B4E-9EB9-FE67329D76D6}" type="slidenum">
              <a:rPr lang="en-US" smtClean="0"/>
              <a:pPr/>
              <a:t>5</a:t>
            </a:fld>
            <a:endParaRPr lang="en-US"/>
          </a:p>
        </p:txBody>
      </p:sp>
      <p:sp>
        <p:nvSpPr>
          <p:cNvPr id="18" name="Rectangle 17">
            <a:extLst>
              <a:ext uri="{FF2B5EF4-FFF2-40B4-BE49-F238E27FC236}">
                <a16:creationId xmlns:a16="http://schemas.microsoft.com/office/drawing/2014/main" id="{C97599C2-4BDB-22D1-2F28-5794B3BE96AE}"/>
              </a:ext>
            </a:extLst>
          </p:cNvPr>
          <p:cNvSpPr/>
          <p:nvPr/>
        </p:nvSpPr>
        <p:spPr>
          <a:xfrm>
            <a:off x="10069361" y="3770165"/>
            <a:ext cx="1220465" cy="648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36" name="Group 35">
            <a:extLst>
              <a:ext uri="{FF2B5EF4-FFF2-40B4-BE49-F238E27FC236}">
                <a16:creationId xmlns:a16="http://schemas.microsoft.com/office/drawing/2014/main" id="{BC926EEB-37ED-46EA-E7D3-62AC98C8EA7F}"/>
              </a:ext>
            </a:extLst>
          </p:cNvPr>
          <p:cNvGrpSpPr/>
          <p:nvPr/>
        </p:nvGrpSpPr>
        <p:grpSpPr>
          <a:xfrm>
            <a:off x="569995" y="2174343"/>
            <a:ext cx="10719831" cy="648000"/>
            <a:chOff x="569995" y="2162878"/>
            <a:chExt cx="10719831" cy="648000"/>
          </a:xfrm>
        </p:grpSpPr>
        <p:sp>
          <p:nvSpPr>
            <p:cNvPr id="13" name="Rectangle 12">
              <a:extLst>
                <a:ext uri="{FF2B5EF4-FFF2-40B4-BE49-F238E27FC236}">
                  <a16:creationId xmlns:a16="http://schemas.microsoft.com/office/drawing/2014/main" id="{E7F26730-7753-8459-6D28-E321EC2D71D7}"/>
                </a:ext>
              </a:extLst>
            </p:cNvPr>
            <p:cNvSpPr/>
            <p:nvPr/>
          </p:nvSpPr>
          <p:spPr>
            <a:xfrm>
              <a:off x="569995" y="2162878"/>
              <a:ext cx="9981282" cy="6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252000" rIns="72000" rtlCol="0" anchor="ctr" anchorCtr="0"/>
            <a:lstStyle/>
            <a:p>
              <a:pPr defTabSz="816074" eaLnBrk="1" fontAlgn="auto" hangingPunct="1">
                <a:lnSpc>
                  <a:spcPts val="1620"/>
                </a:lnSpc>
                <a:spcBef>
                  <a:spcPts val="0"/>
                </a:spcBef>
                <a:spcAft>
                  <a:spcPts val="0"/>
                </a:spcAft>
                <a:defRPr/>
              </a:pP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The Agreement is </a:t>
              </a: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not an effective mechanism </a:t>
              </a: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to build a better person-</a:t>
              </a:r>
              <a:r>
                <a:rPr lang="en-US" sz="1600" dirty="0" err="1">
                  <a:solidFill>
                    <a:schemeClr val="tx1"/>
                  </a:solidFill>
                  <a:latin typeface="Open Sans" panose="020B0606030504020204" pitchFamily="34" charset="0"/>
                  <a:ea typeface="Open Sans" panose="020B0606030504020204" pitchFamily="34" charset="0"/>
                  <a:cs typeface="Open Sans" panose="020B0606030504020204" pitchFamily="34" charset="0"/>
                </a:rPr>
                <a:t>centred</a:t>
              </a: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 system </a:t>
              </a:r>
            </a:p>
            <a:p>
              <a:pPr>
                <a:lnSpc>
                  <a:spcPts val="1620"/>
                </a:lnSpc>
                <a:spcAft>
                  <a:spcPts val="600"/>
                </a:spcAft>
              </a:pPr>
              <a:endPar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 name="Rectangle 6">
              <a:extLst>
                <a:ext uri="{FF2B5EF4-FFF2-40B4-BE49-F238E27FC236}">
                  <a16:creationId xmlns:a16="http://schemas.microsoft.com/office/drawing/2014/main" id="{B037559F-C003-E4AD-3C30-E3F1313D3E37}"/>
                </a:ext>
              </a:extLst>
            </p:cNvPr>
            <p:cNvSpPr/>
            <p:nvPr/>
          </p:nvSpPr>
          <p:spPr>
            <a:xfrm>
              <a:off x="10069361" y="2162878"/>
              <a:ext cx="1220465" cy="648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80000" rtlCol="0" anchor="t" anchorCtr="0"/>
            <a:lstStyle/>
            <a:p>
              <a:pPr>
                <a:spcAft>
                  <a:spcPts val="600"/>
                </a:spcAft>
              </a:pPr>
              <a:endParaRPr lang="en-US" sz="2400" b="1">
                <a:solidFill>
                  <a:schemeClr val="bg2"/>
                </a:solidFill>
              </a:endParaRPr>
            </a:p>
          </p:txBody>
        </p:sp>
        <p:grpSp>
          <p:nvGrpSpPr>
            <p:cNvPr id="19" name="Group 18">
              <a:extLst>
                <a:ext uri="{FF2B5EF4-FFF2-40B4-BE49-F238E27FC236}">
                  <a16:creationId xmlns:a16="http://schemas.microsoft.com/office/drawing/2014/main" id="{54A606F2-5DE7-9BF9-CA86-DBABC31EE9E8}"/>
                </a:ext>
              </a:extLst>
            </p:cNvPr>
            <p:cNvGrpSpPr>
              <a:grpSpLocks noChangeAspect="1"/>
            </p:cNvGrpSpPr>
            <p:nvPr/>
          </p:nvGrpSpPr>
          <p:grpSpPr>
            <a:xfrm>
              <a:off x="10517884" y="2330885"/>
              <a:ext cx="323418" cy="324001"/>
              <a:chOff x="332767" y="199172"/>
              <a:chExt cx="85118" cy="85271"/>
            </a:xfrm>
          </p:grpSpPr>
          <p:sp>
            <p:nvSpPr>
              <p:cNvPr id="20" name="Freeform 2">
                <a:extLst>
                  <a:ext uri="{FF2B5EF4-FFF2-40B4-BE49-F238E27FC236}">
                    <a16:creationId xmlns:a16="http://schemas.microsoft.com/office/drawing/2014/main" id="{71645616-B37D-67F7-D7F4-187C185B0BF9}"/>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lIns="288000" rtlCol="0" anchor="ctr"/>
              <a:lstStyle/>
              <a:p>
                <a:endParaRPr lang="en-AU"/>
              </a:p>
            </p:txBody>
          </p:sp>
          <p:grpSp>
            <p:nvGrpSpPr>
              <p:cNvPr id="21" name="Graphic 63">
                <a:extLst>
                  <a:ext uri="{FF2B5EF4-FFF2-40B4-BE49-F238E27FC236}">
                    <a16:creationId xmlns:a16="http://schemas.microsoft.com/office/drawing/2014/main" id="{7A71AB20-E6FC-8260-2645-DF0E47D03AF7}"/>
                  </a:ext>
                </a:extLst>
              </p:cNvPr>
              <p:cNvGrpSpPr/>
              <p:nvPr/>
            </p:nvGrpSpPr>
            <p:grpSpPr>
              <a:xfrm>
                <a:off x="332767" y="199172"/>
                <a:ext cx="85118" cy="85271"/>
                <a:chOff x="332767" y="199172"/>
                <a:chExt cx="85118" cy="85271"/>
              </a:xfrm>
              <a:solidFill>
                <a:srgbClr val="265A9A"/>
              </a:solidFill>
            </p:grpSpPr>
            <p:sp>
              <p:nvSpPr>
                <p:cNvPr id="22" name="Freeform 4">
                  <a:extLst>
                    <a:ext uri="{FF2B5EF4-FFF2-40B4-BE49-F238E27FC236}">
                      <a16:creationId xmlns:a16="http://schemas.microsoft.com/office/drawing/2014/main" id="{2492D191-6FB8-C7FA-6BB9-D18CA349B243}"/>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lIns="288000" rtlCol="0" anchor="ctr"/>
                <a:lstStyle/>
                <a:p>
                  <a:endParaRPr lang="en-AU"/>
                </a:p>
              </p:txBody>
            </p:sp>
            <p:grpSp>
              <p:nvGrpSpPr>
                <p:cNvPr id="23" name="Graphic 63">
                  <a:extLst>
                    <a:ext uri="{FF2B5EF4-FFF2-40B4-BE49-F238E27FC236}">
                      <a16:creationId xmlns:a16="http://schemas.microsoft.com/office/drawing/2014/main" id="{F3477D52-4F43-4465-2D89-EFB84A3A6598}"/>
                    </a:ext>
                  </a:extLst>
                </p:cNvPr>
                <p:cNvGrpSpPr/>
                <p:nvPr/>
              </p:nvGrpSpPr>
              <p:grpSpPr>
                <a:xfrm>
                  <a:off x="358556" y="225007"/>
                  <a:ext cx="33576" cy="33636"/>
                  <a:chOff x="358556" y="225007"/>
                  <a:chExt cx="33576" cy="33636"/>
                </a:xfrm>
                <a:solidFill>
                  <a:srgbClr val="265A9A"/>
                </a:solidFill>
              </p:grpSpPr>
              <p:sp>
                <p:nvSpPr>
                  <p:cNvPr id="24" name="Freeform 6">
                    <a:extLst>
                      <a:ext uri="{FF2B5EF4-FFF2-40B4-BE49-F238E27FC236}">
                        <a16:creationId xmlns:a16="http://schemas.microsoft.com/office/drawing/2014/main" id="{EF648945-614A-E653-E1AA-8E8FD78B7EAB}"/>
                      </a:ext>
                    </a:extLst>
                  </p:cNvPr>
                  <p:cNvSpPr/>
                  <p:nvPr/>
                </p:nvSpPr>
                <p:spPr>
                  <a:xfrm>
                    <a:off x="358556"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rgbClr val="265A9A"/>
                  </a:solidFill>
                  <a:ln w="1793" cap="flat">
                    <a:noFill/>
                    <a:prstDash val="solid"/>
                    <a:miter/>
                  </a:ln>
                </p:spPr>
                <p:txBody>
                  <a:bodyPr lIns="288000" rtlCol="0" anchor="ctr"/>
                  <a:lstStyle/>
                  <a:p>
                    <a:endParaRPr lang="en-AU"/>
                  </a:p>
                </p:txBody>
              </p:sp>
              <p:sp>
                <p:nvSpPr>
                  <p:cNvPr id="25" name="Freeform 7">
                    <a:extLst>
                      <a:ext uri="{FF2B5EF4-FFF2-40B4-BE49-F238E27FC236}">
                        <a16:creationId xmlns:a16="http://schemas.microsoft.com/office/drawing/2014/main" id="{B0DE0A85-524E-E103-7CDA-BF920B0C6F48}"/>
                      </a:ext>
                    </a:extLst>
                  </p:cNvPr>
                  <p:cNvSpPr/>
                  <p:nvPr/>
                </p:nvSpPr>
                <p:spPr>
                  <a:xfrm>
                    <a:off x="359552"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rgbClr val="265A9A"/>
                  </a:solidFill>
                  <a:ln w="1793" cap="flat">
                    <a:noFill/>
                    <a:prstDash val="solid"/>
                    <a:miter/>
                  </a:ln>
                </p:spPr>
                <p:txBody>
                  <a:bodyPr lIns="288000" rtlCol="0" anchor="ctr"/>
                  <a:lstStyle/>
                  <a:p>
                    <a:endParaRPr lang="en-AU"/>
                  </a:p>
                </p:txBody>
              </p:sp>
            </p:grpSp>
          </p:grpSp>
        </p:grpSp>
      </p:grpSp>
      <p:grpSp>
        <p:nvGrpSpPr>
          <p:cNvPr id="35" name="Group 34">
            <a:extLst>
              <a:ext uri="{FF2B5EF4-FFF2-40B4-BE49-F238E27FC236}">
                <a16:creationId xmlns:a16="http://schemas.microsoft.com/office/drawing/2014/main" id="{5938B9A7-3B35-C302-7AF7-603536ADDD21}"/>
              </a:ext>
            </a:extLst>
          </p:cNvPr>
          <p:cNvGrpSpPr/>
          <p:nvPr/>
        </p:nvGrpSpPr>
        <p:grpSpPr>
          <a:xfrm>
            <a:off x="569995" y="4546881"/>
            <a:ext cx="10719831" cy="648000"/>
            <a:chOff x="569995" y="4559522"/>
            <a:chExt cx="10719831" cy="648000"/>
          </a:xfrm>
        </p:grpSpPr>
        <p:sp>
          <p:nvSpPr>
            <p:cNvPr id="34" name="Rectangle 33">
              <a:extLst>
                <a:ext uri="{FF2B5EF4-FFF2-40B4-BE49-F238E27FC236}">
                  <a16:creationId xmlns:a16="http://schemas.microsoft.com/office/drawing/2014/main" id="{CC085631-8B3C-97E7-2025-1FC9B5E58B9E}"/>
                </a:ext>
              </a:extLst>
            </p:cNvPr>
            <p:cNvSpPr/>
            <p:nvPr/>
          </p:nvSpPr>
          <p:spPr>
            <a:xfrm>
              <a:off x="569995" y="4559522"/>
              <a:ext cx="9982800" cy="6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defTabSz="816074" eaLnBrk="1" fontAlgn="auto" hangingPunct="1">
                <a:lnSpc>
                  <a:spcPts val="1900"/>
                </a:lnSpc>
                <a:spcBef>
                  <a:spcPts val="0"/>
                </a:spcBef>
                <a:spcAft>
                  <a:spcPts val="0"/>
                </a:spcAft>
                <a:defRPr/>
              </a:pP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The Agreement has supported positive policy developments in suicide prevention, but </a:t>
              </a:r>
              <a:b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outcomes remain unchanged </a:t>
              </a: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the Agreement’s approach to suicide prevention lacks clarity</a:t>
              </a:r>
            </a:p>
          </p:txBody>
        </p:sp>
        <p:sp>
          <p:nvSpPr>
            <p:cNvPr id="9" name="Rectangle 8">
              <a:extLst>
                <a:ext uri="{FF2B5EF4-FFF2-40B4-BE49-F238E27FC236}">
                  <a16:creationId xmlns:a16="http://schemas.microsoft.com/office/drawing/2014/main" id="{ED97C65B-BA38-968F-5528-F8D88C0FD08C}"/>
                </a:ext>
              </a:extLst>
            </p:cNvPr>
            <p:cNvSpPr>
              <a:spLocks/>
            </p:cNvSpPr>
            <p:nvPr/>
          </p:nvSpPr>
          <p:spPr>
            <a:xfrm>
              <a:off x="10069361" y="4559522"/>
              <a:ext cx="1220465" cy="648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80000" rtlCol="0" anchor="t" anchorCtr="0"/>
            <a:lstStyle/>
            <a:p>
              <a:pPr>
                <a:spcAft>
                  <a:spcPts val="600"/>
                </a:spcAft>
              </a:pPr>
              <a:endParaRPr lang="en-US" sz="2400" b="1">
                <a:solidFill>
                  <a:schemeClr val="bg2"/>
                </a:solidFill>
              </a:endParaRPr>
            </a:p>
          </p:txBody>
        </p:sp>
        <p:grpSp>
          <p:nvGrpSpPr>
            <p:cNvPr id="89" name="Group 88">
              <a:extLst>
                <a:ext uri="{FF2B5EF4-FFF2-40B4-BE49-F238E27FC236}">
                  <a16:creationId xmlns:a16="http://schemas.microsoft.com/office/drawing/2014/main" id="{3A31A555-221B-FCF1-23CC-11A8654DB7EF}"/>
                </a:ext>
              </a:extLst>
            </p:cNvPr>
            <p:cNvGrpSpPr/>
            <p:nvPr/>
          </p:nvGrpSpPr>
          <p:grpSpPr>
            <a:xfrm>
              <a:off x="10514472" y="4721521"/>
              <a:ext cx="323418" cy="324001"/>
              <a:chOff x="10989836" y="1729917"/>
              <a:chExt cx="323418" cy="324001"/>
            </a:xfrm>
          </p:grpSpPr>
          <p:grpSp>
            <p:nvGrpSpPr>
              <p:cNvPr id="90" name="Group 89">
                <a:extLst>
                  <a:ext uri="{FF2B5EF4-FFF2-40B4-BE49-F238E27FC236}">
                    <a16:creationId xmlns:a16="http://schemas.microsoft.com/office/drawing/2014/main" id="{5FF81073-38C4-A7B3-9707-C01A9EA59EEA}"/>
                  </a:ext>
                </a:extLst>
              </p:cNvPr>
              <p:cNvGrpSpPr>
                <a:grpSpLocks noChangeAspect="1"/>
              </p:cNvGrpSpPr>
              <p:nvPr/>
            </p:nvGrpSpPr>
            <p:grpSpPr>
              <a:xfrm>
                <a:off x="10989836" y="1729917"/>
                <a:ext cx="323418" cy="324001"/>
                <a:chOff x="332767" y="199172"/>
                <a:chExt cx="85118" cy="85271"/>
              </a:xfrm>
            </p:grpSpPr>
            <p:sp>
              <p:nvSpPr>
                <p:cNvPr id="92" name="Freeform 2">
                  <a:extLst>
                    <a:ext uri="{FF2B5EF4-FFF2-40B4-BE49-F238E27FC236}">
                      <a16:creationId xmlns:a16="http://schemas.microsoft.com/office/drawing/2014/main" id="{BDF5159B-BB76-EE18-2C0A-97440FD362B5}"/>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lIns="288000" rtlCol="0" anchor="ctr"/>
                <a:lstStyle/>
                <a:p>
                  <a:endParaRPr lang="en-AU"/>
                </a:p>
              </p:txBody>
            </p:sp>
            <p:sp>
              <p:nvSpPr>
                <p:cNvPr id="93" name="Freeform 4">
                  <a:extLst>
                    <a:ext uri="{FF2B5EF4-FFF2-40B4-BE49-F238E27FC236}">
                      <a16:creationId xmlns:a16="http://schemas.microsoft.com/office/drawing/2014/main" id="{46381E28-E854-7D98-E80A-ACBA76DBA876}"/>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lIns="288000" rtlCol="0" anchor="ctr"/>
                <a:lstStyle/>
                <a:p>
                  <a:endParaRPr lang="en-AU"/>
                </a:p>
              </p:txBody>
            </p:sp>
          </p:grpSp>
          <p:cxnSp>
            <p:nvCxnSpPr>
              <p:cNvPr id="91" name="Straight Connector 90">
                <a:extLst>
                  <a:ext uri="{FF2B5EF4-FFF2-40B4-BE49-F238E27FC236}">
                    <a16:creationId xmlns:a16="http://schemas.microsoft.com/office/drawing/2014/main" id="{50CED483-53D5-B6BC-7538-98FF207ED6FF}"/>
                  </a:ext>
                </a:extLst>
              </p:cNvPr>
              <p:cNvCxnSpPr>
                <a:cxnSpLocks/>
              </p:cNvCxnSpPr>
              <p:nvPr/>
            </p:nvCxnSpPr>
            <p:spPr>
              <a:xfrm>
                <a:off x="11056660" y="1888651"/>
                <a:ext cx="194949" cy="0"/>
              </a:xfrm>
              <a:prstGeom prst="line">
                <a:avLst/>
              </a:prstGeom>
              <a:ln w="28575" cap="rnd">
                <a:solidFill>
                  <a:schemeClr val="bg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grpSp>
        <p:nvGrpSpPr>
          <p:cNvPr id="67" name="Group 66">
            <a:extLst>
              <a:ext uri="{FF2B5EF4-FFF2-40B4-BE49-F238E27FC236}">
                <a16:creationId xmlns:a16="http://schemas.microsoft.com/office/drawing/2014/main" id="{229B62E9-A5D8-B508-A928-F8EF0979E6A4}"/>
              </a:ext>
            </a:extLst>
          </p:cNvPr>
          <p:cNvGrpSpPr/>
          <p:nvPr/>
        </p:nvGrpSpPr>
        <p:grpSpPr>
          <a:xfrm>
            <a:off x="10514472" y="3929037"/>
            <a:ext cx="323418" cy="324001"/>
            <a:chOff x="10989836" y="1729917"/>
            <a:chExt cx="323418" cy="324001"/>
          </a:xfrm>
        </p:grpSpPr>
        <p:grpSp>
          <p:nvGrpSpPr>
            <p:cNvPr id="68" name="Group 67">
              <a:extLst>
                <a:ext uri="{FF2B5EF4-FFF2-40B4-BE49-F238E27FC236}">
                  <a16:creationId xmlns:a16="http://schemas.microsoft.com/office/drawing/2014/main" id="{4EAFCC70-CEBA-51B6-4279-3283A1AF04BA}"/>
                </a:ext>
              </a:extLst>
            </p:cNvPr>
            <p:cNvGrpSpPr>
              <a:grpSpLocks noChangeAspect="1"/>
            </p:cNvGrpSpPr>
            <p:nvPr/>
          </p:nvGrpSpPr>
          <p:grpSpPr>
            <a:xfrm>
              <a:off x="10989836" y="1729917"/>
              <a:ext cx="323418" cy="324001"/>
              <a:chOff x="332767" y="199172"/>
              <a:chExt cx="85118" cy="85271"/>
            </a:xfrm>
          </p:grpSpPr>
          <p:sp>
            <p:nvSpPr>
              <p:cNvPr id="70" name="Freeform 2">
                <a:extLst>
                  <a:ext uri="{FF2B5EF4-FFF2-40B4-BE49-F238E27FC236}">
                    <a16:creationId xmlns:a16="http://schemas.microsoft.com/office/drawing/2014/main" id="{1E28CAC8-1672-765D-E6DA-8246175439DD}"/>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rtlCol="0" anchor="ctr"/>
              <a:lstStyle/>
              <a:p>
                <a:endParaRPr lang="en-AU"/>
              </a:p>
            </p:txBody>
          </p:sp>
          <p:sp>
            <p:nvSpPr>
              <p:cNvPr id="71" name="Freeform 4">
                <a:extLst>
                  <a:ext uri="{FF2B5EF4-FFF2-40B4-BE49-F238E27FC236}">
                    <a16:creationId xmlns:a16="http://schemas.microsoft.com/office/drawing/2014/main" id="{69BEF314-C7B8-524D-890F-27D90D025522}"/>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rtlCol="0" anchor="ctr"/>
              <a:lstStyle/>
              <a:p>
                <a:endParaRPr lang="en-AU"/>
              </a:p>
            </p:txBody>
          </p:sp>
        </p:grpSp>
        <p:cxnSp>
          <p:nvCxnSpPr>
            <p:cNvPr id="69" name="Straight Connector 68">
              <a:extLst>
                <a:ext uri="{FF2B5EF4-FFF2-40B4-BE49-F238E27FC236}">
                  <a16:creationId xmlns:a16="http://schemas.microsoft.com/office/drawing/2014/main" id="{C1B95F20-FF42-5118-5C89-11E8DC4F9099}"/>
                </a:ext>
              </a:extLst>
            </p:cNvPr>
            <p:cNvCxnSpPr>
              <a:cxnSpLocks/>
            </p:cNvCxnSpPr>
            <p:nvPr/>
          </p:nvCxnSpPr>
          <p:spPr>
            <a:xfrm>
              <a:off x="11056660" y="1888651"/>
              <a:ext cx="194949" cy="0"/>
            </a:xfrm>
            <a:prstGeom prst="line">
              <a:avLst/>
            </a:prstGeom>
            <a:ln w="28575" cap="rnd">
              <a:solidFill>
                <a:schemeClr val="bg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38" name="Group 37">
            <a:extLst>
              <a:ext uri="{FF2B5EF4-FFF2-40B4-BE49-F238E27FC236}">
                <a16:creationId xmlns:a16="http://schemas.microsoft.com/office/drawing/2014/main" id="{31C2CA36-E0AD-31A5-878A-7B70C2C463F0}"/>
              </a:ext>
            </a:extLst>
          </p:cNvPr>
          <p:cNvGrpSpPr/>
          <p:nvPr/>
        </p:nvGrpSpPr>
        <p:grpSpPr>
          <a:xfrm>
            <a:off x="569995" y="1383497"/>
            <a:ext cx="10719831" cy="648000"/>
            <a:chOff x="569995" y="1383497"/>
            <a:chExt cx="10719831" cy="648000"/>
          </a:xfrm>
        </p:grpSpPr>
        <p:sp>
          <p:nvSpPr>
            <p:cNvPr id="32" name="Rectangle 31">
              <a:extLst>
                <a:ext uri="{FF2B5EF4-FFF2-40B4-BE49-F238E27FC236}">
                  <a16:creationId xmlns:a16="http://schemas.microsoft.com/office/drawing/2014/main" id="{33AFD7EB-AB16-6C57-C86D-54C480E7D7EC}"/>
                </a:ext>
              </a:extLst>
            </p:cNvPr>
            <p:cNvSpPr/>
            <p:nvPr/>
          </p:nvSpPr>
          <p:spPr>
            <a:xfrm>
              <a:off x="569995" y="1383497"/>
              <a:ext cx="9982800" cy="6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fontAlgn="auto">
                <a:lnSpc>
                  <a:spcPts val="1800"/>
                </a:lnSpc>
                <a:spcBef>
                  <a:spcPts val="0"/>
                </a:spcBef>
                <a:spcAft>
                  <a:spcPts val="1600"/>
                </a:spcAft>
                <a:defRPr/>
              </a:pP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Progress has been made </a:t>
              </a: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in delivering commitments, but there has been little systemic change</a:t>
              </a:r>
            </a:p>
          </p:txBody>
        </p:sp>
        <p:sp>
          <p:nvSpPr>
            <p:cNvPr id="33" name="Rectangle 32">
              <a:extLst>
                <a:ext uri="{FF2B5EF4-FFF2-40B4-BE49-F238E27FC236}">
                  <a16:creationId xmlns:a16="http://schemas.microsoft.com/office/drawing/2014/main" id="{9EEC29BF-1487-206C-EAC2-F90FFCF4B06E}"/>
                </a:ext>
              </a:extLst>
            </p:cNvPr>
            <p:cNvSpPr/>
            <p:nvPr/>
          </p:nvSpPr>
          <p:spPr>
            <a:xfrm>
              <a:off x="10069361" y="1383497"/>
              <a:ext cx="1220465" cy="648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80000" rtlCol="0" anchor="t" anchorCtr="0"/>
            <a:lstStyle/>
            <a:p>
              <a:pPr>
                <a:spcAft>
                  <a:spcPts val="600"/>
                </a:spcAft>
              </a:pPr>
              <a:endParaRPr lang="en-US" sz="2400" b="1">
                <a:solidFill>
                  <a:schemeClr val="bg2"/>
                </a:solidFill>
              </a:endParaRPr>
            </a:p>
          </p:txBody>
        </p:sp>
        <p:grpSp>
          <p:nvGrpSpPr>
            <p:cNvPr id="96" name="Group 95">
              <a:extLst>
                <a:ext uri="{FF2B5EF4-FFF2-40B4-BE49-F238E27FC236}">
                  <a16:creationId xmlns:a16="http://schemas.microsoft.com/office/drawing/2014/main" id="{47F48D98-368A-5AEB-DC62-A4D27AF5F496}"/>
                </a:ext>
              </a:extLst>
            </p:cNvPr>
            <p:cNvGrpSpPr/>
            <p:nvPr/>
          </p:nvGrpSpPr>
          <p:grpSpPr>
            <a:xfrm>
              <a:off x="10510459" y="1547460"/>
              <a:ext cx="323418" cy="324001"/>
              <a:chOff x="10989836" y="1729917"/>
              <a:chExt cx="323418" cy="324001"/>
            </a:xfrm>
          </p:grpSpPr>
          <p:grpSp>
            <p:nvGrpSpPr>
              <p:cNvPr id="97" name="Group 96">
                <a:extLst>
                  <a:ext uri="{FF2B5EF4-FFF2-40B4-BE49-F238E27FC236}">
                    <a16:creationId xmlns:a16="http://schemas.microsoft.com/office/drawing/2014/main" id="{33754505-EA86-9E3A-6679-D790F826D55B}"/>
                  </a:ext>
                </a:extLst>
              </p:cNvPr>
              <p:cNvGrpSpPr>
                <a:grpSpLocks noChangeAspect="1"/>
              </p:cNvGrpSpPr>
              <p:nvPr/>
            </p:nvGrpSpPr>
            <p:grpSpPr>
              <a:xfrm>
                <a:off x="10989836" y="1729917"/>
                <a:ext cx="323418" cy="324001"/>
                <a:chOff x="332767" y="199172"/>
                <a:chExt cx="85118" cy="85271"/>
              </a:xfrm>
            </p:grpSpPr>
            <p:sp>
              <p:nvSpPr>
                <p:cNvPr id="99" name="Freeform 2">
                  <a:extLst>
                    <a:ext uri="{FF2B5EF4-FFF2-40B4-BE49-F238E27FC236}">
                      <a16:creationId xmlns:a16="http://schemas.microsoft.com/office/drawing/2014/main" id="{E65B3679-8A5A-9A27-CC4F-3A22A550EABF}"/>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lIns="288000" rtlCol="0" anchor="ctr"/>
                <a:lstStyle/>
                <a:p>
                  <a:endParaRPr lang="en-AU"/>
                </a:p>
              </p:txBody>
            </p:sp>
            <p:sp>
              <p:nvSpPr>
                <p:cNvPr id="100" name="Freeform 4">
                  <a:extLst>
                    <a:ext uri="{FF2B5EF4-FFF2-40B4-BE49-F238E27FC236}">
                      <a16:creationId xmlns:a16="http://schemas.microsoft.com/office/drawing/2014/main" id="{BBAC6392-FECD-30EF-A9AE-2625700938E2}"/>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lIns="288000" rtlCol="0" anchor="ctr"/>
                <a:lstStyle/>
                <a:p>
                  <a:endParaRPr lang="en-AU"/>
                </a:p>
              </p:txBody>
            </p:sp>
          </p:grpSp>
          <p:cxnSp>
            <p:nvCxnSpPr>
              <p:cNvPr id="98" name="Straight Connector 97">
                <a:extLst>
                  <a:ext uri="{FF2B5EF4-FFF2-40B4-BE49-F238E27FC236}">
                    <a16:creationId xmlns:a16="http://schemas.microsoft.com/office/drawing/2014/main" id="{D3C6D806-8C7C-8651-4361-89CE28C5EB01}"/>
                  </a:ext>
                </a:extLst>
              </p:cNvPr>
              <p:cNvCxnSpPr>
                <a:cxnSpLocks/>
              </p:cNvCxnSpPr>
              <p:nvPr/>
            </p:nvCxnSpPr>
            <p:spPr>
              <a:xfrm>
                <a:off x="11056660" y="1888651"/>
                <a:ext cx="194949" cy="0"/>
              </a:xfrm>
              <a:prstGeom prst="line">
                <a:avLst/>
              </a:prstGeom>
              <a:ln w="28575" cap="rnd">
                <a:solidFill>
                  <a:schemeClr val="bg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BF0F34B-8423-2E82-4D02-C14C66901E5C}"/>
              </a:ext>
            </a:extLst>
          </p:cNvPr>
          <p:cNvGrpSpPr/>
          <p:nvPr/>
        </p:nvGrpSpPr>
        <p:grpSpPr>
          <a:xfrm>
            <a:off x="569995" y="2965189"/>
            <a:ext cx="10719831" cy="648000"/>
            <a:chOff x="569995" y="2968433"/>
            <a:chExt cx="10719831" cy="648000"/>
          </a:xfrm>
        </p:grpSpPr>
        <p:sp>
          <p:nvSpPr>
            <p:cNvPr id="12" name="Rectangle 11">
              <a:extLst>
                <a:ext uri="{FF2B5EF4-FFF2-40B4-BE49-F238E27FC236}">
                  <a16:creationId xmlns:a16="http://schemas.microsoft.com/office/drawing/2014/main" id="{E88C7F25-1F83-846D-4528-42B34216669B}"/>
                </a:ext>
              </a:extLst>
            </p:cNvPr>
            <p:cNvSpPr/>
            <p:nvPr/>
          </p:nvSpPr>
          <p:spPr>
            <a:xfrm>
              <a:off x="569995" y="2968433"/>
              <a:ext cx="9499366" cy="648000"/>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252000" rIns="72000" rtlCol="0" anchor="ctr" anchorCtr="0"/>
            <a:lstStyle/>
            <a:p>
              <a:pPr defTabSz="816074" eaLnBrk="1" fontAlgn="auto" hangingPunct="1">
                <a:lnSpc>
                  <a:spcPts val="1900"/>
                </a:lnSpc>
                <a:spcBef>
                  <a:spcPts val="0"/>
                </a:spcBef>
                <a:spcAft>
                  <a:spcPts val="0"/>
                </a:spcAft>
                <a:defRPr/>
              </a:pP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There has </a:t>
              </a: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been minimal involvement of people with lived and living experience</a:t>
              </a: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 their supporters, family, carers and kin in the development and implementation of the Agreement</a:t>
              </a:r>
            </a:p>
            <a:p>
              <a:pPr>
                <a:lnSpc>
                  <a:spcPts val="1620"/>
                </a:lnSpc>
                <a:spcAft>
                  <a:spcPts val="600"/>
                </a:spcAft>
              </a:pPr>
              <a:endPar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 name="Rectangle 10">
              <a:extLst>
                <a:ext uri="{FF2B5EF4-FFF2-40B4-BE49-F238E27FC236}">
                  <a16:creationId xmlns:a16="http://schemas.microsoft.com/office/drawing/2014/main" id="{0B073692-F695-B156-45CC-D4B319812DE1}"/>
                </a:ext>
              </a:extLst>
            </p:cNvPr>
            <p:cNvSpPr/>
            <p:nvPr/>
          </p:nvSpPr>
          <p:spPr>
            <a:xfrm>
              <a:off x="10069361" y="2968433"/>
              <a:ext cx="1220465" cy="6480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180000" rtlCol="0" anchor="t" anchorCtr="0"/>
            <a:lstStyle/>
            <a:p>
              <a:pPr>
                <a:spcAft>
                  <a:spcPts val="600"/>
                </a:spcAft>
              </a:pPr>
              <a:endParaRPr lang="en-US" sz="2400" b="1">
                <a:solidFill>
                  <a:schemeClr val="bg2"/>
                </a:solidFill>
              </a:endParaRPr>
            </a:p>
          </p:txBody>
        </p:sp>
        <p:grpSp>
          <p:nvGrpSpPr>
            <p:cNvPr id="5" name="Group 4">
              <a:extLst>
                <a:ext uri="{FF2B5EF4-FFF2-40B4-BE49-F238E27FC236}">
                  <a16:creationId xmlns:a16="http://schemas.microsoft.com/office/drawing/2014/main" id="{B7DA6C6A-CBFD-722E-1632-EFF80CC1638E}"/>
                </a:ext>
              </a:extLst>
            </p:cNvPr>
            <p:cNvGrpSpPr>
              <a:grpSpLocks noChangeAspect="1"/>
            </p:cNvGrpSpPr>
            <p:nvPr/>
          </p:nvGrpSpPr>
          <p:grpSpPr>
            <a:xfrm>
              <a:off x="10514472" y="3135603"/>
              <a:ext cx="323418" cy="324001"/>
              <a:chOff x="332767" y="199172"/>
              <a:chExt cx="85118" cy="85271"/>
            </a:xfrm>
          </p:grpSpPr>
          <p:sp>
            <p:nvSpPr>
              <p:cNvPr id="6" name="Freeform 2">
                <a:extLst>
                  <a:ext uri="{FF2B5EF4-FFF2-40B4-BE49-F238E27FC236}">
                    <a16:creationId xmlns:a16="http://schemas.microsoft.com/office/drawing/2014/main" id="{BD1E31BA-7DB6-4D48-3B58-2BB2C60DADD9}"/>
                  </a:ext>
                </a:extLst>
              </p:cNvPr>
              <p:cNvSpPr/>
              <p:nvPr/>
            </p:nvSpPr>
            <p:spPr>
              <a:xfrm>
                <a:off x="335483" y="201893"/>
                <a:ext cx="79685" cy="79828"/>
              </a:xfrm>
              <a:custGeom>
                <a:avLst/>
                <a:gdLst>
                  <a:gd name="connsiteX0" fmla="*/ 79685 w 79685"/>
                  <a:gd name="connsiteY0" fmla="*/ 39914 h 79828"/>
                  <a:gd name="connsiteX1" fmla="*/ 39843 w 79685"/>
                  <a:gd name="connsiteY1" fmla="*/ 79829 h 79828"/>
                  <a:gd name="connsiteX2" fmla="*/ 0 w 79685"/>
                  <a:gd name="connsiteY2" fmla="*/ 39914 h 79828"/>
                  <a:gd name="connsiteX3" fmla="*/ 39843 w 79685"/>
                  <a:gd name="connsiteY3" fmla="*/ 0 h 79828"/>
                  <a:gd name="connsiteX4" fmla="*/ 79685 w 79685"/>
                  <a:gd name="connsiteY4" fmla="*/ 39914 h 79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9685" h="79828">
                    <a:moveTo>
                      <a:pt x="79685" y="39914"/>
                    </a:moveTo>
                    <a:cubicBezTo>
                      <a:pt x="79685" y="61958"/>
                      <a:pt x="61847" y="79829"/>
                      <a:pt x="39843" y="79829"/>
                    </a:cubicBezTo>
                    <a:cubicBezTo>
                      <a:pt x="17838" y="79829"/>
                      <a:pt x="0" y="61958"/>
                      <a:pt x="0" y="39914"/>
                    </a:cubicBezTo>
                    <a:cubicBezTo>
                      <a:pt x="0" y="17870"/>
                      <a:pt x="17838" y="0"/>
                      <a:pt x="39843" y="0"/>
                    </a:cubicBezTo>
                    <a:cubicBezTo>
                      <a:pt x="61847" y="0"/>
                      <a:pt x="79685" y="17870"/>
                      <a:pt x="79685" y="39914"/>
                    </a:cubicBezTo>
                    <a:close/>
                  </a:path>
                </a:pathLst>
              </a:custGeom>
              <a:solidFill>
                <a:srgbClr val="C7E4F1"/>
              </a:solidFill>
              <a:ln w="1793" cap="flat">
                <a:noFill/>
                <a:prstDash val="solid"/>
                <a:miter/>
              </a:ln>
            </p:spPr>
            <p:txBody>
              <a:bodyPr lIns="288000" rtlCol="0" anchor="ctr"/>
              <a:lstStyle/>
              <a:p>
                <a:endParaRPr lang="en-AU"/>
              </a:p>
            </p:txBody>
          </p:sp>
          <p:grpSp>
            <p:nvGrpSpPr>
              <p:cNvPr id="8" name="Graphic 63">
                <a:extLst>
                  <a:ext uri="{FF2B5EF4-FFF2-40B4-BE49-F238E27FC236}">
                    <a16:creationId xmlns:a16="http://schemas.microsoft.com/office/drawing/2014/main" id="{15D0815F-FC84-565B-C477-DDAF42C81215}"/>
                  </a:ext>
                </a:extLst>
              </p:cNvPr>
              <p:cNvGrpSpPr/>
              <p:nvPr/>
            </p:nvGrpSpPr>
            <p:grpSpPr>
              <a:xfrm>
                <a:off x="332767" y="199172"/>
                <a:ext cx="85118" cy="85271"/>
                <a:chOff x="332767" y="199172"/>
                <a:chExt cx="85118" cy="85271"/>
              </a:xfrm>
              <a:solidFill>
                <a:srgbClr val="265A9A"/>
              </a:solidFill>
            </p:grpSpPr>
            <p:sp>
              <p:nvSpPr>
                <p:cNvPr id="10" name="Freeform 4">
                  <a:extLst>
                    <a:ext uri="{FF2B5EF4-FFF2-40B4-BE49-F238E27FC236}">
                      <a16:creationId xmlns:a16="http://schemas.microsoft.com/office/drawing/2014/main" id="{7EB6FB79-A643-F1B3-441D-83BBF7C9266C}"/>
                    </a:ext>
                  </a:extLst>
                </p:cNvPr>
                <p:cNvSpPr/>
                <p:nvPr/>
              </p:nvSpPr>
              <p:spPr>
                <a:xfrm>
                  <a:off x="332767" y="199172"/>
                  <a:ext cx="85118" cy="85271"/>
                </a:xfrm>
                <a:custGeom>
                  <a:avLst/>
                  <a:gdLst>
                    <a:gd name="connsiteX0" fmla="*/ 42559 w 85118"/>
                    <a:gd name="connsiteY0" fmla="*/ 85271 h 85271"/>
                    <a:gd name="connsiteX1" fmla="*/ 0 w 85118"/>
                    <a:gd name="connsiteY1" fmla="*/ 42636 h 85271"/>
                    <a:gd name="connsiteX2" fmla="*/ 42559 w 85118"/>
                    <a:gd name="connsiteY2" fmla="*/ 0 h 85271"/>
                    <a:gd name="connsiteX3" fmla="*/ 85118 w 85118"/>
                    <a:gd name="connsiteY3" fmla="*/ 42636 h 85271"/>
                    <a:gd name="connsiteX4" fmla="*/ 42559 w 85118"/>
                    <a:gd name="connsiteY4" fmla="*/ 85271 h 85271"/>
                    <a:gd name="connsiteX5" fmla="*/ 42559 w 85118"/>
                    <a:gd name="connsiteY5" fmla="*/ 5443 h 85271"/>
                    <a:gd name="connsiteX6" fmla="*/ 5433 w 85118"/>
                    <a:gd name="connsiteY6" fmla="*/ 42636 h 85271"/>
                    <a:gd name="connsiteX7" fmla="*/ 42559 w 85118"/>
                    <a:gd name="connsiteY7" fmla="*/ 79829 h 85271"/>
                    <a:gd name="connsiteX8" fmla="*/ 79685 w 85118"/>
                    <a:gd name="connsiteY8" fmla="*/ 42636 h 85271"/>
                    <a:gd name="connsiteX9" fmla="*/ 42559 w 85118"/>
                    <a:gd name="connsiteY9" fmla="*/ 5443 h 85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118" h="85271">
                      <a:moveTo>
                        <a:pt x="42559" y="85271"/>
                      </a:moveTo>
                      <a:cubicBezTo>
                        <a:pt x="19088" y="85271"/>
                        <a:pt x="0" y="66149"/>
                        <a:pt x="0" y="42636"/>
                      </a:cubicBezTo>
                      <a:cubicBezTo>
                        <a:pt x="0" y="19123"/>
                        <a:pt x="19088" y="0"/>
                        <a:pt x="42559" y="0"/>
                      </a:cubicBezTo>
                      <a:cubicBezTo>
                        <a:pt x="66030" y="0"/>
                        <a:pt x="85118" y="19123"/>
                        <a:pt x="85118" y="42636"/>
                      </a:cubicBezTo>
                      <a:cubicBezTo>
                        <a:pt x="85118" y="66149"/>
                        <a:pt x="66030" y="85271"/>
                        <a:pt x="42559" y="85271"/>
                      </a:cubicBezTo>
                      <a:close/>
                      <a:moveTo>
                        <a:pt x="42559" y="5443"/>
                      </a:moveTo>
                      <a:cubicBezTo>
                        <a:pt x="22095" y="5443"/>
                        <a:pt x="5433" y="22134"/>
                        <a:pt x="5433" y="42636"/>
                      </a:cubicBezTo>
                      <a:cubicBezTo>
                        <a:pt x="5433" y="63137"/>
                        <a:pt x="22095" y="79829"/>
                        <a:pt x="42559" y="79829"/>
                      </a:cubicBezTo>
                      <a:cubicBezTo>
                        <a:pt x="63024" y="79829"/>
                        <a:pt x="79685" y="63137"/>
                        <a:pt x="79685" y="42636"/>
                      </a:cubicBezTo>
                      <a:cubicBezTo>
                        <a:pt x="79685" y="22134"/>
                        <a:pt x="63024" y="5443"/>
                        <a:pt x="42559" y="5443"/>
                      </a:cubicBezTo>
                      <a:close/>
                    </a:path>
                  </a:pathLst>
                </a:custGeom>
                <a:solidFill>
                  <a:srgbClr val="265A9A"/>
                </a:solidFill>
                <a:ln w="1793" cap="flat">
                  <a:noFill/>
                  <a:prstDash val="solid"/>
                  <a:miter/>
                </a:ln>
              </p:spPr>
              <p:txBody>
                <a:bodyPr lIns="288000" rtlCol="0" anchor="ctr"/>
                <a:lstStyle/>
                <a:p>
                  <a:endParaRPr lang="en-AU"/>
                </a:p>
              </p:txBody>
            </p:sp>
            <p:grpSp>
              <p:nvGrpSpPr>
                <p:cNvPr id="15" name="Graphic 63">
                  <a:extLst>
                    <a:ext uri="{FF2B5EF4-FFF2-40B4-BE49-F238E27FC236}">
                      <a16:creationId xmlns:a16="http://schemas.microsoft.com/office/drawing/2014/main" id="{0114F230-5B7C-64B9-350A-6EABAB5C4776}"/>
                    </a:ext>
                  </a:extLst>
                </p:cNvPr>
                <p:cNvGrpSpPr/>
                <p:nvPr/>
              </p:nvGrpSpPr>
              <p:grpSpPr>
                <a:xfrm>
                  <a:off x="358556" y="225007"/>
                  <a:ext cx="33576" cy="33636"/>
                  <a:chOff x="358556" y="225007"/>
                  <a:chExt cx="33576" cy="33636"/>
                </a:xfrm>
                <a:solidFill>
                  <a:srgbClr val="265A9A"/>
                </a:solidFill>
              </p:grpSpPr>
              <p:sp>
                <p:nvSpPr>
                  <p:cNvPr id="16" name="Freeform 6">
                    <a:extLst>
                      <a:ext uri="{FF2B5EF4-FFF2-40B4-BE49-F238E27FC236}">
                        <a16:creationId xmlns:a16="http://schemas.microsoft.com/office/drawing/2014/main" id="{E0E7EAD8-BB8E-7CBC-D445-E7F6EA142FD0}"/>
                      </a:ext>
                    </a:extLst>
                  </p:cNvPr>
                  <p:cNvSpPr/>
                  <p:nvPr/>
                </p:nvSpPr>
                <p:spPr>
                  <a:xfrm>
                    <a:off x="358556" y="226005"/>
                    <a:ext cx="33576" cy="31604"/>
                  </a:xfrm>
                  <a:custGeom>
                    <a:avLst/>
                    <a:gdLst>
                      <a:gd name="connsiteX0" fmla="*/ 32345 w 33576"/>
                      <a:gd name="connsiteY0" fmla="*/ 1161 h 31604"/>
                      <a:gd name="connsiteX1" fmla="*/ 29393 w 33576"/>
                      <a:gd name="connsiteY1" fmla="*/ 0 h 31604"/>
                      <a:gd name="connsiteX2" fmla="*/ 29230 w 33576"/>
                      <a:gd name="connsiteY2" fmla="*/ 0 h 31604"/>
                      <a:gd name="connsiteX3" fmla="*/ 29067 w 33576"/>
                      <a:gd name="connsiteY3" fmla="*/ 0 h 31604"/>
                      <a:gd name="connsiteX4" fmla="*/ 26115 w 33576"/>
                      <a:gd name="connsiteY4" fmla="*/ 1161 h 31604"/>
                      <a:gd name="connsiteX5" fmla="*/ 1232 w 33576"/>
                      <a:gd name="connsiteY5" fmla="*/ 24819 h 31604"/>
                      <a:gd name="connsiteX6" fmla="*/ 0 w 33576"/>
                      <a:gd name="connsiteY6" fmla="*/ 27632 h 31604"/>
                      <a:gd name="connsiteX7" fmla="*/ 1232 w 33576"/>
                      <a:gd name="connsiteY7" fmla="*/ 30444 h 31604"/>
                      <a:gd name="connsiteX8" fmla="*/ 4183 w 33576"/>
                      <a:gd name="connsiteY8" fmla="*/ 31605 h 31604"/>
                      <a:gd name="connsiteX9" fmla="*/ 4346 w 33576"/>
                      <a:gd name="connsiteY9" fmla="*/ 31605 h 31604"/>
                      <a:gd name="connsiteX10" fmla="*/ 4509 w 33576"/>
                      <a:gd name="connsiteY10" fmla="*/ 31605 h 31604"/>
                      <a:gd name="connsiteX11" fmla="*/ 7461 w 33576"/>
                      <a:gd name="connsiteY11" fmla="*/ 30444 h 31604"/>
                      <a:gd name="connsiteX12" fmla="*/ 32345 w 33576"/>
                      <a:gd name="connsiteY12" fmla="*/ 6785 h 31604"/>
                      <a:gd name="connsiteX13" fmla="*/ 33577 w 33576"/>
                      <a:gd name="connsiteY13" fmla="*/ 3973 h 31604"/>
                      <a:gd name="connsiteX14" fmla="*/ 32345 w 33576"/>
                      <a:gd name="connsiteY14" fmla="*/ 1161 h 31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576" h="31604">
                        <a:moveTo>
                          <a:pt x="32345" y="1161"/>
                        </a:moveTo>
                        <a:cubicBezTo>
                          <a:pt x="31548" y="417"/>
                          <a:pt x="30498" y="0"/>
                          <a:pt x="29393" y="0"/>
                        </a:cubicBezTo>
                        <a:cubicBezTo>
                          <a:pt x="29339" y="0"/>
                          <a:pt x="29284" y="0"/>
                          <a:pt x="29230" y="0"/>
                        </a:cubicBezTo>
                        <a:cubicBezTo>
                          <a:pt x="29176" y="0"/>
                          <a:pt x="29121" y="0"/>
                          <a:pt x="29067" y="0"/>
                        </a:cubicBezTo>
                        <a:cubicBezTo>
                          <a:pt x="27944" y="0"/>
                          <a:pt x="26894" y="417"/>
                          <a:pt x="26115" y="1161"/>
                        </a:cubicBezTo>
                        <a:lnTo>
                          <a:pt x="1232" y="24819"/>
                        </a:lnTo>
                        <a:cubicBezTo>
                          <a:pt x="435" y="25563"/>
                          <a:pt x="0" y="26561"/>
                          <a:pt x="0" y="27632"/>
                        </a:cubicBezTo>
                        <a:cubicBezTo>
                          <a:pt x="0" y="28702"/>
                          <a:pt x="435" y="29682"/>
                          <a:pt x="1232" y="30444"/>
                        </a:cubicBezTo>
                        <a:cubicBezTo>
                          <a:pt x="2028" y="31188"/>
                          <a:pt x="3079" y="31605"/>
                          <a:pt x="4183" y="31605"/>
                        </a:cubicBezTo>
                        <a:cubicBezTo>
                          <a:pt x="4238" y="31605"/>
                          <a:pt x="4292" y="31605"/>
                          <a:pt x="4346" y="31605"/>
                        </a:cubicBezTo>
                        <a:cubicBezTo>
                          <a:pt x="4401" y="31605"/>
                          <a:pt x="4455" y="31605"/>
                          <a:pt x="4509" y="31605"/>
                        </a:cubicBezTo>
                        <a:cubicBezTo>
                          <a:pt x="5632" y="31605"/>
                          <a:pt x="6683" y="31188"/>
                          <a:pt x="7461" y="30444"/>
                        </a:cubicBezTo>
                        <a:lnTo>
                          <a:pt x="32345" y="6785"/>
                        </a:lnTo>
                        <a:cubicBezTo>
                          <a:pt x="33142" y="6042"/>
                          <a:pt x="33577" y="5044"/>
                          <a:pt x="33577" y="3973"/>
                        </a:cubicBezTo>
                        <a:cubicBezTo>
                          <a:pt x="33577" y="2903"/>
                          <a:pt x="33142" y="1923"/>
                          <a:pt x="32345" y="1161"/>
                        </a:cubicBezTo>
                        <a:close/>
                      </a:path>
                    </a:pathLst>
                  </a:custGeom>
                  <a:solidFill>
                    <a:srgbClr val="265A9A"/>
                  </a:solidFill>
                  <a:ln w="1793" cap="flat">
                    <a:noFill/>
                    <a:prstDash val="solid"/>
                    <a:miter/>
                  </a:ln>
                </p:spPr>
                <p:txBody>
                  <a:bodyPr lIns="288000" rtlCol="0" anchor="ctr"/>
                  <a:lstStyle/>
                  <a:p>
                    <a:endParaRPr lang="en-AU"/>
                  </a:p>
                </p:txBody>
              </p:sp>
              <p:sp>
                <p:nvSpPr>
                  <p:cNvPr id="17" name="Freeform 7">
                    <a:extLst>
                      <a:ext uri="{FF2B5EF4-FFF2-40B4-BE49-F238E27FC236}">
                        <a16:creationId xmlns:a16="http://schemas.microsoft.com/office/drawing/2014/main" id="{957B6A2E-CA47-6776-53C0-2C4D92D2895A}"/>
                      </a:ext>
                    </a:extLst>
                  </p:cNvPr>
                  <p:cNvSpPr/>
                  <p:nvPr/>
                </p:nvSpPr>
                <p:spPr>
                  <a:xfrm>
                    <a:off x="359552" y="225007"/>
                    <a:ext cx="31548" cy="33636"/>
                  </a:xfrm>
                  <a:custGeom>
                    <a:avLst/>
                    <a:gdLst>
                      <a:gd name="connsiteX0" fmla="*/ 30389 w 31548"/>
                      <a:gd name="connsiteY0" fmla="*/ 32403 h 33636"/>
                      <a:gd name="connsiteX1" fmla="*/ 31548 w 31548"/>
                      <a:gd name="connsiteY1" fmla="*/ 29446 h 33636"/>
                      <a:gd name="connsiteX2" fmla="*/ 31548 w 31548"/>
                      <a:gd name="connsiteY2" fmla="*/ 29283 h 33636"/>
                      <a:gd name="connsiteX3" fmla="*/ 31548 w 31548"/>
                      <a:gd name="connsiteY3" fmla="*/ 29119 h 33636"/>
                      <a:gd name="connsiteX4" fmla="*/ 30389 w 31548"/>
                      <a:gd name="connsiteY4" fmla="*/ 26162 h 33636"/>
                      <a:gd name="connsiteX5" fmla="*/ 6773 w 31548"/>
                      <a:gd name="connsiteY5" fmla="*/ 1234 h 33636"/>
                      <a:gd name="connsiteX6" fmla="*/ 3966 w 31548"/>
                      <a:gd name="connsiteY6" fmla="*/ 0 h 33636"/>
                      <a:gd name="connsiteX7" fmla="*/ 1159 w 31548"/>
                      <a:gd name="connsiteY7" fmla="*/ 1234 h 33636"/>
                      <a:gd name="connsiteX8" fmla="*/ 0 w 31548"/>
                      <a:gd name="connsiteY8" fmla="*/ 4191 h 33636"/>
                      <a:gd name="connsiteX9" fmla="*/ 0 w 31548"/>
                      <a:gd name="connsiteY9" fmla="*/ 4354 h 33636"/>
                      <a:gd name="connsiteX10" fmla="*/ 0 w 31548"/>
                      <a:gd name="connsiteY10" fmla="*/ 4518 h 33636"/>
                      <a:gd name="connsiteX11" fmla="*/ 1159 w 31548"/>
                      <a:gd name="connsiteY11" fmla="*/ 7475 h 33636"/>
                      <a:gd name="connsiteX12" fmla="*/ 24775 w 31548"/>
                      <a:gd name="connsiteY12" fmla="*/ 32403 h 33636"/>
                      <a:gd name="connsiteX13" fmla="*/ 27582 w 31548"/>
                      <a:gd name="connsiteY13" fmla="*/ 33637 h 33636"/>
                      <a:gd name="connsiteX14" fmla="*/ 30389 w 31548"/>
                      <a:gd name="connsiteY14" fmla="*/ 32403 h 33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548" h="33636">
                        <a:moveTo>
                          <a:pt x="30389" y="32403"/>
                        </a:moveTo>
                        <a:cubicBezTo>
                          <a:pt x="31132" y="31605"/>
                          <a:pt x="31548" y="30553"/>
                          <a:pt x="31548" y="29446"/>
                        </a:cubicBezTo>
                        <a:cubicBezTo>
                          <a:pt x="31548" y="29391"/>
                          <a:pt x="31548" y="29337"/>
                          <a:pt x="31548" y="29283"/>
                        </a:cubicBezTo>
                        <a:cubicBezTo>
                          <a:pt x="31548" y="29228"/>
                          <a:pt x="31548" y="29174"/>
                          <a:pt x="31548" y="29119"/>
                        </a:cubicBezTo>
                        <a:cubicBezTo>
                          <a:pt x="31548" y="27994"/>
                          <a:pt x="31132" y="26942"/>
                          <a:pt x="30389" y="26162"/>
                        </a:cubicBezTo>
                        <a:lnTo>
                          <a:pt x="6773" y="1234"/>
                        </a:lnTo>
                        <a:cubicBezTo>
                          <a:pt x="6031" y="435"/>
                          <a:pt x="5035" y="0"/>
                          <a:pt x="3966" y="0"/>
                        </a:cubicBezTo>
                        <a:cubicBezTo>
                          <a:pt x="2898" y="0"/>
                          <a:pt x="1920" y="435"/>
                          <a:pt x="1159" y="1234"/>
                        </a:cubicBezTo>
                        <a:cubicBezTo>
                          <a:pt x="417" y="2032"/>
                          <a:pt x="0" y="3084"/>
                          <a:pt x="0" y="4191"/>
                        </a:cubicBezTo>
                        <a:cubicBezTo>
                          <a:pt x="0" y="4245"/>
                          <a:pt x="0" y="4300"/>
                          <a:pt x="0" y="4354"/>
                        </a:cubicBezTo>
                        <a:cubicBezTo>
                          <a:pt x="0" y="4409"/>
                          <a:pt x="0" y="4463"/>
                          <a:pt x="0" y="4518"/>
                        </a:cubicBezTo>
                        <a:cubicBezTo>
                          <a:pt x="0" y="5642"/>
                          <a:pt x="417" y="6695"/>
                          <a:pt x="1159" y="7475"/>
                        </a:cubicBezTo>
                        <a:lnTo>
                          <a:pt x="24775" y="32403"/>
                        </a:lnTo>
                        <a:cubicBezTo>
                          <a:pt x="25517" y="33201"/>
                          <a:pt x="26513" y="33637"/>
                          <a:pt x="27582" y="33637"/>
                        </a:cubicBezTo>
                        <a:cubicBezTo>
                          <a:pt x="28651" y="33637"/>
                          <a:pt x="29628" y="33201"/>
                          <a:pt x="30389" y="32403"/>
                        </a:cubicBezTo>
                        <a:close/>
                      </a:path>
                    </a:pathLst>
                  </a:custGeom>
                  <a:solidFill>
                    <a:srgbClr val="265A9A"/>
                  </a:solidFill>
                  <a:ln w="1793" cap="flat">
                    <a:noFill/>
                    <a:prstDash val="solid"/>
                    <a:miter/>
                  </a:ln>
                </p:spPr>
                <p:txBody>
                  <a:bodyPr lIns="288000" rtlCol="0" anchor="ctr"/>
                  <a:lstStyle/>
                  <a:p>
                    <a:endParaRPr lang="en-AU"/>
                  </a:p>
                </p:txBody>
              </p:sp>
            </p:grpSp>
          </p:grpSp>
        </p:grpSp>
      </p:grpSp>
    </p:spTree>
    <p:extLst>
      <p:ext uri="{BB962C8B-B14F-4D97-AF65-F5344CB8AC3E}">
        <p14:creationId xmlns:p14="http://schemas.microsoft.com/office/powerpoint/2010/main" val="11453826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E91084D-B336-12F8-A3B5-21F304802B15}"/>
              </a:ext>
            </a:extLst>
          </p:cNvPr>
          <p:cNvSpPr>
            <a:spLocks noGrp="1"/>
          </p:cNvSpPr>
          <p:nvPr>
            <p:ph type="body" sz="quarter" idx="10"/>
          </p:nvPr>
        </p:nvSpPr>
        <p:spPr>
          <a:xfrm>
            <a:off x="644475" y="1754719"/>
            <a:ext cx="4732241" cy="683608"/>
          </a:xfrm>
        </p:spPr>
        <p:txBody>
          <a:bodyPr/>
          <a:lstStyle/>
          <a:p>
            <a:pPr marL="0" indent="0">
              <a:buNone/>
            </a:pPr>
            <a:r>
              <a:rPr lang="en-US" sz="2000" b="1" dirty="0"/>
              <a:t>Urgent actions before the Agreement expires in June 2026</a:t>
            </a:r>
          </a:p>
          <a:p>
            <a:pPr marL="0" indent="0">
              <a:buNone/>
            </a:pPr>
            <a:endParaRPr lang="en-AU" b="1" dirty="0"/>
          </a:p>
        </p:txBody>
      </p:sp>
      <p:sp>
        <p:nvSpPr>
          <p:cNvPr id="3" name="Title 2">
            <a:extLst>
              <a:ext uri="{FF2B5EF4-FFF2-40B4-BE49-F238E27FC236}">
                <a16:creationId xmlns:a16="http://schemas.microsoft.com/office/drawing/2014/main" id="{D13A527E-18C1-F3EE-8FB4-C8B045DE7AAE}"/>
              </a:ext>
            </a:extLst>
          </p:cNvPr>
          <p:cNvSpPr>
            <a:spLocks noGrp="1"/>
          </p:cNvSpPr>
          <p:nvPr>
            <p:ph type="ctrTitle"/>
          </p:nvPr>
        </p:nvSpPr>
        <p:spPr/>
        <p:txBody>
          <a:bodyPr/>
          <a:lstStyle/>
          <a:p>
            <a:r>
              <a:rPr lang="en-US" dirty="0"/>
              <a:t>The PC made recommendations for immediate action and longer-term reform</a:t>
            </a:r>
            <a:endParaRPr lang="en-AU" dirty="0"/>
          </a:p>
        </p:txBody>
      </p:sp>
      <p:sp>
        <p:nvSpPr>
          <p:cNvPr id="5" name="Slide Number Placeholder 4">
            <a:extLst>
              <a:ext uri="{FF2B5EF4-FFF2-40B4-BE49-F238E27FC236}">
                <a16:creationId xmlns:a16="http://schemas.microsoft.com/office/drawing/2014/main" id="{A5D306D2-B138-9137-6CCA-E92BD404667E}"/>
              </a:ext>
            </a:extLst>
          </p:cNvPr>
          <p:cNvSpPr>
            <a:spLocks noGrp="1"/>
          </p:cNvSpPr>
          <p:nvPr>
            <p:ph type="sldNum" sz="quarter" idx="4"/>
          </p:nvPr>
        </p:nvSpPr>
        <p:spPr/>
        <p:txBody>
          <a:bodyPr/>
          <a:lstStyle/>
          <a:p>
            <a:fld id="{3FE8A0A5-0893-3B4E-9EB9-FE67329D76D6}" type="slidenum">
              <a:rPr lang="en-US" smtClean="0"/>
              <a:pPr/>
              <a:t>6</a:t>
            </a:fld>
            <a:endParaRPr lang="en-US"/>
          </a:p>
        </p:txBody>
      </p:sp>
      <p:sp>
        <p:nvSpPr>
          <p:cNvPr id="7" name="TextBox 6">
            <a:extLst>
              <a:ext uri="{FF2B5EF4-FFF2-40B4-BE49-F238E27FC236}">
                <a16:creationId xmlns:a16="http://schemas.microsoft.com/office/drawing/2014/main" id="{A987AD48-4FD4-0C8F-763A-1D24F0D35697}"/>
              </a:ext>
            </a:extLst>
          </p:cNvPr>
          <p:cNvSpPr txBox="1"/>
          <p:nvPr/>
        </p:nvSpPr>
        <p:spPr>
          <a:xfrm>
            <a:off x="1616694" y="2685789"/>
            <a:ext cx="4352492" cy="694800"/>
          </a:xfrm>
          <a:prstGeom prst="rect">
            <a:avLst/>
          </a:prstGeom>
          <a:solidFill>
            <a:schemeClr val="accent4">
              <a:lumMod val="20000"/>
              <a:lumOff val="80000"/>
            </a:schemeClr>
          </a:solidFill>
          <a:ln>
            <a:noFill/>
          </a:ln>
        </p:spPr>
        <p:txBody>
          <a:bodyPr wrap="square" lIns="216000" rtlCol="0" anchor="ctr" anchorCtr="0">
            <a:noAutofit/>
          </a:bodyPr>
          <a:lstStyle/>
          <a:p>
            <a:pPr>
              <a:spcAft>
                <a:spcPts val="450"/>
              </a:spcAft>
            </a:pPr>
            <a:r>
              <a:rPr lang="en-US" sz="1600">
                <a:latin typeface="+mj-lt"/>
                <a:cs typeface="Arial" panose="020B0604020202020204" pitchFamily="34" charset="0"/>
              </a:rPr>
              <a:t>Develop arrangements for psychosocial supports outside the NDIS</a:t>
            </a:r>
          </a:p>
        </p:txBody>
      </p:sp>
      <p:sp>
        <p:nvSpPr>
          <p:cNvPr id="6" name="Text Placeholder 1">
            <a:extLst>
              <a:ext uri="{FF2B5EF4-FFF2-40B4-BE49-F238E27FC236}">
                <a16:creationId xmlns:a16="http://schemas.microsoft.com/office/drawing/2014/main" id="{F105834A-0B93-4915-3F2B-992AE9861852}"/>
              </a:ext>
            </a:extLst>
          </p:cNvPr>
          <p:cNvSpPr txBox="1">
            <a:spLocks/>
          </p:cNvSpPr>
          <p:nvPr/>
        </p:nvSpPr>
        <p:spPr>
          <a:xfrm>
            <a:off x="6205730" y="1754718"/>
            <a:ext cx="4734000" cy="693136"/>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2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1pPr>
            <a:lvl2pPr marL="468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720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Open Sans" panose="020B0606030504020204" pitchFamily="34" charset="0"/>
                <a:ea typeface="Open Sans" panose="020B0606030504020204" pitchFamily="34" charset="0"/>
                <a:cs typeface="Open Sans" panose="020B0606030504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000" b="1" dirty="0"/>
              <a:t>A roadmap for the development </a:t>
            </a:r>
            <a:br>
              <a:rPr lang="en-US" sz="2000" b="1" dirty="0"/>
            </a:br>
            <a:r>
              <a:rPr lang="en-US" sz="2000" b="1" dirty="0"/>
              <a:t>of the next Agreement</a:t>
            </a:r>
            <a:endParaRPr lang="en-AU" sz="2000" b="1" dirty="0"/>
          </a:p>
        </p:txBody>
      </p:sp>
      <p:sp>
        <p:nvSpPr>
          <p:cNvPr id="11" name="TextBox 10">
            <a:extLst>
              <a:ext uri="{FF2B5EF4-FFF2-40B4-BE49-F238E27FC236}">
                <a16:creationId xmlns:a16="http://schemas.microsoft.com/office/drawing/2014/main" id="{6B02A077-E60E-1F11-B50A-EEC3F0E0F4B1}"/>
              </a:ext>
            </a:extLst>
          </p:cNvPr>
          <p:cNvSpPr txBox="1"/>
          <p:nvPr/>
        </p:nvSpPr>
        <p:spPr>
          <a:xfrm>
            <a:off x="1629988" y="3527545"/>
            <a:ext cx="4352492" cy="693135"/>
          </a:xfrm>
          <a:prstGeom prst="rect">
            <a:avLst/>
          </a:prstGeom>
          <a:solidFill>
            <a:schemeClr val="accent4">
              <a:lumMod val="20000"/>
              <a:lumOff val="80000"/>
            </a:schemeClr>
          </a:solidFill>
        </p:spPr>
        <p:txBody>
          <a:bodyPr wrap="square" lIns="216000" rtlCol="0" anchor="ctr" anchorCtr="0">
            <a:noAutofit/>
          </a:bodyPr>
          <a:lstStyle/>
          <a:p>
            <a:pPr>
              <a:spcAft>
                <a:spcPts val="450"/>
              </a:spcAft>
            </a:pPr>
            <a:r>
              <a:rPr lang="en-US" sz="1600">
                <a:latin typeface="+mj-lt"/>
                <a:cs typeface="Arial" panose="020B0604020202020204" pitchFamily="34" charset="0"/>
              </a:rPr>
              <a:t>Publish the National Stigma and Discrimination Reduction Strategy</a:t>
            </a:r>
          </a:p>
        </p:txBody>
      </p:sp>
      <p:sp>
        <p:nvSpPr>
          <p:cNvPr id="12" name="TextBox 11">
            <a:extLst>
              <a:ext uri="{FF2B5EF4-FFF2-40B4-BE49-F238E27FC236}">
                <a16:creationId xmlns:a16="http://schemas.microsoft.com/office/drawing/2014/main" id="{09D73B82-084B-9AB6-DBD5-ACA12080B43D}"/>
              </a:ext>
            </a:extLst>
          </p:cNvPr>
          <p:cNvSpPr txBox="1"/>
          <p:nvPr/>
        </p:nvSpPr>
        <p:spPr>
          <a:xfrm>
            <a:off x="1633781" y="4356605"/>
            <a:ext cx="4352491" cy="694800"/>
          </a:xfrm>
          <a:prstGeom prst="rect">
            <a:avLst/>
          </a:prstGeom>
          <a:solidFill>
            <a:schemeClr val="accent4">
              <a:lumMod val="20000"/>
              <a:lumOff val="80000"/>
            </a:schemeClr>
          </a:solidFill>
        </p:spPr>
        <p:txBody>
          <a:bodyPr wrap="square" lIns="216000" rtlCol="0" anchor="ctr" anchorCtr="0">
            <a:noAutofit/>
          </a:bodyPr>
          <a:lstStyle/>
          <a:p>
            <a:pPr algn="l">
              <a:spcAft>
                <a:spcPts val="450"/>
              </a:spcAft>
            </a:pPr>
            <a:r>
              <a:rPr lang="en-US" sz="1600">
                <a:latin typeface="+mj-lt"/>
                <a:cs typeface="Arial" panose="020B0604020202020204" pitchFamily="34" charset="0"/>
              </a:rPr>
              <a:t>Revise and public guidelines on regional planning and commissioning</a:t>
            </a:r>
          </a:p>
        </p:txBody>
      </p:sp>
      <p:sp>
        <p:nvSpPr>
          <p:cNvPr id="29" name="TextBox 28">
            <a:extLst>
              <a:ext uri="{FF2B5EF4-FFF2-40B4-BE49-F238E27FC236}">
                <a16:creationId xmlns:a16="http://schemas.microsoft.com/office/drawing/2014/main" id="{CA93C475-BE3E-2CAF-328B-AE50D805F7CD}"/>
              </a:ext>
            </a:extLst>
          </p:cNvPr>
          <p:cNvSpPr txBox="1"/>
          <p:nvPr/>
        </p:nvSpPr>
        <p:spPr>
          <a:xfrm>
            <a:off x="1633781" y="5205972"/>
            <a:ext cx="4352491" cy="694800"/>
          </a:xfrm>
          <a:prstGeom prst="rect">
            <a:avLst/>
          </a:prstGeom>
          <a:solidFill>
            <a:schemeClr val="accent4">
              <a:lumMod val="20000"/>
              <a:lumOff val="80000"/>
            </a:schemeClr>
          </a:solidFill>
        </p:spPr>
        <p:txBody>
          <a:bodyPr wrap="square" lIns="216000" rtlCol="0" anchor="ctr" anchorCtr="0">
            <a:noAutofit/>
          </a:bodyPr>
          <a:lstStyle/>
          <a:p>
            <a:pPr algn="l">
              <a:spcAft>
                <a:spcPts val="450"/>
              </a:spcAft>
            </a:pPr>
            <a:r>
              <a:rPr lang="en-US" sz="1600">
                <a:latin typeface="+mj-lt"/>
                <a:cs typeface="Arial" panose="020B0604020202020204" pitchFamily="34" charset="0"/>
              </a:rPr>
              <a:t>Reinvigorate the National Mental Health Commission </a:t>
            </a:r>
          </a:p>
        </p:txBody>
      </p:sp>
      <p:sp>
        <p:nvSpPr>
          <p:cNvPr id="37" name="TextBox 36">
            <a:extLst>
              <a:ext uri="{FF2B5EF4-FFF2-40B4-BE49-F238E27FC236}">
                <a16:creationId xmlns:a16="http://schemas.microsoft.com/office/drawing/2014/main" id="{A617DB1F-F76B-0ADB-BCF8-B8B54FA7A842}"/>
              </a:ext>
            </a:extLst>
          </p:cNvPr>
          <p:cNvSpPr txBox="1"/>
          <p:nvPr/>
        </p:nvSpPr>
        <p:spPr>
          <a:xfrm>
            <a:off x="7205471" y="2705096"/>
            <a:ext cx="4348697" cy="694800"/>
          </a:xfrm>
          <a:prstGeom prst="rect">
            <a:avLst/>
          </a:prstGeom>
          <a:solidFill>
            <a:schemeClr val="accent2">
              <a:lumMod val="20000"/>
              <a:lumOff val="80000"/>
            </a:schemeClr>
          </a:solidFill>
          <a:ln>
            <a:noFill/>
          </a:ln>
        </p:spPr>
        <p:txBody>
          <a:bodyPr wrap="square" lIns="216000" rtlCol="0" anchor="ctr" anchorCtr="0">
            <a:noAutofit/>
          </a:bodyPr>
          <a:lstStyle/>
          <a:p>
            <a:pPr>
              <a:spcAft>
                <a:spcPts val="450"/>
              </a:spcAft>
            </a:pPr>
            <a:r>
              <a:rPr lang="en-US" sz="1600">
                <a:latin typeface="+mj-lt"/>
                <a:cs typeface="Arial" panose="020B0604020202020204" pitchFamily="34" charset="0"/>
              </a:rPr>
              <a:t>Establish a long-term vision </a:t>
            </a:r>
            <a:br>
              <a:rPr lang="en-US" sz="1600">
                <a:latin typeface="+mj-lt"/>
                <a:cs typeface="Arial" panose="020B0604020202020204" pitchFamily="34" charset="0"/>
              </a:rPr>
            </a:br>
            <a:r>
              <a:rPr lang="en-US" sz="1600">
                <a:latin typeface="+mj-lt"/>
                <a:cs typeface="Arial" panose="020B0604020202020204" pitchFamily="34" charset="0"/>
              </a:rPr>
              <a:t>through a Mental Health Declaration</a:t>
            </a:r>
          </a:p>
        </p:txBody>
      </p:sp>
      <p:sp>
        <p:nvSpPr>
          <p:cNvPr id="38" name="TextBox 37">
            <a:extLst>
              <a:ext uri="{FF2B5EF4-FFF2-40B4-BE49-F238E27FC236}">
                <a16:creationId xmlns:a16="http://schemas.microsoft.com/office/drawing/2014/main" id="{1C9BC6A8-8C93-B7E3-2DAD-8A944D908C31}"/>
              </a:ext>
            </a:extLst>
          </p:cNvPr>
          <p:cNvSpPr txBox="1"/>
          <p:nvPr/>
        </p:nvSpPr>
        <p:spPr>
          <a:xfrm>
            <a:off x="7205471" y="3527545"/>
            <a:ext cx="4348699" cy="693135"/>
          </a:xfrm>
          <a:prstGeom prst="rect">
            <a:avLst/>
          </a:prstGeom>
          <a:solidFill>
            <a:schemeClr val="accent2">
              <a:lumMod val="20000"/>
              <a:lumOff val="80000"/>
            </a:schemeClr>
          </a:solidFill>
        </p:spPr>
        <p:txBody>
          <a:bodyPr wrap="square" lIns="216000" rtlCol="0" anchor="ctr" anchorCtr="0">
            <a:noAutofit/>
          </a:bodyPr>
          <a:lstStyle/>
          <a:p>
            <a:pPr>
              <a:spcAft>
                <a:spcPts val="450"/>
              </a:spcAft>
            </a:pPr>
            <a:r>
              <a:rPr lang="en-US" sz="1600">
                <a:latin typeface="+mj-lt"/>
                <a:cs typeface="Arial" panose="020B0604020202020204" pitchFamily="34" charset="0"/>
              </a:rPr>
              <a:t>Extend the Agreement by 12 months to enable genuine co-design</a:t>
            </a:r>
          </a:p>
        </p:txBody>
      </p:sp>
      <p:sp>
        <p:nvSpPr>
          <p:cNvPr id="39" name="TextBox 38">
            <a:extLst>
              <a:ext uri="{FF2B5EF4-FFF2-40B4-BE49-F238E27FC236}">
                <a16:creationId xmlns:a16="http://schemas.microsoft.com/office/drawing/2014/main" id="{30F64CF5-29AB-769E-72C3-87942F799B79}"/>
              </a:ext>
            </a:extLst>
          </p:cNvPr>
          <p:cNvSpPr txBox="1"/>
          <p:nvPr/>
        </p:nvSpPr>
        <p:spPr>
          <a:xfrm>
            <a:off x="7205471" y="4348329"/>
            <a:ext cx="4348699" cy="694800"/>
          </a:xfrm>
          <a:prstGeom prst="rect">
            <a:avLst/>
          </a:prstGeom>
          <a:solidFill>
            <a:schemeClr val="accent2">
              <a:lumMod val="20000"/>
              <a:lumOff val="80000"/>
            </a:schemeClr>
          </a:solidFill>
        </p:spPr>
        <p:txBody>
          <a:bodyPr wrap="square" lIns="216000" rtlCol="0" anchor="ctr" anchorCtr="0">
            <a:noAutofit/>
          </a:bodyPr>
          <a:lstStyle/>
          <a:p>
            <a:pPr algn="l">
              <a:spcAft>
                <a:spcPts val="450"/>
              </a:spcAft>
            </a:pPr>
            <a:r>
              <a:rPr lang="en-US" sz="1600" dirty="0">
                <a:latin typeface="+mj-lt"/>
                <a:cs typeface="Arial" panose="020B0604020202020204" pitchFamily="34" charset="0"/>
              </a:rPr>
              <a:t>Redesign governance arrangements to strengthen accountability and reporting</a:t>
            </a:r>
          </a:p>
        </p:txBody>
      </p:sp>
      <p:sp>
        <p:nvSpPr>
          <p:cNvPr id="40" name="TextBox 39">
            <a:extLst>
              <a:ext uri="{FF2B5EF4-FFF2-40B4-BE49-F238E27FC236}">
                <a16:creationId xmlns:a16="http://schemas.microsoft.com/office/drawing/2014/main" id="{A4E82133-CF73-CBD8-E6D0-D6F53F43DFAE}"/>
              </a:ext>
            </a:extLst>
          </p:cNvPr>
          <p:cNvSpPr txBox="1"/>
          <p:nvPr/>
        </p:nvSpPr>
        <p:spPr>
          <a:xfrm>
            <a:off x="7205471" y="5170778"/>
            <a:ext cx="4348699" cy="694800"/>
          </a:xfrm>
          <a:prstGeom prst="rect">
            <a:avLst/>
          </a:prstGeom>
          <a:solidFill>
            <a:schemeClr val="accent2">
              <a:lumMod val="20000"/>
              <a:lumOff val="80000"/>
            </a:schemeClr>
          </a:solidFill>
        </p:spPr>
        <p:txBody>
          <a:bodyPr wrap="square" lIns="216000" rtlCol="0" anchor="ctr" anchorCtr="0">
            <a:noAutofit/>
          </a:bodyPr>
          <a:lstStyle/>
          <a:p>
            <a:pPr algn="l">
              <a:spcAft>
                <a:spcPts val="450"/>
              </a:spcAft>
            </a:pPr>
            <a:r>
              <a:rPr lang="en-US" sz="1600">
                <a:latin typeface="+mj-lt"/>
                <a:cs typeface="Arial" panose="020B0604020202020204" pitchFamily="34" charset="0"/>
              </a:rPr>
              <a:t>Dedicated schedules on services to First Nations people; suicide prevention; </a:t>
            </a:r>
            <a:r>
              <a:rPr lang="en-US" sz="1600" err="1">
                <a:latin typeface="+mj-lt"/>
                <a:cs typeface="Arial" panose="020B0604020202020204" pitchFamily="34" charset="0"/>
              </a:rPr>
              <a:t>AoD</a:t>
            </a:r>
            <a:endParaRPr lang="en-US" sz="1600">
              <a:latin typeface="+mj-lt"/>
              <a:cs typeface="Arial" panose="020B0604020202020204" pitchFamily="34" charset="0"/>
            </a:endParaRPr>
          </a:p>
        </p:txBody>
      </p:sp>
      <p:grpSp>
        <p:nvGrpSpPr>
          <p:cNvPr id="167" name="Group 166">
            <a:extLst>
              <a:ext uri="{FF2B5EF4-FFF2-40B4-BE49-F238E27FC236}">
                <a16:creationId xmlns:a16="http://schemas.microsoft.com/office/drawing/2014/main" id="{4E59010C-9374-06C5-7C79-92F0D460135A}"/>
              </a:ext>
            </a:extLst>
          </p:cNvPr>
          <p:cNvGrpSpPr/>
          <p:nvPr/>
        </p:nvGrpSpPr>
        <p:grpSpPr>
          <a:xfrm>
            <a:off x="6207494" y="5170778"/>
            <a:ext cx="924825" cy="694800"/>
            <a:chOff x="6390374" y="5003352"/>
            <a:chExt cx="924825" cy="694800"/>
          </a:xfrm>
        </p:grpSpPr>
        <p:sp>
          <p:nvSpPr>
            <p:cNvPr id="166" name="Rectangle 165">
              <a:extLst>
                <a:ext uri="{FF2B5EF4-FFF2-40B4-BE49-F238E27FC236}">
                  <a16:creationId xmlns:a16="http://schemas.microsoft.com/office/drawing/2014/main" id="{184BE368-CDD9-819E-EE1D-77AAAFDEE521}"/>
                </a:ext>
              </a:extLst>
            </p:cNvPr>
            <p:cNvSpPr>
              <a:spLocks/>
            </p:cNvSpPr>
            <p:nvPr/>
          </p:nvSpPr>
          <p:spPr>
            <a:xfrm>
              <a:off x="6390374" y="5003352"/>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96" name="Group 95">
              <a:extLst>
                <a:ext uri="{FF2B5EF4-FFF2-40B4-BE49-F238E27FC236}">
                  <a16:creationId xmlns:a16="http://schemas.microsoft.com/office/drawing/2014/main" id="{26A49CA5-06F0-5641-C060-5F8AEA5D7E51}"/>
                </a:ext>
              </a:extLst>
            </p:cNvPr>
            <p:cNvGrpSpPr/>
            <p:nvPr/>
          </p:nvGrpSpPr>
          <p:grpSpPr>
            <a:xfrm>
              <a:off x="6566505" y="5072220"/>
              <a:ext cx="557444" cy="557064"/>
              <a:chOff x="1104900" y="3231294"/>
              <a:chExt cx="419385" cy="419099"/>
            </a:xfrm>
          </p:grpSpPr>
          <p:sp>
            <p:nvSpPr>
              <p:cNvPr id="97" name="Freeform: Shape 2">
                <a:extLst>
                  <a:ext uri="{FF2B5EF4-FFF2-40B4-BE49-F238E27FC236}">
                    <a16:creationId xmlns:a16="http://schemas.microsoft.com/office/drawing/2014/main" id="{13B5AAF4-8108-B5AC-070B-AF49F63157A2}"/>
                  </a:ext>
                </a:extLst>
              </p:cNvPr>
              <p:cNvSpPr/>
              <p:nvPr/>
            </p:nvSpPr>
            <p:spPr>
              <a:xfrm>
                <a:off x="1114901" y="3297967"/>
                <a:ext cx="291750" cy="338709"/>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98" name="Freeform: Shape 3">
                <a:extLst>
                  <a:ext uri="{FF2B5EF4-FFF2-40B4-BE49-F238E27FC236}">
                    <a16:creationId xmlns:a16="http://schemas.microsoft.com/office/drawing/2014/main" id="{4CF9018A-0B55-5708-3526-4354B501FA84}"/>
                  </a:ext>
                </a:extLst>
              </p:cNvPr>
              <p:cNvSpPr/>
              <p:nvPr/>
            </p:nvSpPr>
            <p:spPr>
              <a:xfrm>
                <a:off x="1172051" y="3246723"/>
                <a:ext cx="182117" cy="70008"/>
              </a:xfrm>
              <a:custGeom>
                <a:avLst/>
                <a:gdLst>
                  <a:gd name="connsiteX0" fmla="*/ 119634 w 182117"/>
                  <a:gd name="connsiteY0" fmla="*/ 22098 h 70008"/>
                  <a:gd name="connsiteX1" fmla="*/ 119634 w 182117"/>
                  <a:gd name="connsiteY1" fmla="*/ 0 h 70008"/>
                  <a:gd name="connsiteX2" fmla="*/ 59150 w 182117"/>
                  <a:gd name="connsiteY2" fmla="*/ 0 h 70008"/>
                  <a:gd name="connsiteX3" fmla="*/ 59150 w 182117"/>
                  <a:gd name="connsiteY3" fmla="*/ 22098 h 70008"/>
                  <a:gd name="connsiteX4" fmla="*/ 0 w 182117"/>
                  <a:gd name="connsiteY4" fmla="*/ 22098 h 70008"/>
                  <a:gd name="connsiteX5" fmla="*/ 0 w 182117"/>
                  <a:gd name="connsiteY5" fmla="*/ 70009 h 70008"/>
                  <a:gd name="connsiteX6" fmla="*/ 182118 w 182117"/>
                  <a:gd name="connsiteY6" fmla="*/ 70009 h 70008"/>
                  <a:gd name="connsiteX7" fmla="*/ 182118 w 182117"/>
                  <a:gd name="connsiteY7" fmla="*/ 22098 h 70008"/>
                  <a:gd name="connsiteX8" fmla="*/ 119634 w 182117"/>
                  <a:gd name="connsiteY8" fmla="*/ 22098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117" h="70008">
                    <a:moveTo>
                      <a:pt x="119634" y="22098"/>
                    </a:moveTo>
                    <a:lnTo>
                      <a:pt x="119634" y="0"/>
                    </a:lnTo>
                    <a:lnTo>
                      <a:pt x="59150" y="0"/>
                    </a:lnTo>
                    <a:lnTo>
                      <a:pt x="59150" y="22098"/>
                    </a:lnTo>
                    <a:lnTo>
                      <a:pt x="0" y="22098"/>
                    </a:lnTo>
                    <a:lnTo>
                      <a:pt x="0" y="70009"/>
                    </a:lnTo>
                    <a:lnTo>
                      <a:pt x="182118" y="70009"/>
                    </a:lnTo>
                    <a:lnTo>
                      <a:pt x="182118" y="22098"/>
                    </a:lnTo>
                    <a:lnTo>
                      <a:pt x="119634" y="22098"/>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99" name="Freeform: Shape 4">
                <a:extLst>
                  <a:ext uri="{FF2B5EF4-FFF2-40B4-BE49-F238E27FC236}">
                    <a16:creationId xmlns:a16="http://schemas.microsoft.com/office/drawing/2014/main" id="{256D7329-3F7E-CBF9-399B-2015BE46E34B}"/>
                  </a:ext>
                </a:extLst>
              </p:cNvPr>
              <p:cNvSpPr/>
              <p:nvPr/>
            </p:nvSpPr>
            <p:spPr>
              <a:xfrm>
                <a:off x="1464945" y="3335496"/>
                <a:ext cx="51244" cy="221456"/>
              </a:xfrm>
              <a:custGeom>
                <a:avLst/>
                <a:gdLst>
                  <a:gd name="connsiteX0" fmla="*/ 0 w 51244"/>
                  <a:gd name="connsiteY0" fmla="*/ 0 h 221456"/>
                  <a:gd name="connsiteX1" fmla="*/ 51245 w 51244"/>
                  <a:gd name="connsiteY1" fmla="*/ 0 h 221456"/>
                  <a:gd name="connsiteX2" fmla="*/ 51245 w 51244"/>
                  <a:gd name="connsiteY2" fmla="*/ 221456 h 221456"/>
                  <a:gd name="connsiteX3" fmla="*/ 0 w 51244"/>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244" h="221456">
                    <a:moveTo>
                      <a:pt x="0" y="0"/>
                    </a:moveTo>
                    <a:lnTo>
                      <a:pt x="51245" y="0"/>
                    </a:lnTo>
                    <a:lnTo>
                      <a:pt x="51245" y="221456"/>
                    </a:lnTo>
                    <a:lnTo>
                      <a:pt x="0" y="221456"/>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0" name="Freeform: Shape 5">
                <a:extLst>
                  <a:ext uri="{FF2B5EF4-FFF2-40B4-BE49-F238E27FC236}">
                    <a16:creationId xmlns:a16="http://schemas.microsoft.com/office/drawing/2014/main" id="{946F6001-70B2-242C-754A-E60346863F52}"/>
                  </a:ext>
                </a:extLst>
              </p:cNvPr>
              <p:cNvSpPr/>
              <p:nvPr/>
            </p:nvSpPr>
            <p:spPr>
              <a:xfrm>
                <a:off x="1104900" y="3231294"/>
                <a:ext cx="312420" cy="419099"/>
              </a:xfrm>
              <a:custGeom>
                <a:avLst/>
                <a:gdLst>
                  <a:gd name="connsiteX0" fmla="*/ 22670 w 312420"/>
                  <a:gd name="connsiteY0" fmla="*/ 419098 h 419099"/>
                  <a:gd name="connsiteX1" fmla="*/ 2 w 312420"/>
                  <a:gd name="connsiteY1" fmla="*/ 397000 h 419099"/>
                  <a:gd name="connsiteX2" fmla="*/ 0 w 312420"/>
                  <a:gd name="connsiteY2" fmla="*/ 396809 h 419099"/>
                  <a:gd name="connsiteX3" fmla="*/ 0 w 312420"/>
                  <a:gd name="connsiteY3" fmla="*/ 75912 h 419099"/>
                  <a:gd name="connsiteX4" fmla="*/ 22384 w 312420"/>
                  <a:gd name="connsiteY4" fmla="*/ 53528 h 419099"/>
                  <a:gd name="connsiteX5" fmla="*/ 49149 w 312420"/>
                  <a:gd name="connsiteY5" fmla="*/ 53528 h 419099"/>
                  <a:gd name="connsiteX6" fmla="*/ 53530 w 312420"/>
                  <a:gd name="connsiteY6" fmla="*/ 49147 h 419099"/>
                  <a:gd name="connsiteX7" fmla="*/ 53530 w 312420"/>
                  <a:gd name="connsiteY7" fmla="*/ 35812 h 419099"/>
                  <a:gd name="connsiteX8" fmla="*/ 62484 w 312420"/>
                  <a:gd name="connsiteY8" fmla="*/ 26763 h 419099"/>
                  <a:gd name="connsiteX9" fmla="*/ 110109 w 312420"/>
                  <a:gd name="connsiteY9" fmla="*/ 26763 h 419099"/>
                  <a:gd name="connsiteX10" fmla="*/ 113919 w 312420"/>
                  <a:gd name="connsiteY10" fmla="*/ 24572 h 419099"/>
                  <a:gd name="connsiteX11" fmla="*/ 180460 w 312420"/>
                  <a:gd name="connsiteY11" fmla="*/ 6437 h 419099"/>
                  <a:gd name="connsiteX12" fmla="*/ 198596 w 312420"/>
                  <a:gd name="connsiteY12" fmla="*/ 24572 h 419099"/>
                  <a:gd name="connsiteX13" fmla="*/ 202406 w 312420"/>
                  <a:gd name="connsiteY13" fmla="*/ 26763 h 419099"/>
                  <a:gd name="connsiteX14" fmla="*/ 250031 w 312420"/>
                  <a:gd name="connsiteY14" fmla="*/ 26763 h 419099"/>
                  <a:gd name="connsiteX15" fmla="*/ 258985 w 312420"/>
                  <a:gd name="connsiteY15" fmla="*/ 35812 h 419099"/>
                  <a:gd name="connsiteX16" fmla="*/ 258985 w 312420"/>
                  <a:gd name="connsiteY16" fmla="*/ 49147 h 419099"/>
                  <a:gd name="connsiteX17" fmla="*/ 263366 w 312420"/>
                  <a:gd name="connsiteY17" fmla="*/ 53528 h 419099"/>
                  <a:gd name="connsiteX18" fmla="*/ 290132 w 312420"/>
                  <a:gd name="connsiteY18" fmla="*/ 53528 h 419099"/>
                  <a:gd name="connsiteX19" fmla="*/ 312420 w 312420"/>
                  <a:gd name="connsiteY19" fmla="*/ 75912 h 419099"/>
                  <a:gd name="connsiteX20" fmla="*/ 312420 w 312420"/>
                  <a:gd name="connsiteY20" fmla="*/ 396809 h 419099"/>
                  <a:gd name="connsiteX21" fmla="*/ 290132 w 312420"/>
                  <a:gd name="connsiteY21" fmla="*/ 419098 h 419099"/>
                  <a:gd name="connsiteX22" fmla="*/ 22670 w 312420"/>
                  <a:gd name="connsiteY22" fmla="*/ 71531 h 419099"/>
                  <a:gd name="connsiteX23" fmla="*/ 18288 w 312420"/>
                  <a:gd name="connsiteY23" fmla="*/ 75912 h 419099"/>
                  <a:gd name="connsiteX24" fmla="*/ 18288 w 312420"/>
                  <a:gd name="connsiteY24" fmla="*/ 396809 h 419099"/>
                  <a:gd name="connsiteX25" fmla="*/ 22670 w 312420"/>
                  <a:gd name="connsiteY25" fmla="*/ 401191 h 419099"/>
                  <a:gd name="connsiteX26" fmla="*/ 290132 w 312420"/>
                  <a:gd name="connsiteY26" fmla="*/ 401191 h 419099"/>
                  <a:gd name="connsiteX27" fmla="*/ 294513 w 312420"/>
                  <a:gd name="connsiteY27" fmla="*/ 396809 h 419099"/>
                  <a:gd name="connsiteX28" fmla="*/ 294513 w 312420"/>
                  <a:gd name="connsiteY28" fmla="*/ 75912 h 419099"/>
                  <a:gd name="connsiteX29" fmla="*/ 290132 w 312420"/>
                  <a:gd name="connsiteY29" fmla="*/ 71531 h 419099"/>
                  <a:gd name="connsiteX30" fmla="*/ 263366 w 312420"/>
                  <a:gd name="connsiteY30" fmla="*/ 71531 h 419099"/>
                  <a:gd name="connsiteX31" fmla="*/ 258985 w 312420"/>
                  <a:gd name="connsiteY31" fmla="*/ 75912 h 419099"/>
                  <a:gd name="connsiteX32" fmla="*/ 258985 w 312420"/>
                  <a:gd name="connsiteY32" fmla="*/ 89247 h 419099"/>
                  <a:gd name="connsiteX33" fmla="*/ 250031 w 312420"/>
                  <a:gd name="connsiteY33" fmla="*/ 98201 h 419099"/>
                  <a:gd name="connsiteX34" fmla="*/ 62770 w 312420"/>
                  <a:gd name="connsiteY34" fmla="*/ 98201 h 419099"/>
                  <a:gd name="connsiteX35" fmla="*/ 53816 w 312420"/>
                  <a:gd name="connsiteY35" fmla="*/ 89247 h 419099"/>
                  <a:gd name="connsiteX36" fmla="*/ 53816 w 312420"/>
                  <a:gd name="connsiteY36" fmla="*/ 75912 h 419099"/>
                  <a:gd name="connsiteX37" fmla="*/ 49435 w 312420"/>
                  <a:gd name="connsiteY37" fmla="*/ 71531 h 419099"/>
                  <a:gd name="connsiteX38" fmla="*/ 76200 w 312420"/>
                  <a:gd name="connsiteY38" fmla="*/ 44765 h 419099"/>
                  <a:gd name="connsiteX39" fmla="*/ 71819 w 312420"/>
                  <a:gd name="connsiteY39" fmla="*/ 48956 h 419099"/>
                  <a:gd name="connsiteX40" fmla="*/ 71819 w 312420"/>
                  <a:gd name="connsiteY40" fmla="*/ 49147 h 419099"/>
                  <a:gd name="connsiteX41" fmla="*/ 71819 w 312420"/>
                  <a:gd name="connsiteY41" fmla="*/ 75912 h 419099"/>
                  <a:gd name="connsiteX42" fmla="*/ 76200 w 312420"/>
                  <a:gd name="connsiteY42" fmla="*/ 80294 h 419099"/>
                  <a:gd name="connsiteX43" fmla="*/ 236601 w 312420"/>
                  <a:gd name="connsiteY43" fmla="*/ 80294 h 419099"/>
                  <a:gd name="connsiteX44" fmla="*/ 240983 w 312420"/>
                  <a:gd name="connsiteY44" fmla="*/ 75912 h 419099"/>
                  <a:gd name="connsiteX45" fmla="*/ 240983 w 312420"/>
                  <a:gd name="connsiteY45" fmla="*/ 49147 h 419099"/>
                  <a:gd name="connsiteX46" fmla="*/ 236793 w 312420"/>
                  <a:gd name="connsiteY46" fmla="*/ 44765 h 419099"/>
                  <a:gd name="connsiteX47" fmla="*/ 236601 w 312420"/>
                  <a:gd name="connsiteY47" fmla="*/ 44765 h 419099"/>
                  <a:gd name="connsiteX48" fmla="*/ 194024 w 312420"/>
                  <a:gd name="connsiteY48" fmla="*/ 44765 h 419099"/>
                  <a:gd name="connsiteX49" fmla="*/ 185547 w 312420"/>
                  <a:gd name="connsiteY49" fmla="*/ 38764 h 419099"/>
                  <a:gd name="connsiteX50" fmla="*/ 146348 w 312420"/>
                  <a:gd name="connsiteY50" fmla="*/ 19572 h 419099"/>
                  <a:gd name="connsiteX51" fmla="*/ 127159 w 312420"/>
                  <a:gd name="connsiteY51" fmla="*/ 38764 h 419099"/>
                  <a:gd name="connsiteX52" fmla="*/ 118777 w 312420"/>
                  <a:gd name="connsiteY52" fmla="*/ 44765 h 419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420" h="419099">
                    <a:moveTo>
                      <a:pt x="22670" y="419098"/>
                    </a:moveTo>
                    <a:cubicBezTo>
                      <a:pt x="10308" y="419260"/>
                      <a:pt x="160" y="409363"/>
                      <a:pt x="2" y="397000"/>
                    </a:cubicBezTo>
                    <a:cubicBezTo>
                      <a:pt x="1" y="396933"/>
                      <a:pt x="0" y="396876"/>
                      <a:pt x="0" y="396809"/>
                    </a:cubicBezTo>
                    <a:lnTo>
                      <a:pt x="0" y="75912"/>
                    </a:lnTo>
                    <a:cubicBezTo>
                      <a:pt x="0" y="63549"/>
                      <a:pt x="10021" y="53528"/>
                      <a:pt x="22384" y="53528"/>
                    </a:cubicBezTo>
                    <a:lnTo>
                      <a:pt x="49149" y="53528"/>
                    </a:lnTo>
                    <a:cubicBezTo>
                      <a:pt x="51547" y="53481"/>
                      <a:pt x="53480" y="51547"/>
                      <a:pt x="53530" y="49147"/>
                    </a:cubicBezTo>
                    <a:lnTo>
                      <a:pt x="53530" y="35812"/>
                    </a:lnTo>
                    <a:cubicBezTo>
                      <a:pt x="53766" y="30954"/>
                      <a:pt x="57626" y="27049"/>
                      <a:pt x="62484" y="26763"/>
                    </a:cubicBezTo>
                    <a:lnTo>
                      <a:pt x="110109" y="26763"/>
                    </a:lnTo>
                    <a:cubicBezTo>
                      <a:pt x="111680" y="26772"/>
                      <a:pt x="113133" y="25934"/>
                      <a:pt x="113919" y="24572"/>
                    </a:cubicBezTo>
                    <a:cubicBezTo>
                      <a:pt x="127285" y="1188"/>
                      <a:pt x="157077" y="-6927"/>
                      <a:pt x="180460" y="6437"/>
                    </a:cubicBezTo>
                    <a:cubicBezTo>
                      <a:pt x="188016" y="10752"/>
                      <a:pt x="194278" y="17019"/>
                      <a:pt x="198596" y="24572"/>
                    </a:cubicBezTo>
                    <a:cubicBezTo>
                      <a:pt x="199409" y="25906"/>
                      <a:pt x="200845" y="26734"/>
                      <a:pt x="202406" y="26763"/>
                    </a:cubicBezTo>
                    <a:lnTo>
                      <a:pt x="250031" y="26763"/>
                    </a:lnTo>
                    <a:cubicBezTo>
                      <a:pt x="254889" y="27049"/>
                      <a:pt x="258749" y="30954"/>
                      <a:pt x="258985" y="35812"/>
                    </a:cubicBezTo>
                    <a:lnTo>
                      <a:pt x="258985" y="49147"/>
                    </a:lnTo>
                    <a:cubicBezTo>
                      <a:pt x="259035" y="51547"/>
                      <a:pt x="260968" y="53481"/>
                      <a:pt x="263366" y="53528"/>
                    </a:cubicBezTo>
                    <a:lnTo>
                      <a:pt x="290132" y="53528"/>
                    </a:lnTo>
                    <a:cubicBezTo>
                      <a:pt x="302457" y="53585"/>
                      <a:pt x="312420" y="63587"/>
                      <a:pt x="312420" y="75912"/>
                    </a:cubicBezTo>
                    <a:lnTo>
                      <a:pt x="312420" y="396809"/>
                    </a:lnTo>
                    <a:cubicBezTo>
                      <a:pt x="312420" y="409116"/>
                      <a:pt x="302441" y="419098"/>
                      <a:pt x="290132" y="419098"/>
                    </a:cubicBezTo>
                    <a:close/>
                    <a:moveTo>
                      <a:pt x="22670" y="71531"/>
                    </a:moveTo>
                    <a:cubicBezTo>
                      <a:pt x="20249" y="71531"/>
                      <a:pt x="18288" y="73493"/>
                      <a:pt x="18288" y="75912"/>
                    </a:cubicBezTo>
                    <a:lnTo>
                      <a:pt x="18288" y="396809"/>
                    </a:lnTo>
                    <a:cubicBezTo>
                      <a:pt x="18338" y="399210"/>
                      <a:pt x="20271" y="401143"/>
                      <a:pt x="22670" y="401191"/>
                    </a:cubicBezTo>
                    <a:lnTo>
                      <a:pt x="290132" y="401191"/>
                    </a:lnTo>
                    <a:cubicBezTo>
                      <a:pt x="292530" y="401143"/>
                      <a:pt x="294463" y="399210"/>
                      <a:pt x="294513" y="396809"/>
                    </a:cubicBezTo>
                    <a:lnTo>
                      <a:pt x="294513" y="75912"/>
                    </a:lnTo>
                    <a:cubicBezTo>
                      <a:pt x="294513" y="73493"/>
                      <a:pt x="292552" y="71531"/>
                      <a:pt x="290132" y="71531"/>
                    </a:cubicBezTo>
                    <a:lnTo>
                      <a:pt x="263366" y="71531"/>
                    </a:lnTo>
                    <a:cubicBezTo>
                      <a:pt x="260947" y="71531"/>
                      <a:pt x="258985" y="73493"/>
                      <a:pt x="258985" y="75912"/>
                    </a:cubicBezTo>
                    <a:lnTo>
                      <a:pt x="258985" y="89247"/>
                    </a:lnTo>
                    <a:cubicBezTo>
                      <a:pt x="258985" y="94190"/>
                      <a:pt x="254976" y="98201"/>
                      <a:pt x="250031" y="98201"/>
                    </a:cubicBezTo>
                    <a:lnTo>
                      <a:pt x="62770" y="98201"/>
                    </a:lnTo>
                    <a:cubicBezTo>
                      <a:pt x="57825" y="98201"/>
                      <a:pt x="53816" y="94190"/>
                      <a:pt x="53816" y="89247"/>
                    </a:cubicBezTo>
                    <a:lnTo>
                      <a:pt x="53816" y="75912"/>
                    </a:lnTo>
                    <a:cubicBezTo>
                      <a:pt x="53816" y="73493"/>
                      <a:pt x="51855" y="71531"/>
                      <a:pt x="49435" y="71531"/>
                    </a:cubicBezTo>
                    <a:close/>
                    <a:moveTo>
                      <a:pt x="76200" y="44765"/>
                    </a:moveTo>
                    <a:cubicBezTo>
                      <a:pt x="73833" y="44708"/>
                      <a:pt x="71872" y="46585"/>
                      <a:pt x="71819" y="48956"/>
                    </a:cubicBezTo>
                    <a:cubicBezTo>
                      <a:pt x="71817" y="49023"/>
                      <a:pt x="71817" y="49080"/>
                      <a:pt x="71819" y="49147"/>
                    </a:cubicBezTo>
                    <a:lnTo>
                      <a:pt x="71819" y="75912"/>
                    </a:lnTo>
                    <a:cubicBezTo>
                      <a:pt x="71819" y="78331"/>
                      <a:pt x="73780" y="80294"/>
                      <a:pt x="76200" y="80294"/>
                    </a:cubicBezTo>
                    <a:lnTo>
                      <a:pt x="236601" y="80294"/>
                    </a:lnTo>
                    <a:cubicBezTo>
                      <a:pt x="239020" y="80294"/>
                      <a:pt x="240983" y="78331"/>
                      <a:pt x="240983" y="75912"/>
                    </a:cubicBezTo>
                    <a:lnTo>
                      <a:pt x="240983" y="49147"/>
                    </a:lnTo>
                    <a:cubicBezTo>
                      <a:pt x="241036" y="46785"/>
                      <a:pt x="239160" y="44822"/>
                      <a:pt x="236793" y="44765"/>
                    </a:cubicBezTo>
                    <a:cubicBezTo>
                      <a:pt x="236730" y="44765"/>
                      <a:pt x="236665" y="44765"/>
                      <a:pt x="236601" y="44765"/>
                    </a:cubicBezTo>
                    <a:lnTo>
                      <a:pt x="194024" y="44765"/>
                    </a:lnTo>
                    <a:cubicBezTo>
                      <a:pt x="190261" y="44613"/>
                      <a:pt x="186938" y="42270"/>
                      <a:pt x="185547" y="38764"/>
                    </a:cubicBezTo>
                    <a:cubicBezTo>
                      <a:pt x="180022" y="22639"/>
                      <a:pt x="162471" y="14047"/>
                      <a:pt x="146348" y="19572"/>
                    </a:cubicBezTo>
                    <a:cubicBezTo>
                      <a:pt x="137331" y="22667"/>
                      <a:pt x="130249" y="29744"/>
                      <a:pt x="127159" y="38764"/>
                    </a:cubicBezTo>
                    <a:cubicBezTo>
                      <a:pt x="125936" y="42355"/>
                      <a:pt x="122567" y="44765"/>
                      <a:pt x="118777" y="44765"/>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1" name="Freeform: Shape 6">
                <a:extLst>
                  <a:ext uri="{FF2B5EF4-FFF2-40B4-BE49-F238E27FC236}">
                    <a16:creationId xmlns:a16="http://schemas.microsoft.com/office/drawing/2014/main" id="{59DDF1F5-5669-8617-18EF-BEC9562044BF}"/>
                  </a:ext>
                </a:extLst>
              </p:cNvPr>
              <p:cNvSpPr/>
              <p:nvPr/>
            </p:nvSpPr>
            <p:spPr>
              <a:xfrm>
                <a:off x="1278089" y="3391738"/>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2" name="Freeform: Shape 7">
                <a:extLst>
                  <a:ext uri="{FF2B5EF4-FFF2-40B4-BE49-F238E27FC236}">
                    <a16:creationId xmlns:a16="http://schemas.microsoft.com/office/drawing/2014/main" id="{3343C434-B022-CE49-AB2B-C3C3FC004709}"/>
                  </a:ext>
                </a:extLst>
              </p:cNvPr>
              <p:cNvSpPr/>
              <p:nvPr/>
            </p:nvSpPr>
            <p:spPr>
              <a:xfrm>
                <a:off x="1278089" y="3471939"/>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3" name="Freeform: Shape 8">
                <a:extLst>
                  <a:ext uri="{FF2B5EF4-FFF2-40B4-BE49-F238E27FC236}">
                    <a16:creationId xmlns:a16="http://schemas.microsoft.com/office/drawing/2014/main" id="{74416797-AEA1-80FF-AD9F-734E7599C2AE}"/>
                  </a:ext>
                </a:extLst>
              </p:cNvPr>
              <p:cNvSpPr/>
              <p:nvPr/>
            </p:nvSpPr>
            <p:spPr>
              <a:xfrm>
                <a:off x="1279112" y="3552285"/>
                <a:ext cx="84581" cy="17907"/>
              </a:xfrm>
              <a:custGeom>
                <a:avLst/>
                <a:gdLst>
                  <a:gd name="connsiteX0" fmla="*/ 8954 w 84581"/>
                  <a:gd name="connsiteY0" fmla="*/ 17907 h 17907"/>
                  <a:gd name="connsiteX1" fmla="*/ 0 w 84581"/>
                  <a:gd name="connsiteY1" fmla="*/ 8954 h 17907"/>
                  <a:gd name="connsiteX2" fmla="*/ 8954 w 84581"/>
                  <a:gd name="connsiteY2" fmla="*/ 0 h 17907"/>
                  <a:gd name="connsiteX3" fmla="*/ 75629 w 84581"/>
                  <a:gd name="connsiteY3" fmla="*/ 0 h 17907"/>
                  <a:gd name="connsiteX4" fmla="*/ 84582 w 84581"/>
                  <a:gd name="connsiteY4" fmla="*/ 8954 h 17907"/>
                  <a:gd name="connsiteX5" fmla="*/ 75629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4" y="17907"/>
                    </a:moveTo>
                    <a:cubicBezTo>
                      <a:pt x="4009" y="17907"/>
                      <a:pt x="0" y="13897"/>
                      <a:pt x="0" y="8954"/>
                    </a:cubicBezTo>
                    <a:cubicBezTo>
                      <a:pt x="0" y="4010"/>
                      <a:pt x="4009" y="0"/>
                      <a:pt x="8954" y="0"/>
                    </a:cubicBezTo>
                    <a:lnTo>
                      <a:pt x="75629" y="0"/>
                    </a:lnTo>
                    <a:cubicBezTo>
                      <a:pt x="80574" y="0"/>
                      <a:pt x="84582" y="4010"/>
                      <a:pt x="84582" y="8954"/>
                    </a:cubicBezTo>
                    <a:cubicBezTo>
                      <a:pt x="84582" y="13897"/>
                      <a:pt x="80574" y="17907"/>
                      <a:pt x="75629" y="17907"/>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4" name="Freeform: Shape 9">
                <a:extLst>
                  <a:ext uri="{FF2B5EF4-FFF2-40B4-BE49-F238E27FC236}">
                    <a16:creationId xmlns:a16="http://schemas.microsoft.com/office/drawing/2014/main" id="{B490DDC3-EE85-5C99-B992-30B6A798E67D}"/>
                  </a:ext>
                </a:extLst>
              </p:cNvPr>
              <p:cNvSpPr/>
              <p:nvPr/>
            </p:nvSpPr>
            <p:spPr>
              <a:xfrm>
                <a:off x="1452372" y="3284823"/>
                <a:ext cx="71913" cy="365569"/>
              </a:xfrm>
              <a:custGeom>
                <a:avLst/>
                <a:gdLst>
                  <a:gd name="connsiteX0" fmla="*/ 36195 w 71913"/>
                  <a:gd name="connsiteY0" fmla="*/ 365570 h 365569"/>
                  <a:gd name="connsiteX1" fmla="*/ 27241 w 71913"/>
                  <a:gd name="connsiteY1" fmla="*/ 356616 h 365569"/>
                  <a:gd name="connsiteX2" fmla="*/ 27241 w 71913"/>
                  <a:gd name="connsiteY2" fmla="*/ 329851 h 365569"/>
                  <a:gd name="connsiteX3" fmla="*/ 22860 w 71913"/>
                  <a:gd name="connsiteY3" fmla="*/ 325469 h 365569"/>
                  <a:gd name="connsiteX4" fmla="*/ 13906 w 71913"/>
                  <a:gd name="connsiteY4" fmla="*/ 316516 h 365569"/>
                  <a:gd name="connsiteX5" fmla="*/ 13906 w 71913"/>
                  <a:gd name="connsiteY5" fmla="*/ 290227 h 365569"/>
                  <a:gd name="connsiteX6" fmla="*/ 9525 w 71913"/>
                  <a:gd name="connsiteY6" fmla="*/ 285845 h 365569"/>
                  <a:gd name="connsiteX7" fmla="*/ 0 w 71913"/>
                  <a:gd name="connsiteY7" fmla="*/ 276892 h 365569"/>
                  <a:gd name="connsiteX8" fmla="*/ 0 w 71913"/>
                  <a:gd name="connsiteY8" fmla="*/ 49054 h 365569"/>
                  <a:gd name="connsiteX9" fmla="*/ 9525 w 71913"/>
                  <a:gd name="connsiteY9" fmla="*/ 40100 h 365569"/>
                  <a:gd name="connsiteX10" fmla="*/ 13906 w 71913"/>
                  <a:gd name="connsiteY10" fmla="*/ 35719 h 365569"/>
                  <a:gd name="connsiteX11" fmla="*/ 13906 w 71913"/>
                  <a:gd name="connsiteY11" fmla="*/ 8954 h 365569"/>
                  <a:gd name="connsiteX12" fmla="*/ 22860 w 71913"/>
                  <a:gd name="connsiteY12" fmla="*/ 0 h 365569"/>
                  <a:gd name="connsiteX13" fmla="*/ 49625 w 71913"/>
                  <a:gd name="connsiteY13" fmla="*/ 0 h 365569"/>
                  <a:gd name="connsiteX14" fmla="*/ 58579 w 71913"/>
                  <a:gd name="connsiteY14" fmla="*/ 8954 h 365569"/>
                  <a:gd name="connsiteX15" fmla="*/ 58579 w 71913"/>
                  <a:gd name="connsiteY15" fmla="*/ 35719 h 365569"/>
                  <a:gd name="connsiteX16" fmla="*/ 62960 w 71913"/>
                  <a:gd name="connsiteY16" fmla="*/ 40100 h 365569"/>
                  <a:gd name="connsiteX17" fmla="*/ 71914 w 71913"/>
                  <a:gd name="connsiteY17" fmla="*/ 49054 h 365569"/>
                  <a:gd name="connsiteX18" fmla="*/ 71914 w 71913"/>
                  <a:gd name="connsiteY18" fmla="*/ 276415 h 365569"/>
                  <a:gd name="connsiteX19" fmla="*/ 62960 w 71913"/>
                  <a:gd name="connsiteY19" fmla="*/ 285369 h 365569"/>
                  <a:gd name="connsiteX20" fmla="*/ 58579 w 71913"/>
                  <a:gd name="connsiteY20" fmla="*/ 289751 h 365569"/>
                  <a:gd name="connsiteX21" fmla="*/ 58579 w 71913"/>
                  <a:gd name="connsiteY21" fmla="*/ 316516 h 365569"/>
                  <a:gd name="connsiteX22" fmla="*/ 49625 w 71913"/>
                  <a:gd name="connsiteY22" fmla="*/ 325469 h 365569"/>
                  <a:gd name="connsiteX23" fmla="*/ 45244 w 71913"/>
                  <a:gd name="connsiteY23" fmla="*/ 329851 h 365569"/>
                  <a:gd name="connsiteX24" fmla="*/ 45244 w 71913"/>
                  <a:gd name="connsiteY24" fmla="*/ 356902 h 365569"/>
                  <a:gd name="connsiteX25" fmla="*/ 36195 w 71913"/>
                  <a:gd name="connsiteY25" fmla="*/ 365570 h 365569"/>
                  <a:gd name="connsiteX26" fmla="*/ 22860 w 71913"/>
                  <a:gd name="connsiteY26" fmla="*/ 58103 h 365569"/>
                  <a:gd name="connsiteX27" fmla="*/ 18478 w 71913"/>
                  <a:gd name="connsiteY27" fmla="*/ 62484 h 365569"/>
                  <a:gd name="connsiteX28" fmla="*/ 18478 w 71913"/>
                  <a:gd name="connsiteY28" fmla="*/ 262509 h 365569"/>
                  <a:gd name="connsiteX29" fmla="*/ 22860 w 71913"/>
                  <a:gd name="connsiteY29" fmla="*/ 266986 h 365569"/>
                  <a:gd name="connsiteX30" fmla="*/ 49625 w 71913"/>
                  <a:gd name="connsiteY30" fmla="*/ 266986 h 365569"/>
                  <a:gd name="connsiteX31" fmla="*/ 54007 w 71913"/>
                  <a:gd name="connsiteY31" fmla="*/ 262509 h 365569"/>
                  <a:gd name="connsiteX32" fmla="*/ 54007 w 71913"/>
                  <a:gd name="connsiteY32" fmla="*/ 62484 h 365569"/>
                  <a:gd name="connsiteX33" fmla="*/ 49625 w 71913"/>
                  <a:gd name="connsiteY33" fmla="*/ 58103 h 36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1913" h="365569">
                    <a:moveTo>
                      <a:pt x="36195" y="365570"/>
                    </a:moveTo>
                    <a:cubicBezTo>
                      <a:pt x="31250" y="365570"/>
                      <a:pt x="27241" y="361560"/>
                      <a:pt x="27241" y="356616"/>
                    </a:cubicBezTo>
                    <a:lnTo>
                      <a:pt x="27241" y="329851"/>
                    </a:lnTo>
                    <a:cubicBezTo>
                      <a:pt x="27191" y="327450"/>
                      <a:pt x="25258" y="325517"/>
                      <a:pt x="22860" y="325469"/>
                    </a:cubicBezTo>
                    <a:cubicBezTo>
                      <a:pt x="17915" y="325469"/>
                      <a:pt x="13906" y="321459"/>
                      <a:pt x="13906" y="316516"/>
                    </a:cubicBezTo>
                    <a:lnTo>
                      <a:pt x="13906" y="290227"/>
                    </a:lnTo>
                    <a:cubicBezTo>
                      <a:pt x="13856" y="287826"/>
                      <a:pt x="11923" y="285893"/>
                      <a:pt x="9525" y="285845"/>
                    </a:cubicBezTo>
                    <a:cubicBezTo>
                      <a:pt x="4480" y="285855"/>
                      <a:pt x="303" y="281930"/>
                      <a:pt x="0" y="276892"/>
                    </a:cubicBezTo>
                    <a:lnTo>
                      <a:pt x="0" y="49054"/>
                    </a:lnTo>
                    <a:cubicBezTo>
                      <a:pt x="303" y="44015"/>
                      <a:pt x="4480" y="40091"/>
                      <a:pt x="9525" y="40100"/>
                    </a:cubicBezTo>
                    <a:cubicBezTo>
                      <a:pt x="11923" y="40053"/>
                      <a:pt x="13856" y="38119"/>
                      <a:pt x="13906" y="35719"/>
                    </a:cubicBezTo>
                    <a:lnTo>
                      <a:pt x="13906" y="8954"/>
                    </a:lnTo>
                    <a:cubicBezTo>
                      <a:pt x="13906" y="4010"/>
                      <a:pt x="17916" y="0"/>
                      <a:pt x="22860" y="0"/>
                    </a:cubicBezTo>
                    <a:lnTo>
                      <a:pt x="49625" y="0"/>
                    </a:lnTo>
                    <a:cubicBezTo>
                      <a:pt x="54571" y="0"/>
                      <a:pt x="58579" y="4010"/>
                      <a:pt x="58579" y="8954"/>
                    </a:cubicBezTo>
                    <a:lnTo>
                      <a:pt x="58579" y="35719"/>
                    </a:lnTo>
                    <a:cubicBezTo>
                      <a:pt x="58629" y="38119"/>
                      <a:pt x="60562" y="40053"/>
                      <a:pt x="62960" y="40100"/>
                    </a:cubicBezTo>
                    <a:cubicBezTo>
                      <a:pt x="67905" y="40100"/>
                      <a:pt x="71914" y="44110"/>
                      <a:pt x="71914" y="49054"/>
                    </a:cubicBezTo>
                    <a:lnTo>
                      <a:pt x="71914" y="276415"/>
                    </a:lnTo>
                    <a:cubicBezTo>
                      <a:pt x="71914" y="281359"/>
                      <a:pt x="67905" y="285369"/>
                      <a:pt x="62960" y="285369"/>
                    </a:cubicBezTo>
                    <a:cubicBezTo>
                      <a:pt x="60562" y="285417"/>
                      <a:pt x="58629" y="287350"/>
                      <a:pt x="58579" y="289751"/>
                    </a:cubicBezTo>
                    <a:lnTo>
                      <a:pt x="58579" y="316516"/>
                    </a:lnTo>
                    <a:cubicBezTo>
                      <a:pt x="58579" y="321459"/>
                      <a:pt x="54570" y="325469"/>
                      <a:pt x="49625" y="325469"/>
                    </a:cubicBezTo>
                    <a:cubicBezTo>
                      <a:pt x="47205" y="325469"/>
                      <a:pt x="45244" y="327431"/>
                      <a:pt x="45244" y="329851"/>
                    </a:cubicBezTo>
                    <a:lnTo>
                      <a:pt x="45244" y="356902"/>
                    </a:lnTo>
                    <a:cubicBezTo>
                      <a:pt x="44820" y="361645"/>
                      <a:pt x="40955" y="365350"/>
                      <a:pt x="36195" y="365570"/>
                    </a:cubicBezTo>
                    <a:close/>
                    <a:moveTo>
                      <a:pt x="22860" y="58103"/>
                    </a:moveTo>
                    <a:cubicBezTo>
                      <a:pt x="20440" y="58103"/>
                      <a:pt x="18478" y="60065"/>
                      <a:pt x="18478" y="62484"/>
                    </a:cubicBezTo>
                    <a:lnTo>
                      <a:pt x="18478" y="262509"/>
                    </a:lnTo>
                    <a:cubicBezTo>
                      <a:pt x="18478" y="264948"/>
                      <a:pt x="20424" y="266938"/>
                      <a:pt x="22860" y="266986"/>
                    </a:cubicBezTo>
                    <a:lnTo>
                      <a:pt x="49625" y="266986"/>
                    </a:lnTo>
                    <a:cubicBezTo>
                      <a:pt x="52061" y="266938"/>
                      <a:pt x="54008" y="264948"/>
                      <a:pt x="54007" y="262509"/>
                    </a:cubicBezTo>
                    <a:lnTo>
                      <a:pt x="54007" y="62484"/>
                    </a:lnTo>
                    <a:cubicBezTo>
                      <a:pt x="54007" y="60065"/>
                      <a:pt x="52046" y="58103"/>
                      <a:pt x="49625" y="581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5" name="Freeform: Shape 10">
                <a:extLst>
                  <a:ext uri="{FF2B5EF4-FFF2-40B4-BE49-F238E27FC236}">
                    <a16:creationId xmlns:a16="http://schemas.microsoft.com/office/drawing/2014/main" id="{666C430B-9459-4019-4C53-2ABF24F4D5CA}"/>
                  </a:ext>
                </a:extLst>
              </p:cNvPr>
              <p:cNvSpPr/>
              <p:nvPr/>
            </p:nvSpPr>
            <p:spPr>
              <a:xfrm>
                <a:off x="1159329" y="3366071"/>
                <a:ext cx="84511" cy="70389"/>
              </a:xfrm>
              <a:custGeom>
                <a:avLst/>
                <a:gdLst>
                  <a:gd name="connsiteX0" fmla="*/ 35011 w 84511"/>
                  <a:gd name="connsiteY0" fmla="*/ 70390 h 70389"/>
                  <a:gd name="connsiteX1" fmla="*/ 32058 w 84511"/>
                  <a:gd name="connsiteY1" fmla="*/ 69818 h 70389"/>
                  <a:gd name="connsiteX2" fmla="*/ 32058 w 84511"/>
                  <a:gd name="connsiteY2" fmla="*/ 69818 h 70389"/>
                  <a:gd name="connsiteX3" fmla="*/ 31391 w 84511"/>
                  <a:gd name="connsiteY3" fmla="*/ 69818 h 70389"/>
                  <a:gd name="connsiteX4" fmla="*/ 30534 w 84511"/>
                  <a:gd name="connsiteY4" fmla="*/ 69818 h 70389"/>
                  <a:gd name="connsiteX5" fmla="*/ 30534 w 84511"/>
                  <a:gd name="connsiteY5" fmla="*/ 69818 h 70389"/>
                  <a:gd name="connsiteX6" fmla="*/ 29867 w 84511"/>
                  <a:gd name="connsiteY6" fmla="*/ 69152 h 70389"/>
                  <a:gd name="connsiteX7" fmla="*/ 29010 w 84511"/>
                  <a:gd name="connsiteY7" fmla="*/ 68580 h 70389"/>
                  <a:gd name="connsiteX8" fmla="*/ 2626 w 84511"/>
                  <a:gd name="connsiteY8" fmla="*/ 42101 h 70389"/>
                  <a:gd name="connsiteX9" fmla="*/ 2620 w 84511"/>
                  <a:gd name="connsiteY9" fmla="*/ 29442 h 70389"/>
                  <a:gd name="connsiteX10" fmla="*/ 2626 w 84511"/>
                  <a:gd name="connsiteY10" fmla="*/ 29432 h 70389"/>
                  <a:gd name="connsiteX11" fmla="*/ 8912 w 84511"/>
                  <a:gd name="connsiteY11" fmla="*/ 26765 h 70389"/>
                  <a:gd name="connsiteX12" fmla="*/ 15294 w 84511"/>
                  <a:gd name="connsiteY12" fmla="*/ 29432 h 70389"/>
                  <a:gd name="connsiteX13" fmla="*/ 31105 w 84511"/>
                  <a:gd name="connsiteY13" fmla="*/ 45244 h 70389"/>
                  <a:gd name="connsiteX14" fmla="*/ 34249 w 84511"/>
                  <a:gd name="connsiteY14" fmla="*/ 46482 h 70389"/>
                  <a:gd name="connsiteX15" fmla="*/ 34249 w 84511"/>
                  <a:gd name="connsiteY15" fmla="*/ 46482 h 70389"/>
                  <a:gd name="connsiteX16" fmla="*/ 37487 w 84511"/>
                  <a:gd name="connsiteY16" fmla="*/ 44768 h 70389"/>
                  <a:gd name="connsiteX17" fmla="*/ 68348 w 84511"/>
                  <a:gd name="connsiteY17" fmla="*/ 3620 h 70389"/>
                  <a:gd name="connsiteX18" fmla="*/ 75492 w 84511"/>
                  <a:gd name="connsiteY18" fmla="*/ 0 h 70389"/>
                  <a:gd name="connsiteX19" fmla="*/ 80921 w 84511"/>
                  <a:gd name="connsiteY19" fmla="*/ 1810 h 70389"/>
                  <a:gd name="connsiteX20" fmla="*/ 84445 w 84511"/>
                  <a:gd name="connsiteY20" fmla="*/ 7715 h 70389"/>
                  <a:gd name="connsiteX21" fmla="*/ 82731 w 84511"/>
                  <a:gd name="connsiteY21" fmla="*/ 14383 h 70389"/>
                  <a:gd name="connsiteX22" fmla="*/ 42631 w 84511"/>
                  <a:gd name="connsiteY22" fmla="*/ 66104 h 70389"/>
                  <a:gd name="connsiteX23" fmla="*/ 41869 w 84511"/>
                  <a:gd name="connsiteY23" fmla="*/ 66865 h 70389"/>
                  <a:gd name="connsiteX24" fmla="*/ 41297 w 84511"/>
                  <a:gd name="connsiteY24" fmla="*/ 67628 h 70389"/>
                  <a:gd name="connsiteX25" fmla="*/ 40726 w 84511"/>
                  <a:gd name="connsiteY25" fmla="*/ 67628 h 70389"/>
                  <a:gd name="connsiteX26" fmla="*/ 39773 w 84511"/>
                  <a:gd name="connsiteY26" fmla="*/ 67628 h 70389"/>
                  <a:gd name="connsiteX27" fmla="*/ 38916 w 84511"/>
                  <a:gd name="connsiteY27" fmla="*/ 68294 h 70389"/>
                  <a:gd name="connsiteX28" fmla="*/ 38916 w 84511"/>
                  <a:gd name="connsiteY28" fmla="*/ 68294 h 70389"/>
                  <a:gd name="connsiteX29" fmla="*/ 35487 w 84511"/>
                  <a:gd name="connsiteY29" fmla="*/ 69056 h 703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11" h="70389">
                    <a:moveTo>
                      <a:pt x="35011" y="70390"/>
                    </a:moveTo>
                    <a:cubicBezTo>
                      <a:pt x="34000" y="70380"/>
                      <a:pt x="33000" y="70180"/>
                      <a:pt x="32058" y="69818"/>
                    </a:cubicBezTo>
                    <a:lnTo>
                      <a:pt x="32058" y="69818"/>
                    </a:lnTo>
                    <a:lnTo>
                      <a:pt x="31391" y="69818"/>
                    </a:lnTo>
                    <a:lnTo>
                      <a:pt x="30534" y="69818"/>
                    </a:lnTo>
                    <a:lnTo>
                      <a:pt x="30534" y="69818"/>
                    </a:lnTo>
                    <a:lnTo>
                      <a:pt x="29867" y="69152"/>
                    </a:lnTo>
                    <a:lnTo>
                      <a:pt x="29010" y="68580"/>
                    </a:lnTo>
                    <a:lnTo>
                      <a:pt x="2626" y="42101"/>
                    </a:lnTo>
                    <a:cubicBezTo>
                      <a:pt x="-873" y="38605"/>
                      <a:pt x="-876" y="32938"/>
                      <a:pt x="2620" y="29442"/>
                    </a:cubicBezTo>
                    <a:cubicBezTo>
                      <a:pt x="2622" y="29432"/>
                      <a:pt x="2624" y="29432"/>
                      <a:pt x="2626" y="29432"/>
                    </a:cubicBezTo>
                    <a:cubicBezTo>
                      <a:pt x="4268" y="27718"/>
                      <a:pt x="6540" y="26756"/>
                      <a:pt x="8912" y="26765"/>
                    </a:cubicBezTo>
                    <a:cubicBezTo>
                      <a:pt x="11298" y="26822"/>
                      <a:pt x="13576" y="27775"/>
                      <a:pt x="15294" y="29432"/>
                    </a:cubicBezTo>
                    <a:lnTo>
                      <a:pt x="31105" y="45244"/>
                    </a:lnTo>
                    <a:cubicBezTo>
                      <a:pt x="31946" y="46063"/>
                      <a:pt x="33077" y="46511"/>
                      <a:pt x="34249" y="46482"/>
                    </a:cubicBezTo>
                    <a:lnTo>
                      <a:pt x="34249" y="46482"/>
                    </a:lnTo>
                    <a:cubicBezTo>
                      <a:pt x="35527" y="46415"/>
                      <a:pt x="36710" y="45787"/>
                      <a:pt x="37487" y="44768"/>
                    </a:cubicBezTo>
                    <a:lnTo>
                      <a:pt x="68348" y="3620"/>
                    </a:lnTo>
                    <a:cubicBezTo>
                      <a:pt x="70017" y="1343"/>
                      <a:pt x="72670" y="0"/>
                      <a:pt x="75492" y="0"/>
                    </a:cubicBezTo>
                    <a:cubicBezTo>
                      <a:pt x="77445" y="29"/>
                      <a:pt x="79340" y="667"/>
                      <a:pt x="80921" y="1810"/>
                    </a:cubicBezTo>
                    <a:cubicBezTo>
                      <a:pt x="82790" y="3267"/>
                      <a:pt x="84047" y="5372"/>
                      <a:pt x="84445" y="7715"/>
                    </a:cubicBezTo>
                    <a:cubicBezTo>
                      <a:pt x="84725" y="10077"/>
                      <a:pt x="84114" y="12449"/>
                      <a:pt x="82731" y="14383"/>
                    </a:cubicBezTo>
                    <a:lnTo>
                      <a:pt x="42631" y="66104"/>
                    </a:lnTo>
                    <a:lnTo>
                      <a:pt x="41869" y="66865"/>
                    </a:lnTo>
                    <a:lnTo>
                      <a:pt x="41297" y="67628"/>
                    </a:lnTo>
                    <a:lnTo>
                      <a:pt x="40726" y="67628"/>
                    </a:lnTo>
                    <a:lnTo>
                      <a:pt x="39773" y="67628"/>
                    </a:lnTo>
                    <a:lnTo>
                      <a:pt x="38916" y="68294"/>
                    </a:lnTo>
                    <a:lnTo>
                      <a:pt x="38916" y="68294"/>
                    </a:lnTo>
                    <a:cubicBezTo>
                      <a:pt x="37835" y="68771"/>
                      <a:pt x="36669" y="69028"/>
                      <a:pt x="35487" y="690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6" name="Freeform: Shape 11">
                <a:extLst>
                  <a:ext uri="{FF2B5EF4-FFF2-40B4-BE49-F238E27FC236}">
                    <a16:creationId xmlns:a16="http://schemas.microsoft.com/office/drawing/2014/main" id="{E7DFE2D9-0756-2DD1-264C-666230ED8132}"/>
                  </a:ext>
                </a:extLst>
              </p:cNvPr>
              <p:cNvSpPr/>
              <p:nvPr/>
            </p:nvSpPr>
            <p:spPr>
              <a:xfrm>
                <a:off x="1159329" y="3446366"/>
                <a:ext cx="84502" cy="70962"/>
              </a:xfrm>
              <a:custGeom>
                <a:avLst/>
                <a:gdLst>
                  <a:gd name="connsiteX0" fmla="*/ 35011 w 84502"/>
                  <a:gd name="connsiteY0" fmla="*/ 70391 h 70962"/>
                  <a:gd name="connsiteX1" fmla="*/ 32058 w 84502"/>
                  <a:gd name="connsiteY1" fmla="*/ 69724 h 70962"/>
                  <a:gd name="connsiteX2" fmla="*/ 32058 w 84502"/>
                  <a:gd name="connsiteY2" fmla="*/ 69724 h 70962"/>
                  <a:gd name="connsiteX3" fmla="*/ 31391 w 84502"/>
                  <a:gd name="connsiteY3" fmla="*/ 69724 h 70962"/>
                  <a:gd name="connsiteX4" fmla="*/ 30534 w 84502"/>
                  <a:gd name="connsiteY4" fmla="*/ 69724 h 70962"/>
                  <a:gd name="connsiteX5" fmla="*/ 30534 w 84502"/>
                  <a:gd name="connsiteY5" fmla="*/ 69724 h 70962"/>
                  <a:gd name="connsiteX6" fmla="*/ 29867 w 84502"/>
                  <a:gd name="connsiteY6" fmla="*/ 69057 h 70962"/>
                  <a:gd name="connsiteX7" fmla="*/ 29010 w 84502"/>
                  <a:gd name="connsiteY7" fmla="*/ 68486 h 70962"/>
                  <a:gd name="connsiteX8" fmla="*/ 2626 w 84502"/>
                  <a:gd name="connsiteY8" fmla="*/ 42006 h 70962"/>
                  <a:gd name="connsiteX9" fmla="*/ 2620 w 84502"/>
                  <a:gd name="connsiteY9" fmla="*/ 29348 h 70962"/>
                  <a:gd name="connsiteX10" fmla="*/ 2626 w 84502"/>
                  <a:gd name="connsiteY10" fmla="*/ 29338 h 70962"/>
                  <a:gd name="connsiteX11" fmla="*/ 8912 w 84502"/>
                  <a:gd name="connsiteY11" fmla="*/ 26671 h 70962"/>
                  <a:gd name="connsiteX12" fmla="*/ 15294 w 84502"/>
                  <a:gd name="connsiteY12" fmla="*/ 29338 h 70962"/>
                  <a:gd name="connsiteX13" fmla="*/ 31105 w 84502"/>
                  <a:gd name="connsiteY13" fmla="*/ 45150 h 70962"/>
                  <a:gd name="connsiteX14" fmla="*/ 34249 w 84502"/>
                  <a:gd name="connsiteY14" fmla="*/ 46483 h 70962"/>
                  <a:gd name="connsiteX15" fmla="*/ 34249 w 84502"/>
                  <a:gd name="connsiteY15" fmla="*/ 46483 h 70962"/>
                  <a:gd name="connsiteX16" fmla="*/ 37487 w 84502"/>
                  <a:gd name="connsiteY16" fmla="*/ 44673 h 70962"/>
                  <a:gd name="connsiteX17" fmla="*/ 68348 w 84502"/>
                  <a:gd name="connsiteY17" fmla="*/ 3525 h 70962"/>
                  <a:gd name="connsiteX18" fmla="*/ 75492 w 84502"/>
                  <a:gd name="connsiteY18" fmla="*/ 1 h 70962"/>
                  <a:gd name="connsiteX19" fmla="*/ 80921 w 84502"/>
                  <a:gd name="connsiteY19" fmla="*/ 1716 h 70962"/>
                  <a:gd name="connsiteX20" fmla="*/ 84445 w 84502"/>
                  <a:gd name="connsiteY20" fmla="*/ 7716 h 70962"/>
                  <a:gd name="connsiteX21" fmla="*/ 82731 w 84502"/>
                  <a:gd name="connsiteY21" fmla="*/ 14288 h 70962"/>
                  <a:gd name="connsiteX22" fmla="*/ 42916 w 84502"/>
                  <a:gd name="connsiteY22" fmla="*/ 67343 h 70962"/>
                  <a:gd name="connsiteX23" fmla="*/ 42154 w 84502"/>
                  <a:gd name="connsiteY23" fmla="*/ 68105 h 70962"/>
                  <a:gd name="connsiteX24" fmla="*/ 41583 w 84502"/>
                  <a:gd name="connsiteY24" fmla="*/ 68962 h 70962"/>
                  <a:gd name="connsiteX25" fmla="*/ 41011 w 84502"/>
                  <a:gd name="connsiteY25" fmla="*/ 68962 h 70962"/>
                  <a:gd name="connsiteX26" fmla="*/ 40059 w 84502"/>
                  <a:gd name="connsiteY26" fmla="*/ 69533 h 70962"/>
                  <a:gd name="connsiteX27" fmla="*/ 39202 w 84502"/>
                  <a:gd name="connsiteY27" fmla="*/ 70105 h 70962"/>
                  <a:gd name="connsiteX28" fmla="*/ 39202 w 84502"/>
                  <a:gd name="connsiteY28" fmla="*/ 70105 h 70962"/>
                  <a:gd name="connsiteX29" fmla="*/ 35773 w 84502"/>
                  <a:gd name="connsiteY29"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02" h="70962">
                    <a:moveTo>
                      <a:pt x="35011" y="70391"/>
                    </a:moveTo>
                    <a:cubicBezTo>
                      <a:pt x="33995" y="70343"/>
                      <a:pt x="32996" y="70115"/>
                      <a:pt x="32058" y="69724"/>
                    </a:cubicBezTo>
                    <a:lnTo>
                      <a:pt x="32058" y="69724"/>
                    </a:lnTo>
                    <a:lnTo>
                      <a:pt x="31391" y="69724"/>
                    </a:lnTo>
                    <a:lnTo>
                      <a:pt x="30534" y="69724"/>
                    </a:lnTo>
                    <a:lnTo>
                      <a:pt x="30534" y="69724"/>
                    </a:lnTo>
                    <a:lnTo>
                      <a:pt x="29867" y="69057"/>
                    </a:lnTo>
                    <a:lnTo>
                      <a:pt x="29010" y="68486"/>
                    </a:lnTo>
                    <a:lnTo>
                      <a:pt x="2626" y="42006"/>
                    </a:lnTo>
                    <a:cubicBezTo>
                      <a:pt x="-873" y="38510"/>
                      <a:pt x="-876" y="32843"/>
                      <a:pt x="2620" y="29348"/>
                    </a:cubicBezTo>
                    <a:cubicBezTo>
                      <a:pt x="2622" y="29338"/>
                      <a:pt x="2624" y="29338"/>
                      <a:pt x="2626" y="29338"/>
                    </a:cubicBezTo>
                    <a:cubicBezTo>
                      <a:pt x="4268" y="27624"/>
                      <a:pt x="6540" y="26661"/>
                      <a:pt x="8912" y="26671"/>
                    </a:cubicBezTo>
                    <a:cubicBezTo>
                      <a:pt x="11298" y="26728"/>
                      <a:pt x="13576" y="27681"/>
                      <a:pt x="15294" y="29338"/>
                    </a:cubicBezTo>
                    <a:lnTo>
                      <a:pt x="31105" y="45150"/>
                    </a:lnTo>
                    <a:cubicBezTo>
                      <a:pt x="31936" y="45988"/>
                      <a:pt x="33066" y="46473"/>
                      <a:pt x="34249" y="46483"/>
                    </a:cubicBezTo>
                    <a:lnTo>
                      <a:pt x="34249" y="46483"/>
                    </a:lnTo>
                    <a:cubicBezTo>
                      <a:pt x="35539" y="46378"/>
                      <a:pt x="36720" y="45721"/>
                      <a:pt x="37487" y="44673"/>
                    </a:cubicBezTo>
                    <a:lnTo>
                      <a:pt x="68348" y="3525"/>
                    </a:lnTo>
                    <a:cubicBezTo>
                      <a:pt x="70027" y="1277"/>
                      <a:pt x="72683" y="-37"/>
                      <a:pt x="75492" y="1"/>
                    </a:cubicBezTo>
                    <a:cubicBezTo>
                      <a:pt x="77434" y="1"/>
                      <a:pt x="79329" y="601"/>
                      <a:pt x="80921" y="1716"/>
                    </a:cubicBezTo>
                    <a:cubicBezTo>
                      <a:pt x="82811" y="3201"/>
                      <a:pt x="84069" y="5344"/>
                      <a:pt x="84445" y="7716"/>
                    </a:cubicBezTo>
                    <a:cubicBezTo>
                      <a:pt x="84701" y="10040"/>
                      <a:pt x="84091" y="12383"/>
                      <a:pt x="82731" y="14288"/>
                    </a:cubicBezTo>
                    <a:lnTo>
                      <a:pt x="42916" y="67343"/>
                    </a:lnTo>
                    <a:lnTo>
                      <a:pt x="42154" y="68105"/>
                    </a:lnTo>
                    <a:cubicBezTo>
                      <a:pt x="41901" y="68343"/>
                      <a:pt x="41706" y="68638"/>
                      <a:pt x="41583" y="68962"/>
                    </a:cubicBezTo>
                    <a:lnTo>
                      <a:pt x="41011" y="68962"/>
                    </a:lnTo>
                    <a:lnTo>
                      <a:pt x="40059" y="69533"/>
                    </a:lnTo>
                    <a:lnTo>
                      <a:pt x="39202" y="70105"/>
                    </a:lnTo>
                    <a:lnTo>
                      <a:pt x="39202" y="70105"/>
                    </a:lnTo>
                    <a:cubicBezTo>
                      <a:pt x="38110" y="70572"/>
                      <a:pt x="36954" y="70857"/>
                      <a:pt x="35773"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7" name="Freeform: Shape 12">
                <a:extLst>
                  <a:ext uri="{FF2B5EF4-FFF2-40B4-BE49-F238E27FC236}">
                    <a16:creationId xmlns:a16="http://schemas.microsoft.com/office/drawing/2014/main" id="{83FFEDA1-5E9B-FEFE-1AF9-A03FCAD6FD91}"/>
                  </a:ext>
                </a:extLst>
              </p:cNvPr>
              <p:cNvSpPr/>
              <p:nvPr/>
            </p:nvSpPr>
            <p:spPr>
              <a:xfrm>
                <a:off x="1158929" y="3525614"/>
                <a:ext cx="84340" cy="71343"/>
              </a:xfrm>
              <a:custGeom>
                <a:avLst/>
                <a:gdLst>
                  <a:gd name="connsiteX0" fmla="*/ 35410 w 84340"/>
                  <a:gd name="connsiteY0" fmla="*/ 71343 h 71343"/>
                  <a:gd name="connsiteX1" fmla="*/ 32458 w 84340"/>
                  <a:gd name="connsiteY1" fmla="*/ 70677 h 71343"/>
                  <a:gd name="connsiteX2" fmla="*/ 32458 w 84340"/>
                  <a:gd name="connsiteY2" fmla="*/ 70677 h 71343"/>
                  <a:gd name="connsiteX3" fmla="*/ 31791 w 84340"/>
                  <a:gd name="connsiteY3" fmla="*/ 70677 h 71343"/>
                  <a:gd name="connsiteX4" fmla="*/ 30934 w 84340"/>
                  <a:gd name="connsiteY4" fmla="*/ 70677 h 71343"/>
                  <a:gd name="connsiteX5" fmla="*/ 30934 w 84340"/>
                  <a:gd name="connsiteY5" fmla="*/ 70677 h 71343"/>
                  <a:gd name="connsiteX6" fmla="*/ 30267 w 84340"/>
                  <a:gd name="connsiteY6" fmla="*/ 70105 h 71343"/>
                  <a:gd name="connsiteX7" fmla="*/ 28838 w 84340"/>
                  <a:gd name="connsiteY7" fmla="*/ 68486 h 71343"/>
                  <a:gd name="connsiteX8" fmla="*/ 2454 w 84340"/>
                  <a:gd name="connsiteY8" fmla="*/ 42102 h 71343"/>
                  <a:gd name="connsiteX9" fmla="*/ 2454 w 84340"/>
                  <a:gd name="connsiteY9" fmla="*/ 29338 h 71343"/>
                  <a:gd name="connsiteX10" fmla="*/ 8740 w 84340"/>
                  <a:gd name="connsiteY10" fmla="*/ 26766 h 71343"/>
                  <a:gd name="connsiteX11" fmla="*/ 15122 w 84340"/>
                  <a:gd name="connsiteY11" fmla="*/ 29338 h 71343"/>
                  <a:gd name="connsiteX12" fmla="*/ 30934 w 84340"/>
                  <a:gd name="connsiteY12" fmla="*/ 45245 h 71343"/>
                  <a:gd name="connsiteX13" fmla="*/ 34077 w 84340"/>
                  <a:gd name="connsiteY13" fmla="*/ 46483 h 71343"/>
                  <a:gd name="connsiteX14" fmla="*/ 34077 w 84340"/>
                  <a:gd name="connsiteY14" fmla="*/ 46483 h 71343"/>
                  <a:gd name="connsiteX15" fmla="*/ 37315 w 84340"/>
                  <a:gd name="connsiteY15" fmla="*/ 44769 h 71343"/>
                  <a:gd name="connsiteX16" fmla="*/ 68176 w 84340"/>
                  <a:gd name="connsiteY16" fmla="*/ 3620 h 71343"/>
                  <a:gd name="connsiteX17" fmla="*/ 75320 w 84340"/>
                  <a:gd name="connsiteY17" fmla="*/ 1 h 71343"/>
                  <a:gd name="connsiteX18" fmla="*/ 80749 w 84340"/>
                  <a:gd name="connsiteY18" fmla="*/ 1811 h 71343"/>
                  <a:gd name="connsiteX19" fmla="*/ 84274 w 84340"/>
                  <a:gd name="connsiteY19" fmla="*/ 7716 h 71343"/>
                  <a:gd name="connsiteX20" fmla="*/ 82559 w 84340"/>
                  <a:gd name="connsiteY20" fmla="*/ 14384 h 71343"/>
                  <a:gd name="connsiteX21" fmla="*/ 42745 w 84340"/>
                  <a:gd name="connsiteY21" fmla="*/ 67438 h 71343"/>
                  <a:gd name="connsiteX22" fmla="*/ 41983 w 84340"/>
                  <a:gd name="connsiteY22" fmla="*/ 68105 h 71343"/>
                  <a:gd name="connsiteX23" fmla="*/ 41411 w 84340"/>
                  <a:gd name="connsiteY23" fmla="*/ 68962 h 71343"/>
                  <a:gd name="connsiteX24" fmla="*/ 40840 w 84340"/>
                  <a:gd name="connsiteY24" fmla="*/ 68962 h 71343"/>
                  <a:gd name="connsiteX25" fmla="*/ 39887 w 84340"/>
                  <a:gd name="connsiteY25" fmla="*/ 69533 h 71343"/>
                  <a:gd name="connsiteX26" fmla="*/ 39030 w 84340"/>
                  <a:gd name="connsiteY26" fmla="*/ 70105 h 71343"/>
                  <a:gd name="connsiteX27" fmla="*/ 39030 w 84340"/>
                  <a:gd name="connsiteY27" fmla="*/ 70105 h 71343"/>
                  <a:gd name="connsiteX28" fmla="*/ 35601 w 84340"/>
                  <a:gd name="connsiteY28" fmla="*/ 70962 h 71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340" h="71343">
                    <a:moveTo>
                      <a:pt x="35410" y="71343"/>
                    </a:moveTo>
                    <a:cubicBezTo>
                      <a:pt x="34389" y="71343"/>
                      <a:pt x="33381" y="71115"/>
                      <a:pt x="32458" y="70677"/>
                    </a:cubicBezTo>
                    <a:lnTo>
                      <a:pt x="32458" y="70677"/>
                    </a:lnTo>
                    <a:lnTo>
                      <a:pt x="31791" y="70677"/>
                    </a:lnTo>
                    <a:lnTo>
                      <a:pt x="30934" y="70677"/>
                    </a:lnTo>
                    <a:lnTo>
                      <a:pt x="30934" y="70677"/>
                    </a:lnTo>
                    <a:lnTo>
                      <a:pt x="30267" y="70105"/>
                    </a:lnTo>
                    <a:lnTo>
                      <a:pt x="28838" y="68486"/>
                    </a:lnTo>
                    <a:lnTo>
                      <a:pt x="2454" y="42102"/>
                    </a:lnTo>
                    <a:cubicBezTo>
                      <a:pt x="-818" y="38472"/>
                      <a:pt x="-818" y="32967"/>
                      <a:pt x="2454" y="29338"/>
                    </a:cubicBezTo>
                    <a:cubicBezTo>
                      <a:pt x="4106" y="27652"/>
                      <a:pt x="6380" y="26718"/>
                      <a:pt x="8740" y="26766"/>
                    </a:cubicBezTo>
                    <a:cubicBezTo>
                      <a:pt x="11125" y="26738"/>
                      <a:pt x="13422" y="27661"/>
                      <a:pt x="15122" y="29338"/>
                    </a:cubicBezTo>
                    <a:lnTo>
                      <a:pt x="30934" y="45245"/>
                    </a:lnTo>
                    <a:cubicBezTo>
                      <a:pt x="31799" y="46016"/>
                      <a:pt x="32915" y="46464"/>
                      <a:pt x="34077" y="46483"/>
                    </a:cubicBezTo>
                    <a:lnTo>
                      <a:pt x="34077" y="46483"/>
                    </a:lnTo>
                    <a:cubicBezTo>
                      <a:pt x="35342" y="46369"/>
                      <a:pt x="36508" y="45750"/>
                      <a:pt x="37315" y="44769"/>
                    </a:cubicBezTo>
                    <a:lnTo>
                      <a:pt x="68176" y="3620"/>
                    </a:lnTo>
                    <a:cubicBezTo>
                      <a:pt x="69845" y="1344"/>
                      <a:pt x="72498" y="1"/>
                      <a:pt x="75320" y="1"/>
                    </a:cubicBezTo>
                    <a:cubicBezTo>
                      <a:pt x="77282" y="-28"/>
                      <a:pt x="79197" y="610"/>
                      <a:pt x="80749" y="1811"/>
                    </a:cubicBezTo>
                    <a:cubicBezTo>
                      <a:pt x="82618" y="3268"/>
                      <a:pt x="83875" y="5373"/>
                      <a:pt x="84274" y="7716"/>
                    </a:cubicBezTo>
                    <a:cubicBezTo>
                      <a:pt x="84554" y="10078"/>
                      <a:pt x="83942" y="12450"/>
                      <a:pt x="82559" y="14384"/>
                    </a:cubicBezTo>
                    <a:lnTo>
                      <a:pt x="42745" y="67438"/>
                    </a:lnTo>
                    <a:cubicBezTo>
                      <a:pt x="42745" y="67438"/>
                      <a:pt x="42745" y="67438"/>
                      <a:pt x="41983" y="68105"/>
                    </a:cubicBezTo>
                    <a:cubicBezTo>
                      <a:pt x="41749" y="68362"/>
                      <a:pt x="41556" y="68648"/>
                      <a:pt x="41411" y="68962"/>
                    </a:cubicBezTo>
                    <a:lnTo>
                      <a:pt x="40840" y="68962"/>
                    </a:lnTo>
                    <a:lnTo>
                      <a:pt x="39887" y="69533"/>
                    </a:lnTo>
                    <a:lnTo>
                      <a:pt x="39030" y="70105"/>
                    </a:lnTo>
                    <a:lnTo>
                      <a:pt x="39030" y="70105"/>
                    </a:lnTo>
                    <a:cubicBezTo>
                      <a:pt x="37970" y="70657"/>
                      <a:pt x="36795" y="70953"/>
                      <a:pt x="35601"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08" name="Freeform: Shape 13">
                <a:extLst>
                  <a:ext uri="{FF2B5EF4-FFF2-40B4-BE49-F238E27FC236}">
                    <a16:creationId xmlns:a16="http://schemas.microsoft.com/office/drawing/2014/main" id="{C9ACB6D5-8276-E849-1FED-404AC4D0E3D6}"/>
                  </a:ext>
                </a:extLst>
              </p:cNvPr>
              <p:cNvSpPr/>
              <p:nvPr/>
            </p:nvSpPr>
            <p:spPr>
              <a:xfrm>
                <a:off x="1252347" y="3271488"/>
                <a:ext cx="17906" cy="17906"/>
              </a:xfrm>
              <a:custGeom>
                <a:avLst/>
                <a:gdLst>
                  <a:gd name="connsiteX0" fmla="*/ 17907 w 17906"/>
                  <a:gd name="connsiteY0" fmla="*/ 8954 h 17906"/>
                  <a:gd name="connsiteX1" fmla="*/ 8954 w 17906"/>
                  <a:gd name="connsiteY1" fmla="*/ 17907 h 17906"/>
                  <a:gd name="connsiteX2" fmla="*/ 0 w 17906"/>
                  <a:gd name="connsiteY2" fmla="*/ 8954 h 17906"/>
                  <a:gd name="connsiteX3" fmla="*/ 8954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8" y="17907"/>
                      <a:pt x="8954" y="17907"/>
                    </a:cubicBezTo>
                    <a:cubicBezTo>
                      <a:pt x="4009" y="17907"/>
                      <a:pt x="0" y="13898"/>
                      <a:pt x="0" y="8954"/>
                    </a:cubicBezTo>
                    <a:cubicBezTo>
                      <a:pt x="0" y="4009"/>
                      <a:pt x="4009" y="0"/>
                      <a:pt x="8954" y="0"/>
                    </a:cubicBezTo>
                    <a:cubicBezTo>
                      <a:pt x="13898" y="0"/>
                      <a:pt x="17907" y="4009"/>
                      <a:pt x="17907" y="895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168" name="Group 167">
            <a:extLst>
              <a:ext uri="{FF2B5EF4-FFF2-40B4-BE49-F238E27FC236}">
                <a16:creationId xmlns:a16="http://schemas.microsoft.com/office/drawing/2014/main" id="{CFA1F9B2-857B-679C-A884-E36E2D082905}"/>
              </a:ext>
            </a:extLst>
          </p:cNvPr>
          <p:cNvGrpSpPr/>
          <p:nvPr/>
        </p:nvGrpSpPr>
        <p:grpSpPr>
          <a:xfrm>
            <a:off x="6207494" y="4348329"/>
            <a:ext cx="924825" cy="694800"/>
            <a:chOff x="6390374" y="5003352"/>
            <a:chExt cx="924825" cy="694800"/>
          </a:xfrm>
        </p:grpSpPr>
        <p:sp>
          <p:nvSpPr>
            <p:cNvPr id="169" name="Rectangle 168">
              <a:extLst>
                <a:ext uri="{FF2B5EF4-FFF2-40B4-BE49-F238E27FC236}">
                  <a16:creationId xmlns:a16="http://schemas.microsoft.com/office/drawing/2014/main" id="{89B11E1D-F829-FB51-091C-B787947A6460}"/>
                </a:ext>
              </a:extLst>
            </p:cNvPr>
            <p:cNvSpPr>
              <a:spLocks/>
            </p:cNvSpPr>
            <p:nvPr/>
          </p:nvSpPr>
          <p:spPr>
            <a:xfrm>
              <a:off x="6390374" y="5003352"/>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170" name="Group 169">
              <a:extLst>
                <a:ext uri="{FF2B5EF4-FFF2-40B4-BE49-F238E27FC236}">
                  <a16:creationId xmlns:a16="http://schemas.microsoft.com/office/drawing/2014/main" id="{87C1CEE2-626B-A6D9-B909-3EAE26925BD5}"/>
                </a:ext>
              </a:extLst>
            </p:cNvPr>
            <p:cNvGrpSpPr/>
            <p:nvPr/>
          </p:nvGrpSpPr>
          <p:grpSpPr>
            <a:xfrm>
              <a:off x="6566505" y="5072220"/>
              <a:ext cx="557444" cy="557064"/>
              <a:chOff x="1104900" y="3231294"/>
              <a:chExt cx="419385" cy="419099"/>
            </a:xfrm>
          </p:grpSpPr>
          <p:sp>
            <p:nvSpPr>
              <p:cNvPr id="171" name="Freeform: Shape 2">
                <a:extLst>
                  <a:ext uri="{FF2B5EF4-FFF2-40B4-BE49-F238E27FC236}">
                    <a16:creationId xmlns:a16="http://schemas.microsoft.com/office/drawing/2014/main" id="{69EDACA3-1897-2A6B-A5A9-97F53B64ECAD}"/>
                  </a:ext>
                </a:extLst>
              </p:cNvPr>
              <p:cNvSpPr/>
              <p:nvPr/>
            </p:nvSpPr>
            <p:spPr>
              <a:xfrm>
                <a:off x="1114901" y="3297967"/>
                <a:ext cx="291750" cy="338709"/>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2" name="Freeform: Shape 3">
                <a:extLst>
                  <a:ext uri="{FF2B5EF4-FFF2-40B4-BE49-F238E27FC236}">
                    <a16:creationId xmlns:a16="http://schemas.microsoft.com/office/drawing/2014/main" id="{CA3D7DD7-D118-CF15-5BE1-7CEB6DD4186D}"/>
                  </a:ext>
                </a:extLst>
              </p:cNvPr>
              <p:cNvSpPr/>
              <p:nvPr/>
            </p:nvSpPr>
            <p:spPr>
              <a:xfrm>
                <a:off x="1172051" y="3246723"/>
                <a:ext cx="182117" cy="70008"/>
              </a:xfrm>
              <a:custGeom>
                <a:avLst/>
                <a:gdLst>
                  <a:gd name="connsiteX0" fmla="*/ 119634 w 182117"/>
                  <a:gd name="connsiteY0" fmla="*/ 22098 h 70008"/>
                  <a:gd name="connsiteX1" fmla="*/ 119634 w 182117"/>
                  <a:gd name="connsiteY1" fmla="*/ 0 h 70008"/>
                  <a:gd name="connsiteX2" fmla="*/ 59150 w 182117"/>
                  <a:gd name="connsiteY2" fmla="*/ 0 h 70008"/>
                  <a:gd name="connsiteX3" fmla="*/ 59150 w 182117"/>
                  <a:gd name="connsiteY3" fmla="*/ 22098 h 70008"/>
                  <a:gd name="connsiteX4" fmla="*/ 0 w 182117"/>
                  <a:gd name="connsiteY4" fmla="*/ 22098 h 70008"/>
                  <a:gd name="connsiteX5" fmla="*/ 0 w 182117"/>
                  <a:gd name="connsiteY5" fmla="*/ 70009 h 70008"/>
                  <a:gd name="connsiteX6" fmla="*/ 182118 w 182117"/>
                  <a:gd name="connsiteY6" fmla="*/ 70009 h 70008"/>
                  <a:gd name="connsiteX7" fmla="*/ 182118 w 182117"/>
                  <a:gd name="connsiteY7" fmla="*/ 22098 h 70008"/>
                  <a:gd name="connsiteX8" fmla="*/ 119634 w 182117"/>
                  <a:gd name="connsiteY8" fmla="*/ 22098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117" h="70008">
                    <a:moveTo>
                      <a:pt x="119634" y="22098"/>
                    </a:moveTo>
                    <a:lnTo>
                      <a:pt x="119634" y="0"/>
                    </a:lnTo>
                    <a:lnTo>
                      <a:pt x="59150" y="0"/>
                    </a:lnTo>
                    <a:lnTo>
                      <a:pt x="59150" y="22098"/>
                    </a:lnTo>
                    <a:lnTo>
                      <a:pt x="0" y="22098"/>
                    </a:lnTo>
                    <a:lnTo>
                      <a:pt x="0" y="70009"/>
                    </a:lnTo>
                    <a:lnTo>
                      <a:pt x="182118" y="70009"/>
                    </a:lnTo>
                    <a:lnTo>
                      <a:pt x="182118" y="22098"/>
                    </a:lnTo>
                    <a:lnTo>
                      <a:pt x="119634" y="22098"/>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3" name="Freeform: Shape 4">
                <a:extLst>
                  <a:ext uri="{FF2B5EF4-FFF2-40B4-BE49-F238E27FC236}">
                    <a16:creationId xmlns:a16="http://schemas.microsoft.com/office/drawing/2014/main" id="{EA0D81DF-24ED-D3EC-1FA3-8C30265EB321}"/>
                  </a:ext>
                </a:extLst>
              </p:cNvPr>
              <p:cNvSpPr/>
              <p:nvPr/>
            </p:nvSpPr>
            <p:spPr>
              <a:xfrm>
                <a:off x="1464945" y="3335496"/>
                <a:ext cx="51244" cy="221456"/>
              </a:xfrm>
              <a:custGeom>
                <a:avLst/>
                <a:gdLst>
                  <a:gd name="connsiteX0" fmla="*/ 0 w 51244"/>
                  <a:gd name="connsiteY0" fmla="*/ 0 h 221456"/>
                  <a:gd name="connsiteX1" fmla="*/ 51245 w 51244"/>
                  <a:gd name="connsiteY1" fmla="*/ 0 h 221456"/>
                  <a:gd name="connsiteX2" fmla="*/ 51245 w 51244"/>
                  <a:gd name="connsiteY2" fmla="*/ 221456 h 221456"/>
                  <a:gd name="connsiteX3" fmla="*/ 0 w 51244"/>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244" h="221456">
                    <a:moveTo>
                      <a:pt x="0" y="0"/>
                    </a:moveTo>
                    <a:lnTo>
                      <a:pt x="51245" y="0"/>
                    </a:lnTo>
                    <a:lnTo>
                      <a:pt x="51245" y="221456"/>
                    </a:lnTo>
                    <a:lnTo>
                      <a:pt x="0" y="221456"/>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4" name="Freeform: Shape 5">
                <a:extLst>
                  <a:ext uri="{FF2B5EF4-FFF2-40B4-BE49-F238E27FC236}">
                    <a16:creationId xmlns:a16="http://schemas.microsoft.com/office/drawing/2014/main" id="{FFE49AC1-4BCE-EAAB-CD7E-D9446494DD7A}"/>
                  </a:ext>
                </a:extLst>
              </p:cNvPr>
              <p:cNvSpPr/>
              <p:nvPr/>
            </p:nvSpPr>
            <p:spPr>
              <a:xfrm>
                <a:off x="1104900" y="3231294"/>
                <a:ext cx="312420" cy="419099"/>
              </a:xfrm>
              <a:custGeom>
                <a:avLst/>
                <a:gdLst>
                  <a:gd name="connsiteX0" fmla="*/ 22670 w 312420"/>
                  <a:gd name="connsiteY0" fmla="*/ 419098 h 419099"/>
                  <a:gd name="connsiteX1" fmla="*/ 2 w 312420"/>
                  <a:gd name="connsiteY1" fmla="*/ 397000 h 419099"/>
                  <a:gd name="connsiteX2" fmla="*/ 0 w 312420"/>
                  <a:gd name="connsiteY2" fmla="*/ 396809 h 419099"/>
                  <a:gd name="connsiteX3" fmla="*/ 0 w 312420"/>
                  <a:gd name="connsiteY3" fmla="*/ 75912 h 419099"/>
                  <a:gd name="connsiteX4" fmla="*/ 22384 w 312420"/>
                  <a:gd name="connsiteY4" fmla="*/ 53528 h 419099"/>
                  <a:gd name="connsiteX5" fmla="*/ 49149 w 312420"/>
                  <a:gd name="connsiteY5" fmla="*/ 53528 h 419099"/>
                  <a:gd name="connsiteX6" fmla="*/ 53530 w 312420"/>
                  <a:gd name="connsiteY6" fmla="*/ 49147 h 419099"/>
                  <a:gd name="connsiteX7" fmla="*/ 53530 w 312420"/>
                  <a:gd name="connsiteY7" fmla="*/ 35812 h 419099"/>
                  <a:gd name="connsiteX8" fmla="*/ 62484 w 312420"/>
                  <a:gd name="connsiteY8" fmla="*/ 26763 h 419099"/>
                  <a:gd name="connsiteX9" fmla="*/ 110109 w 312420"/>
                  <a:gd name="connsiteY9" fmla="*/ 26763 h 419099"/>
                  <a:gd name="connsiteX10" fmla="*/ 113919 w 312420"/>
                  <a:gd name="connsiteY10" fmla="*/ 24572 h 419099"/>
                  <a:gd name="connsiteX11" fmla="*/ 180460 w 312420"/>
                  <a:gd name="connsiteY11" fmla="*/ 6437 h 419099"/>
                  <a:gd name="connsiteX12" fmla="*/ 198596 w 312420"/>
                  <a:gd name="connsiteY12" fmla="*/ 24572 h 419099"/>
                  <a:gd name="connsiteX13" fmla="*/ 202406 w 312420"/>
                  <a:gd name="connsiteY13" fmla="*/ 26763 h 419099"/>
                  <a:gd name="connsiteX14" fmla="*/ 250031 w 312420"/>
                  <a:gd name="connsiteY14" fmla="*/ 26763 h 419099"/>
                  <a:gd name="connsiteX15" fmla="*/ 258985 w 312420"/>
                  <a:gd name="connsiteY15" fmla="*/ 35812 h 419099"/>
                  <a:gd name="connsiteX16" fmla="*/ 258985 w 312420"/>
                  <a:gd name="connsiteY16" fmla="*/ 49147 h 419099"/>
                  <a:gd name="connsiteX17" fmla="*/ 263366 w 312420"/>
                  <a:gd name="connsiteY17" fmla="*/ 53528 h 419099"/>
                  <a:gd name="connsiteX18" fmla="*/ 290132 w 312420"/>
                  <a:gd name="connsiteY18" fmla="*/ 53528 h 419099"/>
                  <a:gd name="connsiteX19" fmla="*/ 312420 w 312420"/>
                  <a:gd name="connsiteY19" fmla="*/ 75912 h 419099"/>
                  <a:gd name="connsiteX20" fmla="*/ 312420 w 312420"/>
                  <a:gd name="connsiteY20" fmla="*/ 396809 h 419099"/>
                  <a:gd name="connsiteX21" fmla="*/ 290132 w 312420"/>
                  <a:gd name="connsiteY21" fmla="*/ 419098 h 419099"/>
                  <a:gd name="connsiteX22" fmla="*/ 22670 w 312420"/>
                  <a:gd name="connsiteY22" fmla="*/ 71531 h 419099"/>
                  <a:gd name="connsiteX23" fmla="*/ 18288 w 312420"/>
                  <a:gd name="connsiteY23" fmla="*/ 75912 h 419099"/>
                  <a:gd name="connsiteX24" fmla="*/ 18288 w 312420"/>
                  <a:gd name="connsiteY24" fmla="*/ 396809 h 419099"/>
                  <a:gd name="connsiteX25" fmla="*/ 22670 w 312420"/>
                  <a:gd name="connsiteY25" fmla="*/ 401191 h 419099"/>
                  <a:gd name="connsiteX26" fmla="*/ 290132 w 312420"/>
                  <a:gd name="connsiteY26" fmla="*/ 401191 h 419099"/>
                  <a:gd name="connsiteX27" fmla="*/ 294513 w 312420"/>
                  <a:gd name="connsiteY27" fmla="*/ 396809 h 419099"/>
                  <a:gd name="connsiteX28" fmla="*/ 294513 w 312420"/>
                  <a:gd name="connsiteY28" fmla="*/ 75912 h 419099"/>
                  <a:gd name="connsiteX29" fmla="*/ 290132 w 312420"/>
                  <a:gd name="connsiteY29" fmla="*/ 71531 h 419099"/>
                  <a:gd name="connsiteX30" fmla="*/ 263366 w 312420"/>
                  <a:gd name="connsiteY30" fmla="*/ 71531 h 419099"/>
                  <a:gd name="connsiteX31" fmla="*/ 258985 w 312420"/>
                  <a:gd name="connsiteY31" fmla="*/ 75912 h 419099"/>
                  <a:gd name="connsiteX32" fmla="*/ 258985 w 312420"/>
                  <a:gd name="connsiteY32" fmla="*/ 89247 h 419099"/>
                  <a:gd name="connsiteX33" fmla="*/ 250031 w 312420"/>
                  <a:gd name="connsiteY33" fmla="*/ 98201 h 419099"/>
                  <a:gd name="connsiteX34" fmla="*/ 62770 w 312420"/>
                  <a:gd name="connsiteY34" fmla="*/ 98201 h 419099"/>
                  <a:gd name="connsiteX35" fmla="*/ 53816 w 312420"/>
                  <a:gd name="connsiteY35" fmla="*/ 89247 h 419099"/>
                  <a:gd name="connsiteX36" fmla="*/ 53816 w 312420"/>
                  <a:gd name="connsiteY36" fmla="*/ 75912 h 419099"/>
                  <a:gd name="connsiteX37" fmla="*/ 49435 w 312420"/>
                  <a:gd name="connsiteY37" fmla="*/ 71531 h 419099"/>
                  <a:gd name="connsiteX38" fmla="*/ 76200 w 312420"/>
                  <a:gd name="connsiteY38" fmla="*/ 44765 h 419099"/>
                  <a:gd name="connsiteX39" fmla="*/ 71819 w 312420"/>
                  <a:gd name="connsiteY39" fmla="*/ 48956 h 419099"/>
                  <a:gd name="connsiteX40" fmla="*/ 71819 w 312420"/>
                  <a:gd name="connsiteY40" fmla="*/ 49147 h 419099"/>
                  <a:gd name="connsiteX41" fmla="*/ 71819 w 312420"/>
                  <a:gd name="connsiteY41" fmla="*/ 75912 h 419099"/>
                  <a:gd name="connsiteX42" fmla="*/ 76200 w 312420"/>
                  <a:gd name="connsiteY42" fmla="*/ 80294 h 419099"/>
                  <a:gd name="connsiteX43" fmla="*/ 236601 w 312420"/>
                  <a:gd name="connsiteY43" fmla="*/ 80294 h 419099"/>
                  <a:gd name="connsiteX44" fmla="*/ 240983 w 312420"/>
                  <a:gd name="connsiteY44" fmla="*/ 75912 h 419099"/>
                  <a:gd name="connsiteX45" fmla="*/ 240983 w 312420"/>
                  <a:gd name="connsiteY45" fmla="*/ 49147 h 419099"/>
                  <a:gd name="connsiteX46" fmla="*/ 236793 w 312420"/>
                  <a:gd name="connsiteY46" fmla="*/ 44765 h 419099"/>
                  <a:gd name="connsiteX47" fmla="*/ 236601 w 312420"/>
                  <a:gd name="connsiteY47" fmla="*/ 44765 h 419099"/>
                  <a:gd name="connsiteX48" fmla="*/ 194024 w 312420"/>
                  <a:gd name="connsiteY48" fmla="*/ 44765 h 419099"/>
                  <a:gd name="connsiteX49" fmla="*/ 185547 w 312420"/>
                  <a:gd name="connsiteY49" fmla="*/ 38764 h 419099"/>
                  <a:gd name="connsiteX50" fmla="*/ 146348 w 312420"/>
                  <a:gd name="connsiteY50" fmla="*/ 19572 h 419099"/>
                  <a:gd name="connsiteX51" fmla="*/ 127159 w 312420"/>
                  <a:gd name="connsiteY51" fmla="*/ 38764 h 419099"/>
                  <a:gd name="connsiteX52" fmla="*/ 118777 w 312420"/>
                  <a:gd name="connsiteY52" fmla="*/ 44765 h 419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420" h="419099">
                    <a:moveTo>
                      <a:pt x="22670" y="419098"/>
                    </a:moveTo>
                    <a:cubicBezTo>
                      <a:pt x="10308" y="419260"/>
                      <a:pt x="160" y="409363"/>
                      <a:pt x="2" y="397000"/>
                    </a:cubicBezTo>
                    <a:cubicBezTo>
                      <a:pt x="1" y="396933"/>
                      <a:pt x="0" y="396876"/>
                      <a:pt x="0" y="396809"/>
                    </a:cubicBezTo>
                    <a:lnTo>
                      <a:pt x="0" y="75912"/>
                    </a:lnTo>
                    <a:cubicBezTo>
                      <a:pt x="0" y="63549"/>
                      <a:pt x="10021" y="53528"/>
                      <a:pt x="22384" y="53528"/>
                    </a:cubicBezTo>
                    <a:lnTo>
                      <a:pt x="49149" y="53528"/>
                    </a:lnTo>
                    <a:cubicBezTo>
                      <a:pt x="51547" y="53481"/>
                      <a:pt x="53480" y="51547"/>
                      <a:pt x="53530" y="49147"/>
                    </a:cubicBezTo>
                    <a:lnTo>
                      <a:pt x="53530" y="35812"/>
                    </a:lnTo>
                    <a:cubicBezTo>
                      <a:pt x="53766" y="30954"/>
                      <a:pt x="57626" y="27049"/>
                      <a:pt x="62484" y="26763"/>
                    </a:cubicBezTo>
                    <a:lnTo>
                      <a:pt x="110109" y="26763"/>
                    </a:lnTo>
                    <a:cubicBezTo>
                      <a:pt x="111680" y="26772"/>
                      <a:pt x="113133" y="25934"/>
                      <a:pt x="113919" y="24572"/>
                    </a:cubicBezTo>
                    <a:cubicBezTo>
                      <a:pt x="127285" y="1188"/>
                      <a:pt x="157077" y="-6927"/>
                      <a:pt x="180460" y="6437"/>
                    </a:cubicBezTo>
                    <a:cubicBezTo>
                      <a:pt x="188016" y="10752"/>
                      <a:pt x="194278" y="17019"/>
                      <a:pt x="198596" y="24572"/>
                    </a:cubicBezTo>
                    <a:cubicBezTo>
                      <a:pt x="199409" y="25906"/>
                      <a:pt x="200845" y="26734"/>
                      <a:pt x="202406" y="26763"/>
                    </a:cubicBezTo>
                    <a:lnTo>
                      <a:pt x="250031" y="26763"/>
                    </a:lnTo>
                    <a:cubicBezTo>
                      <a:pt x="254889" y="27049"/>
                      <a:pt x="258749" y="30954"/>
                      <a:pt x="258985" y="35812"/>
                    </a:cubicBezTo>
                    <a:lnTo>
                      <a:pt x="258985" y="49147"/>
                    </a:lnTo>
                    <a:cubicBezTo>
                      <a:pt x="259035" y="51547"/>
                      <a:pt x="260968" y="53481"/>
                      <a:pt x="263366" y="53528"/>
                    </a:cubicBezTo>
                    <a:lnTo>
                      <a:pt x="290132" y="53528"/>
                    </a:lnTo>
                    <a:cubicBezTo>
                      <a:pt x="302457" y="53585"/>
                      <a:pt x="312420" y="63587"/>
                      <a:pt x="312420" y="75912"/>
                    </a:cubicBezTo>
                    <a:lnTo>
                      <a:pt x="312420" y="396809"/>
                    </a:lnTo>
                    <a:cubicBezTo>
                      <a:pt x="312420" y="409116"/>
                      <a:pt x="302441" y="419098"/>
                      <a:pt x="290132" y="419098"/>
                    </a:cubicBezTo>
                    <a:close/>
                    <a:moveTo>
                      <a:pt x="22670" y="71531"/>
                    </a:moveTo>
                    <a:cubicBezTo>
                      <a:pt x="20249" y="71531"/>
                      <a:pt x="18288" y="73493"/>
                      <a:pt x="18288" y="75912"/>
                    </a:cubicBezTo>
                    <a:lnTo>
                      <a:pt x="18288" y="396809"/>
                    </a:lnTo>
                    <a:cubicBezTo>
                      <a:pt x="18338" y="399210"/>
                      <a:pt x="20271" y="401143"/>
                      <a:pt x="22670" y="401191"/>
                    </a:cubicBezTo>
                    <a:lnTo>
                      <a:pt x="290132" y="401191"/>
                    </a:lnTo>
                    <a:cubicBezTo>
                      <a:pt x="292530" y="401143"/>
                      <a:pt x="294463" y="399210"/>
                      <a:pt x="294513" y="396809"/>
                    </a:cubicBezTo>
                    <a:lnTo>
                      <a:pt x="294513" y="75912"/>
                    </a:lnTo>
                    <a:cubicBezTo>
                      <a:pt x="294513" y="73493"/>
                      <a:pt x="292552" y="71531"/>
                      <a:pt x="290132" y="71531"/>
                    </a:cubicBezTo>
                    <a:lnTo>
                      <a:pt x="263366" y="71531"/>
                    </a:lnTo>
                    <a:cubicBezTo>
                      <a:pt x="260947" y="71531"/>
                      <a:pt x="258985" y="73493"/>
                      <a:pt x="258985" y="75912"/>
                    </a:cubicBezTo>
                    <a:lnTo>
                      <a:pt x="258985" y="89247"/>
                    </a:lnTo>
                    <a:cubicBezTo>
                      <a:pt x="258985" y="94190"/>
                      <a:pt x="254976" y="98201"/>
                      <a:pt x="250031" y="98201"/>
                    </a:cubicBezTo>
                    <a:lnTo>
                      <a:pt x="62770" y="98201"/>
                    </a:lnTo>
                    <a:cubicBezTo>
                      <a:pt x="57825" y="98201"/>
                      <a:pt x="53816" y="94190"/>
                      <a:pt x="53816" y="89247"/>
                    </a:cubicBezTo>
                    <a:lnTo>
                      <a:pt x="53816" y="75912"/>
                    </a:lnTo>
                    <a:cubicBezTo>
                      <a:pt x="53816" y="73493"/>
                      <a:pt x="51855" y="71531"/>
                      <a:pt x="49435" y="71531"/>
                    </a:cubicBezTo>
                    <a:close/>
                    <a:moveTo>
                      <a:pt x="76200" y="44765"/>
                    </a:moveTo>
                    <a:cubicBezTo>
                      <a:pt x="73833" y="44708"/>
                      <a:pt x="71872" y="46585"/>
                      <a:pt x="71819" y="48956"/>
                    </a:cubicBezTo>
                    <a:cubicBezTo>
                      <a:pt x="71817" y="49023"/>
                      <a:pt x="71817" y="49080"/>
                      <a:pt x="71819" y="49147"/>
                    </a:cubicBezTo>
                    <a:lnTo>
                      <a:pt x="71819" y="75912"/>
                    </a:lnTo>
                    <a:cubicBezTo>
                      <a:pt x="71819" y="78331"/>
                      <a:pt x="73780" y="80294"/>
                      <a:pt x="76200" y="80294"/>
                    </a:cubicBezTo>
                    <a:lnTo>
                      <a:pt x="236601" y="80294"/>
                    </a:lnTo>
                    <a:cubicBezTo>
                      <a:pt x="239020" y="80294"/>
                      <a:pt x="240983" y="78331"/>
                      <a:pt x="240983" y="75912"/>
                    </a:cubicBezTo>
                    <a:lnTo>
                      <a:pt x="240983" y="49147"/>
                    </a:lnTo>
                    <a:cubicBezTo>
                      <a:pt x="241036" y="46785"/>
                      <a:pt x="239160" y="44822"/>
                      <a:pt x="236793" y="44765"/>
                    </a:cubicBezTo>
                    <a:cubicBezTo>
                      <a:pt x="236730" y="44765"/>
                      <a:pt x="236665" y="44765"/>
                      <a:pt x="236601" y="44765"/>
                    </a:cubicBezTo>
                    <a:lnTo>
                      <a:pt x="194024" y="44765"/>
                    </a:lnTo>
                    <a:cubicBezTo>
                      <a:pt x="190261" y="44613"/>
                      <a:pt x="186938" y="42270"/>
                      <a:pt x="185547" y="38764"/>
                    </a:cubicBezTo>
                    <a:cubicBezTo>
                      <a:pt x="180022" y="22639"/>
                      <a:pt x="162471" y="14047"/>
                      <a:pt x="146348" y="19572"/>
                    </a:cubicBezTo>
                    <a:cubicBezTo>
                      <a:pt x="137331" y="22667"/>
                      <a:pt x="130249" y="29744"/>
                      <a:pt x="127159" y="38764"/>
                    </a:cubicBezTo>
                    <a:cubicBezTo>
                      <a:pt x="125936" y="42355"/>
                      <a:pt x="122567" y="44765"/>
                      <a:pt x="118777" y="44765"/>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5" name="Freeform: Shape 6">
                <a:extLst>
                  <a:ext uri="{FF2B5EF4-FFF2-40B4-BE49-F238E27FC236}">
                    <a16:creationId xmlns:a16="http://schemas.microsoft.com/office/drawing/2014/main" id="{822D79EE-E0A2-C5F2-D7A2-35DB0568B9B0}"/>
                  </a:ext>
                </a:extLst>
              </p:cNvPr>
              <p:cNvSpPr/>
              <p:nvPr/>
            </p:nvSpPr>
            <p:spPr>
              <a:xfrm>
                <a:off x="1278089" y="3391738"/>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6" name="Freeform: Shape 7">
                <a:extLst>
                  <a:ext uri="{FF2B5EF4-FFF2-40B4-BE49-F238E27FC236}">
                    <a16:creationId xmlns:a16="http://schemas.microsoft.com/office/drawing/2014/main" id="{C80E4266-7BC9-C13F-36C3-A70E4BD76DA9}"/>
                  </a:ext>
                </a:extLst>
              </p:cNvPr>
              <p:cNvSpPr/>
              <p:nvPr/>
            </p:nvSpPr>
            <p:spPr>
              <a:xfrm>
                <a:off x="1278089" y="3471939"/>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7" name="Freeform: Shape 8">
                <a:extLst>
                  <a:ext uri="{FF2B5EF4-FFF2-40B4-BE49-F238E27FC236}">
                    <a16:creationId xmlns:a16="http://schemas.microsoft.com/office/drawing/2014/main" id="{117A0E6C-41E1-7315-80A1-F7CC9E07677A}"/>
                  </a:ext>
                </a:extLst>
              </p:cNvPr>
              <p:cNvSpPr/>
              <p:nvPr/>
            </p:nvSpPr>
            <p:spPr>
              <a:xfrm>
                <a:off x="1279112" y="3552285"/>
                <a:ext cx="84581" cy="17907"/>
              </a:xfrm>
              <a:custGeom>
                <a:avLst/>
                <a:gdLst>
                  <a:gd name="connsiteX0" fmla="*/ 8954 w 84581"/>
                  <a:gd name="connsiteY0" fmla="*/ 17907 h 17907"/>
                  <a:gd name="connsiteX1" fmla="*/ 0 w 84581"/>
                  <a:gd name="connsiteY1" fmla="*/ 8954 h 17907"/>
                  <a:gd name="connsiteX2" fmla="*/ 8954 w 84581"/>
                  <a:gd name="connsiteY2" fmla="*/ 0 h 17907"/>
                  <a:gd name="connsiteX3" fmla="*/ 75629 w 84581"/>
                  <a:gd name="connsiteY3" fmla="*/ 0 h 17907"/>
                  <a:gd name="connsiteX4" fmla="*/ 84582 w 84581"/>
                  <a:gd name="connsiteY4" fmla="*/ 8954 h 17907"/>
                  <a:gd name="connsiteX5" fmla="*/ 75629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4" y="17907"/>
                    </a:moveTo>
                    <a:cubicBezTo>
                      <a:pt x="4009" y="17907"/>
                      <a:pt x="0" y="13897"/>
                      <a:pt x="0" y="8954"/>
                    </a:cubicBezTo>
                    <a:cubicBezTo>
                      <a:pt x="0" y="4010"/>
                      <a:pt x="4009" y="0"/>
                      <a:pt x="8954" y="0"/>
                    </a:cubicBezTo>
                    <a:lnTo>
                      <a:pt x="75629" y="0"/>
                    </a:lnTo>
                    <a:cubicBezTo>
                      <a:pt x="80574" y="0"/>
                      <a:pt x="84582" y="4010"/>
                      <a:pt x="84582" y="8954"/>
                    </a:cubicBezTo>
                    <a:cubicBezTo>
                      <a:pt x="84582" y="13897"/>
                      <a:pt x="80574" y="17907"/>
                      <a:pt x="75629" y="17907"/>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8" name="Freeform: Shape 9">
                <a:extLst>
                  <a:ext uri="{FF2B5EF4-FFF2-40B4-BE49-F238E27FC236}">
                    <a16:creationId xmlns:a16="http://schemas.microsoft.com/office/drawing/2014/main" id="{1C8014E1-80C5-B764-E3A1-D446D2C5095A}"/>
                  </a:ext>
                </a:extLst>
              </p:cNvPr>
              <p:cNvSpPr/>
              <p:nvPr/>
            </p:nvSpPr>
            <p:spPr>
              <a:xfrm>
                <a:off x="1452372" y="3284823"/>
                <a:ext cx="71913" cy="365569"/>
              </a:xfrm>
              <a:custGeom>
                <a:avLst/>
                <a:gdLst>
                  <a:gd name="connsiteX0" fmla="*/ 36195 w 71913"/>
                  <a:gd name="connsiteY0" fmla="*/ 365570 h 365569"/>
                  <a:gd name="connsiteX1" fmla="*/ 27241 w 71913"/>
                  <a:gd name="connsiteY1" fmla="*/ 356616 h 365569"/>
                  <a:gd name="connsiteX2" fmla="*/ 27241 w 71913"/>
                  <a:gd name="connsiteY2" fmla="*/ 329851 h 365569"/>
                  <a:gd name="connsiteX3" fmla="*/ 22860 w 71913"/>
                  <a:gd name="connsiteY3" fmla="*/ 325469 h 365569"/>
                  <a:gd name="connsiteX4" fmla="*/ 13906 w 71913"/>
                  <a:gd name="connsiteY4" fmla="*/ 316516 h 365569"/>
                  <a:gd name="connsiteX5" fmla="*/ 13906 w 71913"/>
                  <a:gd name="connsiteY5" fmla="*/ 290227 h 365569"/>
                  <a:gd name="connsiteX6" fmla="*/ 9525 w 71913"/>
                  <a:gd name="connsiteY6" fmla="*/ 285845 h 365569"/>
                  <a:gd name="connsiteX7" fmla="*/ 0 w 71913"/>
                  <a:gd name="connsiteY7" fmla="*/ 276892 h 365569"/>
                  <a:gd name="connsiteX8" fmla="*/ 0 w 71913"/>
                  <a:gd name="connsiteY8" fmla="*/ 49054 h 365569"/>
                  <a:gd name="connsiteX9" fmla="*/ 9525 w 71913"/>
                  <a:gd name="connsiteY9" fmla="*/ 40100 h 365569"/>
                  <a:gd name="connsiteX10" fmla="*/ 13906 w 71913"/>
                  <a:gd name="connsiteY10" fmla="*/ 35719 h 365569"/>
                  <a:gd name="connsiteX11" fmla="*/ 13906 w 71913"/>
                  <a:gd name="connsiteY11" fmla="*/ 8954 h 365569"/>
                  <a:gd name="connsiteX12" fmla="*/ 22860 w 71913"/>
                  <a:gd name="connsiteY12" fmla="*/ 0 h 365569"/>
                  <a:gd name="connsiteX13" fmla="*/ 49625 w 71913"/>
                  <a:gd name="connsiteY13" fmla="*/ 0 h 365569"/>
                  <a:gd name="connsiteX14" fmla="*/ 58579 w 71913"/>
                  <a:gd name="connsiteY14" fmla="*/ 8954 h 365569"/>
                  <a:gd name="connsiteX15" fmla="*/ 58579 w 71913"/>
                  <a:gd name="connsiteY15" fmla="*/ 35719 h 365569"/>
                  <a:gd name="connsiteX16" fmla="*/ 62960 w 71913"/>
                  <a:gd name="connsiteY16" fmla="*/ 40100 h 365569"/>
                  <a:gd name="connsiteX17" fmla="*/ 71914 w 71913"/>
                  <a:gd name="connsiteY17" fmla="*/ 49054 h 365569"/>
                  <a:gd name="connsiteX18" fmla="*/ 71914 w 71913"/>
                  <a:gd name="connsiteY18" fmla="*/ 276415 h 365569"/>
                  <a:gd name="connsiteX19" fmla="*/ 62960 w 71913"/>
                  <a:gd name="connsiteY19" fmla="*/ 285369 h 365569"/>
                  <a:gd name="connsiteX20" fmla="*/ 58579 w 71913"/>
                  <a:gd name="connsiteY20" fmla="*/ 289751 h 365569"/>
                  <a:gd name="connsiteX21" fmla="*/ 58579 w 71913"/>
                  <a:gd name="connsiteY21" fmla="*/ 316516 h 365569"/>
                  <a:gd name="connsiteX22" fmla="*/ 49625 w 71913"/>
                  <a:gd name="connsiteY22" fmla="*/ 325469 h 365569"/>
                  <a:gd name="connsiteX23" fmla="*/ 45244 w 71913"/>
                  <a:gd name="connsiteY23" fmla="*/ 329851 h 365569"/>
                  <a:gd name="connsiteX24" fmla="*/ 45244 w 71913"/>
                  <a:gd name="connsiteY24" fmla="*/ 356902 h 365569"/>
                  <a:gd name="connsiteX25" fmla="*/ 36195 w 71913"/>
                  <a:gd name="connsiteY25" fmla="*/ 365570 h 365569"/>
                  <a:gd name="connsiteX26" fmla="*/ 22860 w 71913"/>
                  <a:gd name="connsiteY26" fmla="*/ 58103 h 365569"/>
                  <a:gd name="connsiteX27" fmla="*/ 18478 w 71913"/>
                  <a:gd name="connsiteY27" fmla="*/ 62484 h 365569"/>
                  <a:gd name="connsiteX28" fmla="*/ 18478 w 71913"/>
                  <a:gd name="connsiteY28" fmla="*/ 262509 h 365569"/>
                  <a:gd name="connsiteX29" fmla="*/ 22860 w 71913"/>
                  <a:gd name="connsiteY29" fmla="*/ 266986 h 365569"/>
                  <a:gd name="connsiteX30" fmla="*/ 49625 w 71913"/>
                  <a:gd name="connsiteY30" fmla="*/ 266986 h 365569"/>
                  <a:gd name="connsiteX31" fmla="*/ 54007 w 71913"/>
                  <a:gd name="connsiteY31" fmla="*/ 262509 h 365569"/>
                  <a:gd name="connsiteX32" fmla="*/ 54007 w 71913"/>
                  <a:gd name="connsiteY32" fmla="*/ 62484 h 365569"/>
                  <a:gd name="connsiteX33" fmla="*/ 49625 w 71913"/>
                  <a:gd name="connsiteY33" fmla="*/ 58103 h 36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1913" h="365569">
                    <a:moveTo>
                      <a:pt x="36195" y="365570"/>
                    </a:moveTo>
                    <a:cubicBezTo>
                      <a:pt x="31250" y="365570"/>
                      <a:pt x="27241" y="361560"/>
                      <a:pt x="27241" y="356616"/>
                    </a:cubicBezTo>
                    <a:lnTo>
                      <a:pt x="27241" y="329851"/>
                    </a:lnTo>
                    <a:cubicBezTo>
                      <a:pt x="27191" y="327450"/>
                      <a:pt x="25258" y="325517"/>
                      <a:pt x="22860" y="325469"/>
                    </a:cubicBezTo>
                    <a:cubicBezTo>
                      <a:pt x="17915" y="325469"/>
                      <a:pt x="13906" y="321459"/>
                      <a:pt x="13906" y="316516"/>
                    </a:cubicBezTo>
                    <a:lnTo>
                      <a:pt x="13906" y="290227"/>
                    </a:lnTo>
                    <a:cubicBezTo>
                      <a:pt x="13856" y="287826"/>
                      <a:pt x="11923" y="285893"/>
                      <a:pt x="9525" y="285845"/>
                    </a:cubicBezTo>
                    <a:cubicBezTo>
                      <a:pt x="4480" y="285855"/>
                      <a:pt x="303" y="281930"/>
                      <a:pt x="0" y="276892"/>
                    </a:cubicBezTo>
                    <a:lnTo>
                      <a:pt x="0" y="49054"/>
                    </a:lnTo>
                    <a:cubicBezTo>
                      <a:pt x="303" y="44015"/>
                      <a:pt x="4480" y="40091"/>
                      <a:pt x="9525" y="40100"/>
                    </a:cubicBezTo>
                    <a:cubicBezTo>
                      <a:pt x="11923" y="40053"/>
                      <a:pt x="13856" y="38119"/>
                      <a:pt x="13906" y="35719"/>
                    </a:cubicBezTo>
                    <a:lnTo>
                      <a:pt x="13906" y="8954"/>
                    </a:lnTo>
                    <a:cubicBezTo>
                      <a:pt x="13906" y="4010"/>
                      <a:pt x="17916" y="0"/>
                      <a:pt x="22860" y="0"/>
                    </a:cubicBezTo>
                    <a:lnTo>
                      <a:pt x="49625" y="0"/>
                    </a:lnTo>
                    <a:cubicBezTo>
                      <a:pt x="54571" y="0"/>
                      <a:pt x="58579" y="4010"/>
                      <a:pt x="58579" y="8954"/>
                    </a:cubicBezTo>
                    <a:lnTo>
                      <a:pt x="58579" y="35719"/>
                    </a:lnTo>
                    <a:cubicBezTo>
                      <a:pt x="58629" y="38119"/>
                      <a:pt x="60562" y="40053"/>
                      <a:pt x="62960" y="40100"/>
                    </a:cubicBezTo>
                    <a:cubicBezTo>
                      <a:pt x="67905" y="40100"/>
                      <a:pt x="71914" y="44110"/>
                      <a:pt x="71914" y="49054"/>
                    </a:cubicBezTo>
                    <a:lnTo>
                      <a:pt x="71914" y="276415"/>
                    </a:lnTo>
                    <a:cubicBezTo>
                      <a:pt x="71914" y="281359"/>
                      <a:pt x="67905" y="285369"/>
                      <a:pt x="62960" y="285369"/>
                    </a:cubicBezTo>
                    <a:cubicBezTo>
                      <a:pt x="60562" y="285417"/>
                      <a:pt x="58629" y="287350"/>
                      <a:pt x="58579" y="289751"/>
                    </a:cubicBezTo>
                    <a:lnTo>
                      <a:pt x="58579" y="316516"/>
                    </a:lnTo>
                    <a:cubicBezTo>
                      <a:pt x="58579" y="321459"/>
                      <a:pt x="54570" y="325469"/>
                      <a:pt x="49625" y="325469"/>
                    </a:cubicBezTo>
                    <a:cubicBezTo>
                      <a:pt x="47205" y="325469"/>
                      <a:pt x="45244" y="327431"/>
                      <a:pt x="45244" y="329851"/>
                    </a:cubicBezTo>
                    <a:lnTo>
                      <a:pt x="45244" y="356902"/>
                    </a:lnTo>
                    <a:cubicBezTo>
                      <a:pt x="44820" y="361645"/>
                      <a:pt x="40955" y="365350"/>
                      <a:pt x="36195" y="365570"/>
                    </a:cubicBezTo>
                    <a:close/>
                    <a:moveTo>
                      <a:pt x="22860" y="58103"/>
                    </a:moveTo>
                    <a:cubicBezTo>
                      <a:pt x="20440" y="58103"/>
                      <a:pt x="18478" y="60065"/>
                      <a:pt x="18478" y="62484"/>
                    </a:cubicBezTo>
                    <a:lnTo>
                      <a:pt x="18478" y="262509"/>
                    </a:lnTo>
                    <a:cubicBezTo>
                      <a:pt x="18478" y="264948"/>
                      <a:pt x="20424" y="266938"/>
                      <a:pt x="22860" y="266986"/>
                    </a:cubicBezTo>
                    <a:lnTo>
                      <a:pt x="49625" y="266986"/>
                    </a:lnTo>
                    <a:cubicBezTo>
                      <a:pt x="52061" y="266938"/>
                      <a:pt x="54008" y="264948"/>
                      <a:pt x="54007" y="262509"/>
                    </a:cubicBezTo>
                    <a:lnTo>
                      <a:pt x="54007" y="62484"/>
                    </a:lnTo>
                    <a:cubicBezTo>
                      <a:pt x="54007" y="60065"/>
                      <a:pt x="52046" y="58103"/>
                      <a:pt x="49625" y="581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79" name="Freeform: Shape 10">
                <a:extLst>
                  <a:ext uri="{FF2B5EF4-FFF2-40B4-BE49-F238E27FC236}">
                    <a16:creationId xmlns:a16="http://schemas.microsoft.com/office/drawing/2014/main" id="{94AA7C2F-0D10-1C68-1B78-D6BB6C647E9F}"/>
                  </a:ext>
                </a:extLst>
              </p:cNvPr>
              <p:cNvSpPr/>
              <p:nvPr/>
            </p:nvSpPr>
            <p:spPr>
              <a:xfrm>
                <a:off x="1159329" y="3366071"/>
                <a:ext cx="84511" cy="70389"/>
              </a:xfrm>
              <a:custGeom>
                <a:avLst/>
                <a:gdLst>
                  <a:gd name="connsiteX0" fmla="*/ 35011 w 84511"/>
                  <a:gd name="connsiteY0" fmla="*/ 70390 h 70389"/>
                  <a:gd name="connsiteX1" fmla="*/ 32058 w 84511"/>
                  <a:gd name="connsiteY1" fmla="*/ 69818 h 70389"/>
                  <a:gd name="connsiteX2" fmla="*/ 32058 w 84511"/>
                  <a:gd name="connsiteY2" fmla="*/ 69818 h 70389"/>
                  <a:gd name="connsiteX3" fmla="*/ 31391 w 84511"/>
                  <a:gd name="connsiteY3" fmla="*/ 69818 h 70389"/>
                  <a:gd name="connsiteX4" fmla="*/ 30534 w 84511"/>
                  <a:gd name="connsiteY4" fmla="*/ 69818 h 70389"/>
                  <a:gd name="connsiteX5" fmla="*/ 30534 w 84511"/>
                  <a:gd name="connsiteY5" fmla="*/ 69818 h 70389"/>
                  <a:gd name="connsiteX6" fmla="*/ 29867 w 84511"/>
                  <a:gd name="connsiteY6" fmla="*/ 69152 h 70389"/>
                  <a:gd name="connsiteX7" fmla="*/ 29010 w 84511"/>
                  <a:gd name="connsiteY7" fmla="*/ 68580 h 70389"/>
                  <a:gd name="connsiteX8" fmla="*/ 2626 w 84511"/>
                  <a:gd name="connsiteY8" fmla="*/ 42101 h 70389"/>
                  <a:gd name="connsiteX9" fmla="*/ 2620 w 84511"/>
                  <a:gd name="connsiteY9" fmla="*/ 29442 h 70389"/>
                  <a:gd name="connsiteX10" fmla="*/ 2626 w 84511"/>
                  <a:gd name="connsiteY10" fmla="*/ 29432 h 70389"/>
                  <a:gd name="connsiteX11" fmla="*/ 8912 w 84511"/>
                  <a:gd name="connsiteY11" fmla="*/ 26765 h 70389"/>
                  <a:gd name="connsiteX12" fmla="*/ 15294 w 84511"/>
                  <a:gd name="connsiteY12" fmla="*/ 29432 h 70389"/>
                  <a:gd name="connsiteX13" fmla="*/ 31105 w 84511"/>
                  <a:gd name="connsiteY13" fmla="*/ 45244 h 70389"/>
                  <a:gd name="connsiteX14" fmla="*/ 34249 w 84511"/>
                  <a:gd name="connsiteY14" fmla="*/ 46482 h 70389"/>
                  <a:gd name="connsiteX15" fmla="*/ 34249 w 84511"/>
                  <a:gd name="connsiteY15" fmla="*/ 46482 h 70389"/>
                  <a:gd name="connsiteX16" fmla="*/ 37487 w 84511"/>
                  <a:gd name="connsiteY16" fmla="*/ 44768 h 70389"/>
                  <a:gd name="connsiteX17" fmla="*/ 68348 w 84511"/>
                  <a:gd name="connsiteY17" fmla="*/ 3620 h 70389"/>
                  <a:gd name="connsiteX18" fmla="*/ 75492 w 84511"/>
                  <a:gd name="connsiteY18" fmla="*/ 0 h 70389"/>
                  <a:gd name="connsiteX19" fmla="*/ 80921 w 84511"/>
                  <a:gd name="connsiteY19" fmla="*/ 1810 h 70389"/>
                  <a:gd name="connsiteX20" fmla="*/ 84445 w 84511"/>
                  <a:gd name="connsiteY20" fmla="*/ 7715 h 70389"/>
                  <a:gd name="connsiteX21" fmla="*/ 82731 w 84511"/>
                  <a:gd name="connsiteY21" fmla="*/ 14383 h 70389"/>
                  <a:gd name="connsiteX22" fmla="*/ 42631 w 84511"/>
                  <a:gd name="connsiteY22" fmla="*/ 66104 h 70389"/>
                  <a:gd name="connsiteX23" fmla="*/ 41869 w 84511"/>
                  <a:gd name="connsiteY23" fmla="*/ 66865 h 70389"/>
                  <a:gd name="connsiteX24" fmla="*/ 41297 w 84511"/>
                  <a:gd name="connsiteY24" fmla="*/ 67628 h 70389"/>
                  <a:gd name="connsiteX25" fmla="*/ 40726 w 84511"/>
                  <a:gd name="connsiteY25" fmla="*/ 67628 h 70389"/>
                  <a:gd name="connsiteX26" fmla="*/ 39773 w 84511"/>
                  <a:gd name="connsiteY26" fmla="*/ 67628 h 70389"/>
                  <a:gd name="connsiteX27" fmla="*/ 38916 w 84511"/>
                  <a:gd name="connsiteY27" fmla="*/ 68294 h 70389"/>
                  <a:gd name="connsiteX28" fmla="*/ 38916 w 84511"/>
                  <a:gd name="connsiteY28" fmla="*/ 68294 h 70389"/>
                  <a:gd name="connsiteX29" fmla="*/ 35487 w 84511"/>
                  <a:gd name="connsiteY29" fmla="*/ 69056 h 703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11" h="70389">
                    <a:moveTo>
                      <a:pt x="35011" y="70390"/>
                    </a:moveTo>
                    <a:cubicBezTo>
                      <a:pt x="34000" y="70380"/>
                      <a:pt x="33000" y="70180"/>
                      <a:pt x="32058" y="69818"/>
                    </a:cubicBezTo>
                    <a:lnTo>
                      <a:pt x="32058" y="69818"/>
                    </a:lnTo>
                    <a:lnTo>
                      <a:pt x="31391" y="69818"/>
                    </a:lnTo>
                    <a:lnTo>
                      <a:pt x="30534" y="69818"/>
                    </a:lnTo>
                    <a:lnTo>
                      <a:pt x="30534" y="69818"/>
                    </a:lnTo>
                    <a:lnTo>
                      <a:pt x="29867" y="69152"/>
                    </a:lnTo>
                    <a:lnTo>
                      <a:pt x="29010" y="68580"/>
                    </a:lnTo>
                    <a:lnTo>
                      <a:pt x="2626" y="42101"/>
                    </a:lnTo>
                    <a:cubicBezTo>
                      <a:pt x="-873" y="38605"/>
                      <a:pt x="-876" y="32938"/>
                      <a:pt x="2620" y="29442"/>
                    </a:cubicBezTo>
                    <a:cubicBezTo>
                      <a:pt x="2622" y="29432"/>
                      <a:pt x="2624" y="29432"/>
                      <a:pt x="2626" y="29432"/>
                    </a:cubicBezTo>
                    <a:cubicBezTo>
                      <a:pt x="4268" y="27718"/>
                      <a:pt x="6540" y="26756"/>
                      <a:pt x="8912" y="26765"/>
                    </a:cubicBezTo>
                    <a:cubicBezTo>
                      <a:pt x="11298" y="26822"/>
                      <a:pt x="13576" y="27775"/>
                      <a:pt x="15294" y="29432"/>
                    </a:cubicBezTo>
                    <a:lnTo>
                      <a:pt x="31105" y="45244"/>
                    </a:lnTo>
                    <a:cubicBezTo>
                      <a:pt x="31946" y="46063"/>
                      <a:pt x="33077" y="46511"/>
                      <a:pt x="34249" y="46482"/>
                    </a:cubicBezTo>
                    <a:lnTo>
                      <a:pt x="34249" y="46482"/>
                    </a:lnTo>
                    <a:cubicBezTo>
                      <a:pt x="35527" y="46415"/>
                      <a:pt x="36710" y="45787"/>
                      <a:pt x="37487" y="44768"/>
                    </a:cubicBezTo>
                    <a:lnTo>
                      <a:pt x="68348" y="3620"/>
                    </a:lnTo>
                    <a:cubicBezTo>
                      <a:pt x="70017" y="1343"/>
                      <a:pt x="72670" y="0"/>
                      <a:pt x="75492" y="0"/>
                    </a:cubicBezTo>
                    <a:cubicBezTo>
                      <a:pt x="77445" y="29"/>
                      <a:pt x="79340" y="667"/>
                      <a:pt x="80921" y="1810"/>
                    </a:cubicBezTo>
                    <a:cubicBezTo>
                      <a:pt x="82790" y="3267"/>
                      <a:pt x="84047" y="5372"/>
                      <a:pt x="84445" y="7715"/>
                    </a:cubicBezTo>
                    <a:cubicBezTo>
                      <a:pt x="84725" y="10077"/>
                      <a:pt x="84114" y="12449"/>
                      <a:pt x="82731" y="14383"/>
                    </a:cubicBezTo>
                    <a:lnTo>
                      <a:pt x="42631" y="66104"/>
                    </a:lnTo>
                    <a:lnTo>
                      <a:pt x="41869" y="66865"/>
                    </a:lnTo>
                    <a:lnTo>
                      <a:pt x="41297" y="67628"/>
                    </a:lnTo>
                    <a:lnTo>
                      <a:pt x="40726" y="67628"/>
                    </a:lnTo>
                    <a:lnTo>
                      <a:pt x="39773" y="67628"/>
                    </a:lnTo>
                    <a:lnTo>
                      <a:pt x="38916" y="68294"/>
                    </a:lnTo>
                    <a:lnTo>
                      <a:pt x="38916" y="68294"/>
                    </a:lnTo>
                    <a:cubicBezTo>
                      <a:pt x="37835" y="68771"/>
                      <a:pt x="36669" y="69028"/>
                      <a:pt x="35487" y="690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0" name="Freeform: Shape 11">
                <a:extLst>
                  <a:ext uri="{FF2B5EF4-FFF2-40B4-BE49-F238E27FC236}">
                    <a16:creationId xmlns:a16="http://schemas.microsoft.com/office/drawing/2014/main" id="{29A6D21B-1FFD-6EE0-74D2-691EA18F69B5}"/>
                  </a:ext>
                </a:extLst>
              </p:cNvPr>
              <p:cNvSpPr/>
              <p:nvPr/>
            </p:nvSpPr>
            <p:spPr>
              <a:xfrm>
                <a:off x="1159329" y="3446366"/>
                <a:ext cx="84502" cy="70962"/>
              </a:xfrm>
              <a:custGeom>
                <a:avLst/>
                <a:gdLst>
                  <a:gd name="connsiteX0" fmla="*/ 35011 w 84502"/>
                  <a:gd name="connsiteY0" fmla="*/ 70391 h 70962"/>
                  <a:gd name="connsiteX1" fmla="*/ 32058 w 84502"/>
                  <a:gd name="connsiteY1" fmla="*/ 69724 h 70962"/>
                  <a:gd name="connsiteX2" fmla="*/ 32058 w 84502"/>
                  <a:gd name="connsiteY2" fmla="*/ 69724 h 70962"/>
                  <a:gd name="connsiteX3" fmla="*/ 31391 w 84502"/>
                  <a:gd name="connsiteY3" fmla="*/ 69724 h 70962"/>
                  <a:gd name="connsiteX4" fmla="*/ 30534 w 84502"/>
                  <a:gd name="connsiteY4" fmla="*/ 69724 h 70962"/>
                  <a:gd name="connsiteX5" fmla="*/ 30534 w 84502"/>
                  <a:gd name="connsiteY5" fmla="*/ 69724 h 70962"/>
                  <a:gd name="connsiteX6" fmla="*/ 29867 w 84502"/>
                  <a:gd name="connsiteY6" fmla="*/ 69057 h 70962"/>
                  <a:gd name="connsiteX7" fmla="*/ 29010 w 84502"/>
                  <a:gd name="connsiteY7" fmla="*/ 68486 h 70962"/>
                  <a:gd name="connsiteX8" fmla="*/ 2626 w 84502"/>
                  <a:gd name="connsiteY8" fmla="*/ 42006 h 70962"/>
                  <a:gd name="connsiteX9" fmla="*/ 2620 w 84502"/>
                  <a:gd name="connsiteY9" fmla="*/ 29348 h 70962"/>
                  <a:gd name="connsiteX10" fmla="*/ 2626 w 84502"/>
                  <a:gd name="connsiteY10" fmla="*/ 29338 h 70962"/>
                  <a:gd name="connsiteX11" fmla="*/ 8912 w 84502"/>
                  <a:gd name="connsiteY11" fmla="*/ 26671 h 70962"/>
                  <a:gd name="connsiteX12" fmla="*/ 15294 w 84502"/>
                  <a:gd name="connsiteY12" fmla="*/ 29338 h 70962"/>
                  <a:gd name="connsiteX13" fmla="*/ 31105 w 84502"/>
                  <a:gd name="connsiteY13" fmla="*/ 45150 h 70962"/>
                  <a:gd name="connsiteX14" fmla="*/ 34249 w 84502"/>
                  <a:gd name="connsiteY14" fmla="*/ 46483 h 70962"/>
                  <a:gd name="connsiteX15" fmla="*/ 34249 w 84502"/>
                  <a:gd name="connsiteY15" fmla="*/ 46483 h 70962"/>
                  <a:gd name="connsiteX16" fmla="*/ 37487 w 84502"/>
                  <a:gd name="connsiteY16" fmla="*/ 44673 h 70962"/>
                  <a:gd name="connsiteX17" fmla="*/ 68348 w 84502"/>
                  <a:gd name="connsiteY17" fmla="*/ 3525 h 70962"/>
                  <a:gd name="connsiteX18" fmla="*/ 75492 w 84502"/>
                  <a:gd name="connsiteY18" fmla="*/ 1 h 70962"/>
                  <a:gd name="connsiteX19" fmla="*/ 80921 w 84502"/>
                  <a:gd name="connsiteY19" fmla="*/ 1716 h 70962"/>
                  <a:gd name="connsiteX20" fmla="*/ 84445 w 84502"/>
                  <a:gd name="connsiteY20" fmla="*/ 7716 h 70962"/>
                  <a:gd name="connsiteX21" fmla="*/ 82731 w 84502"/>
                  <a:gd name="connsiteY21" fmla="*/ 14288 h 70962"/>
                  <a:gd name="connsiteX22" fmla="*/ 42916 w 84502"/>
                  <a:gd name="connsiteY22" fmla="*/ 67343 h 70962"/>
                  <a:gd name="connsiteX23" fmla="*/ 42154 w 84502"/>
                  <a:gd name="connsiteY23" fmla="*/ 68105 h 70962"/>
                  <a:gd name="connsiteX24" fmla="*/ 41583 w 84502"/>
                  <a:gd name="connsiteY24" fmla="*/ 68962 h 70962"/>
                  <a:gd name="connsiteX25" fmla="*/ 41011 w 84502"/>
                  <a:gd name="connsiteY25" fmla="*/ 68962 h 70962"/>
                  <a:gd name="connsiteX26" fmla="*/ 40059 w 84502"/>
                  <a:gd name="connsiteY26" fmla="*/ 69533 h 70962"/>
                  <a:gd name="connsiteX27" fmla="*/ 39202 w 84502"/>
                  <a:gd name="connsiteY27" fmla="*/ 70105 h 70962"/>
                  <a:gd name="connsiteX28" fmla="*/ 39202 w 84502"/>
                  <a:gd name="connsiteY28" fmla="*/ 70105 h 70962"/>
                  <a:gd name="connsiteX29" fmla="*/ 35773 w 84502"/>
                  <a:gd name="connsiteY29"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02" h="70962">
                    <a:moveTo>
                      <a:pt x="35011" y="70391"/>
                    </a:moveTo>
                    <a:cubicBezTo>
                      <a:pt x="33995" y="70343"/>
                      <a:pt x="32996" y="70115"/>
                      <a:pt x="32058" y="69724"/>
                    </a:cubicBezTo>
                    <a:lnTo>
                      <a:pt x="32058" y="69724"/>
                    </a:lnTo>
                    <a:lnTo>
                      <a:pt x="31391" y="69724"/>
                    </a:lnTo>
                    <a:lnTo>
                      <a:pt x="30534" y="69724"/>
                    </a:lnTo>
                    <a:lnTo>
                      <a:pt x="30534" y="69724"/>
                    </a:lnTo>
                    <a:lnTo>
                      <a:pt x="29867" y="69057"/>
                    </a:lnTo>
                    <a:lnTo>
                      <a:pt x="29010" y="68486"/>
                    </a:lnTo>
                    <a:lnTo>
                      <a:pt x="2626" y="42006"/>
                    </a:lnTo>
                    <a:cubicBezTo>
                      <a:pt x="-873" y="38510"/>
                      <a:pt x="-876" y="32843"/>
                      <a:pt x="2620" y="29348"/>
                    </a:cubicBezTo>
                    <a:cubicBezTo>
                      <a:pt x="2622" y="29338"/>
                      <a:pt x="2624" y="29338"/>
                      <a:pt x="2626" y="29338"/>
                    </a:cubicBezTo>
                    <a:cubicBezTo>
                      <a:pt x="4268" y="27624"/>
                      <a:pt x="6540" y="26661"/>
                      <a:pt x="8912" y="26671"/>
                    </a:cubicBezTo>
                    <a:cubicBezTo>
                      <a:pt x="11298" y="26728"/>
                      <a:pt x="13576" y="27681"/>
                      <a:pt x="15294" y="29338"/>
                    </a:cubicBezTo>
                    <a:lnTo>
                      <a:pt x="31105" y="45150"/>
                    </a:lnTo>
                    <a:cubicBezTo>
                      <a:pt x="31936" y="45988"/>
                      <a:pt x="33066" y="46473"/>
                      <a:pt x="34249" y="46483"/>
                    </a:cubicBezTo>
                    <a:lnTo>
                      <a:pt x="34249" y="46483"/>
                    </a:lnTo>
                    <a:cubicBezTo>
                      <a:pt x="35539" y="46378"/>
                      <a:pt x="36720" y="45721"/>
                      <a:pt x="37487" y="44673"/>
                    </a:cubicBezTo>
                    <a:lnTo>
                      <a:pt x="68348" y="3525"/>
                    </a:lnTo>
                    <a:cubicBezTo>
                      <a:pt x="70027" y="1277"/>
                      <a:pt x="72683" y="-37"/>
                      <a:pt x="75492" y="1"/>
                    </a:cubicBezTo>
                    <a:cubicBezTo>
                      <a:pt x="77434" y="1"/>
                      <a:pt x="79329" y="601"/>
                      <a:pt x="80921" y="1716"/>
                    </a:cubicBezTo>
                    <a:cubicBezTo>
                      <a:pt x="82811" y="3201"/>
                      <a:pt x="84069" y="5344"/>
                      <a:pt x="84445" y="7716"/>
                    </a:cubicBezTo>
                    <a:cubicBezTo>
                      <a:pt x="84701" y="10040"/>
                      <a:pt x="84091" y="12383"/>
                      <a:pt x="82731" y="14288"/>
                    </a:cubicBezTo>
                    <a:lnTo>
                      <a:pt x="42916" y="67343"/>
                    </a:lnTo>
                    <a:lnTo>
                      <a:pt x="42154" y="68105"/>
                    </a:lnTo>
                    <a:cubicBezTo>
                      <a:pt x="41901" y="68343"/>
                      <a:pt x="41706" y="68638"/>
                      <a:pt x="41583" y="68962"/>
                    </a:cubicBezTo>
                    <a:lnTo>
                      <a:pt x="41011" y="68962"/>
                    </a:lnTo>
                    <a:lnTo>
                      <a:pt x="40059" y="69533"/>
                    </a:lnTo>
                    <a:lnTo>
                      <a:pt x="39202" y="70105"/>
                    </a:lnTo>
                    <a:lnTo>
                      <a:pt x="39202" y="70105"/>
                    </a:lnTo>
                    <a:cubicBezTo>
                      <a:pt x="38110" y="70572"/>
                      <a:pt x="36954" y="70857"/>
                      <a:pt x="35773"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1" name="Freeform: Shape 12">
                <a:extLst>
                  <a:ext uri="{FF2B5EF4-FFF2-40B4-BE49-F238E27FC236}">
                    <a16:creationId xmlns:a16="http://schemas.microsoft.com/office/drawing/2014/main" id="{BD98AEC5-17B9-0CE6-E73E-FD6ACE46CAB6}"/>
                  </a:ext>
                </a:extLst>
              </p:cNvPr>
              <p:cNvSpPr/>
              <p:nvPr/>
            </p:nvSpPr>
            <p:spPr>
              <a:xfrm>
                <a:off x="1158929" y="3525614"/>
                <a:ext cx="84340" cy="71343"/>
              </a:xfrm>
              <a:custGeom>
                <a:avLst/>
                <a:gdLst>
                  <a:gd name="connsiteX0" fmla="*/ 35410 w 84340"/>
                  <a:gd name="connsiteY0" fmla="*/ 71343 h 71343"/>
                  <a:gd name="connsiteX1" fmla="*/ 32458 w 84340"/>
                  <a:gd name="connsiteY1" fmla="*/ 70677 h 71343"/>
                  <a:gd name="connsiteX2" fmla="*/ 32458 w 84340"/>
                  <a:gd name="connsiteY2" fmla="*/ 70677 h 71343"/>
                  <a:gd name="connsiteX3" fmla="*/ 31791 w 84340"/>
                  <a:gd name="connsiteY3" fmla="*/ 70677 h 71343"/>
                  <a:gd name="connsiteX4" fmla="*/ 30934 w 84340"/>
                  <a:gd name="connsiteY4" fmla="*/ 70677 h 71343"/>
                  <a:gd name="connsiteX5" fmla="*/ 30934 w 84340"/>
                  <a:gd name="connsiteY5" fmla="*/ 70677 h 71343"/>
                  <a:gd name="connsiteX6" fmla="*/ 30267 w 84340"/>
                  <a:gd name="connsiteY6" fmla="*/ 70105 h 71343"/>
                  <a:gd name="connsiteX7" fmla="*/ 28838 w 84340"/>
                  <a:gd name="connsiteY7" fmla="*/ 68486 h 71343"/>
                  <a:gd name="connsiteX8" fmla="*/ 2454 w 84340"/>
                  <a:gd name="connsiteY8" fmla="*/ 42102 h 71343"/>
                  <a:gd name="connsiteX9" fmla="*/ 2454 w 84340"/>
                  <a:gd name="connsiteY9" fmla="*/ 29338 h 71343"/>
                  <a:gd name="connsiteX10" fmla="*/ 8740 w 84340"/>
                  <a:gd name="connsiteY10" fmla="*/ 26766 h 71343"/>
                  <a:gd name="connsiteX11" fmla="*/ 15122 w 84340"/>
                  <a:gd name="connsiteY11" fmla="*/ 29338 h 71343"/>
                  <a:gd name="connsiteX12" fmla="*/ 30934 w 84340"/>
                  <a:gd name="connsiteY12" fmla="*/ 45245 h 71343"/>
                  <a:gd name="connsiteX13" fmla="*/ 34077 w 84340"/>
                  <a:gd name="connsiteY13" fmla="*/ 46483 h 71343"/>
                  <a:gd name="connsiteX14" fmla="*/ 34077 w 84340"/>
                  <a:gd name="connsiteY14" fmla="*/ 46483 h 71343"/>
                  <a:gd name="connsiteX15" fmla="*/ 37315 w 84340"/>
                  <a:gd name="connsiteY15" fmla="*/ 44769 h 71343"/>
                  <a:gd name="connsiteX16" fmla="*/ 68176 w 84340"/>
                  <a:gd name="connsiteY16" fmla="*/ 3620 h 71343"/>
                  <a:gd name="connsiteX17" fmla="*/ 75320 w 84340"/>
                  <a:gd name="connsiteY17" fmla="*/ 1 h 71343"/>
                  <a:gd name="connsiteX18" fmla="*/ 80749 w 84340"/>
                  <a:gd name="connsiteY18" fmla="*/ 1811 h 71343"/>
                  <a:gd name="connsiteX19" fmla="*/ 84274 w 84340"/>
                  <a:gd name="connsiteY19" fmla="*/ 7716 h 71343"/>
                  <a:gd name="connsiteX20" fmla="*/ 82559 w 84340"/>
                  <a:gd name="connsiteY20" fmla="*/ 14384 h 71343"/>
                  <a:gd name="connsiteX21" fmla="*/ 42745 w 84340"/>
                  <a:gd name="connsiteY21" fmla="*/ 67438 h 71343"/>
                  <a:gd name="connsiteX22" fmla="*/ 41983 w 84340"/>
                  <a:gd name="connsiteY22" fmla="*/ 68105 h 71343"/>
                  <a:gd name="connsiteX23" fmla="*/ 41411 w 84340"/>
                  <a:gd name="connsiteY23" fmla="*/ 68962 h 71343"/>
                  <a:gd name="connsiteX24" fmla="*/ 40840 w 84340"/>
                  <a:gd name="connsiteY24" fmla="*/ 68962 h 71343"/>
                  <a:gd name="connsiteX25" fmla="*/ 39887 w 84340"/>
                  <a:gd name="connsiteY25" fmla="*/ 69533 h 71343"/>
                  <a:gd name="connsiteX26" fmla="*/ 39030 w 84340"/>
                  <a:gd name="connsiteY26" fmla="*/ 70105 h 71343"/>
                  <a:gd name="connsiteX27" fmla="*/ 39030 w 84340"/>
                  <a:gd name="connsiteY27" fmla="*/ 70105 h 71343"/>
                  <a:gd name="connsiteX28" fmla="*/ 35601 w 84340"/>
                  <a:gd name="connsiteY28" fmla="*/ 70962 h 71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340" h="71343">
                    <a:moveTo>
                      <a:pt x="35410" y="71343"/>
                    </a:moveTo>
                    <a:cubicBezTo>
                      <a:pt x="34389" y="71343"/>
                      <a:pt x="33381" y="71115"/>
                      <a:pt x="32458" y="70677"/>
                    </a:cubicBezTo>
                    <a:lnTo>
                      <a:pt x="32458" y="70677"/>
                    </a:lnTo>
                    <a:lnTo>
                      <a:pt x="31791" y="70677"/>
                    </a:lnTo>
                    <a:lnTo>
                      <a:pt x="30934" y="70677"/>
                    </a:lnTo>
                    <a:lnTo>
                      <a:pt x="30934" y="70677"/>
                    </a:lnTo>
                    <a:lnTo>
                      <a:pt x="30267" y="70105"/>
                    </a:lnTo>
                    <a:lnTo>
                      <a:pt x="28838" y="68486"/>
                    </a:lnTo>
                    <a:lnTo>
                      <a:pt x="2454" y="42102"/>
                    </a:lnTo>
                    <a:cubicBezTo>
                      <a:pt x="-818" y="38472"/>
                      <a:pt x="-818" y="32967"/>
                      <a:pt x="2454" y="29338"/>
                    </a:cubicBezTo>
                    <a:cubicBezTo>
                      <a:pt x="4106" y="27652"/>
                      <a:pt x="6380" y="26718"/>
                      <a:pt x="8740" y="26766"/>
                    </a:cubicBezTo>
                    <a:cubicBezTo>
                      <a:pt x="11125" y="26738"/>
                      <a:pt x="13422" y="27661"/>
                      <a:pt x="15122" y="29338"/>
                    </a:cubicBezTo>
                    <a:lnTo>
                      <a:pt x="30934" y="45245"/>
                    </a:lnTo>
                    <a:cubicBezTo>
                      <a:pt x="31799" y="46016"/>
                      <a:pt x="32915" y="46464"/>
                      <a:pt x="34077" y="46483"/>
                    </a:cubicBezTo>
                    <a:lnTo>
                      <a:pt x="34077" y="46483"/>
                    </a:lnTo>
                    <a:cubicBezTo>
                      <a:pt x="35342" y="46369"/>
                      <a:pt x="36508" y="45750"/>
                      <a:pt x="37315" y="44769"/>
                    </a:cubicBezTo>
                    <a:lnTo>
                      <a:pt x="68176" y="3620"/>
                    </a:lnTo>
                    <a:cubicBezTo>
                      <a:pt x="69845" y="1344"/>
                      <a:pt x="72498" y="1"/>
                      <a:pt x="75320" y="1"/>
                    </a:cubicBezTo>
                    <a:cubicBezTo>
                      <a:pt x="77282" y="-28"/>
                      <a:pt x="79197" y="610"/>
                      <a:pt x="80749" y="1811"/>
                    </a:cubicBezTo>
                    <a:cubicBezTo>
                      <a:pt x="82618" y="3268"/>
                      <a:pt x="83875" y="5373"/>
                      <a:pt x="84274" y="7716"/>
                    </a:cubicBezTo>
                    <a:cubicBezTo>
                      <a:pt x="84554" y="10078"/>
                      <a:pt x="83942" y="12450"/>
                      <a:pt x="82559" y="14384"/>
                    </a:cubicBezTo>
                    <a:lnTo>
                      <a:pt x="42745" y="67438"/>
                    </a:lnTo>
                    <a:cubicBezTo>
                      <a:pt x="42745" y="67438"/>
                      <a:pt x="42745" y="67438"/>
                      <a:pt x="41983" y="68105"/>
                    </a:cubicBezTo>
                    <a:cubicBezTo>
                      <a:pt x="41749" y="68362"/>
                      <a:pt x="41556" y="68648"/>
                      <a:pt x="41411" y="68962"/>
                    </a:cubicBezTo>
                    <a:lnTo>
                      <a:pt x="40840" y="68962"/>
                    </a:lnTo>
                    <a:lnTo>
                      <a:pt x="39887" y="69533"/>
                    </a:lnTo>
                    <a:lnTo>
                      <a:pt x="39030" y="70105"/>
                    </a:lnTo>
                    <a:lnTo>
                      <a:pt x="39030" y="70105"/>
                    </a:lnTo>
                    <a:cubicBezTo>
                      <a:pt x="37970" y="70657"/>
                      <a:pt x="36795" y="70953"/>
                      <a:pt x="35601"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2" name="Freeform: Shape 13">
                <a:extLst>
                  <a:ext uri="{FF2B5EF4-FFF2-40B4-BE49-F238E27FC236}">
                    <a16:creationId xmlns:a16="http://schemas.microsoft.com/office/drawing/2014/main" id="{44016EAE-1189-C9BA-A3AA-2460557ED832}"/>
                  </a:ext>
                </a:extLst>
              </p:cNvPr>
              <p:cNvSpPr/>
              <p:nvPr/>
            </p:nvSpPr>
            <p:spPr>
              <a:xfrm>
                <a:off x="1252347" y="3271488"/>
                <a:ext cx="17906" cy="17906"/>
              </a:xfrm>
              <a:custGeom>
                <a:avLst/>
                <a:gdLst>
                  <a:gd name="connsiteX0" fmla="*/ 17907 w 17906"/>
                  <a:gd name="connsiteY0" fmla="*/ 8954 h 17906"/>
                  <a:gd name="connsiteX1" fmla="*/ 8954 w 17906"/>
                  <a:gd name="connsiteY1" fmla="*/ 17907 h 17906"/>
                  <a:gd name="connsiteX2" fmla="*/ 0 w 17906"/>
                  <a:gd name="connsiteY2" fmla="*/ 8954 h 17906"/>
                  <a:gd name="connsiteX3" fmla="*/ 8954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8" y="17907"/>
                      <a:pt x="8954" y="17907"/>
                    </a:cubicBezTo>
                    <a:cubicBezTo>
                      <a:pt x="4009" y="17907"/>
                      <a:pt x="0" y="13898"/>
                      <a:pt x="0" y="8954"/>
                    </a:cubicBezTo>
                    <a:cubicBezTo>
                      <a:pt x="0" y="4009"/>
                      <a:pt x="4009" y="0"/>
                      <a:pt x="8954" y="0"/>
                    </a:cubicBezTo>
                    <a:cubicBezTo>
                      <a:pt x="13898" y="0"/>
                      <a:pt x="17907" y="4009"/>
                      <a:pt x="17907" y="895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183" name="Group 182">
            <a:extLst>
              <a:ext uri="{FF2B5EF4-FFF2-40B4-BE49-F238E27FC236}">
                <a16:creationId xmlns:a16="http://schemas.microsoft.com/office/drawing/2014/main" id="{28D5B31C-70AA-9081-2D9E-3DD8BD19D3BB}"/>
              </a:ext>
            </a:extLst>
          </p:cNvPr>
          <p:cNvGrpSpPr/>
          <p:nvPr/>
        </p:nvGrpSpPr>
        <p:grpSpPr>
          <a:xfrm>
            <a:off x="6207494" y="3525880"/>
            <a:ext cx="924825" cy="694800"/>
            <a:chOff x="6390374" y="5003352"/>
            <a:chExt cx="924825" cy="694800"/>
          </a:xfrm>
        </p:grpSpPr>
        <p:sp>
          <p:nvSpPr>
            <p:cNvPr id="184" name="Rectangle 183">
              <a:extLst>
                <a:ext uri="{FF2B5EF4-FFF2-40B4-BE49-F238E27FC236}">
                  <a16:creationId xmlns:a16="http://schemas.microsoft.com/office/drawing/2014/main" id="{4E6DB251-319C-021D-D732-72F60E2FAAF8}"/>
                </a:ext>
              </a:extLst>
            </p:cNvPr>
            <p:cNvSpPr>
              <a:spLocks/>
            </p:cNvSpPr>
            <p:nvPr/>
          </p:nvSpPr>
          <p:spPr>
            <a:xfrm>
              <a:off x="6390374" y="5003352"/>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185" name="Group 184">
              <a:extLst>
                <a:ext uri="{FF2B5EF4-FFF2-40B4-BE49-F238E27FC236}">
                  <a16:creationId xmlns:a16="http://schemas.microsoft.com/office/drawing/2014/main" id="{A69A2CA2-6F0C-EF27-B9A9-A5FF9D11B930}"/>
                </a:ext>
              </a:extLst>
            </p:cNvPr>
            <p:cNvGrpSpPr/>
            <p:nvPr/>
          </p:nvGrpSpPr>
          <p:grpSpPr>
            <a:xfrm>
              <a:off x="6566505" y="5072220"/>
              <a:ext cx="557444" cy="557064"/>
              <a:chOff x="1104900" y="3231294"/>
              <a:chExt cx="419385" cy="419099"/>
            </a:xfrm>
          </p:grpSpPr>
          <p:sp>
            <p:nvSpPr>
              <p:cNvPr id="186" name="Freeform: Shape 2">
                <a:extLst>
                  <a:ext uri="{FF2B5EF4-FFF2-40B4-BE49-F238E27FC236}">
                    <a16:creationId xmlns:a16="http://schemas.microsoft.com/office/drawing/2014/main" id="{95A32326-435F-2CEE-5BD3-489649BBAA4C}"/>
                  </a:ext>
                </a:extLst>
              </p:cNvPr>
              <p:cNvSpPr/>
              <p:nvPr/>
            </p:nvSpPr>
            <p:spPr>
              <a:xfrm>
                <a:off x="1114901" y="3297967"/>
                <a:ext cx="291750" cy="338709"/>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7" name="Freeform: Shape 3">
                <a:extLst>
                  <a:ext uri="{FF2B5EF4-FFF2-40B4-BE49-F238E27FC236}">
                    <a16:creationId xmlns:a16="http://schemas.microsoft.com/office/drawing/2014/main" id="{FD795B22-DBF8-358D-374D-879AC10D85DC}"/>
                  </a:ext>
                </a:extLst>
              </p:cNvPr>
              <p:cNvSpPr/>
              <p:nvPr/>
            </p:nvSpPr>
            <p:spPr>
              <a:xfrm>
                <a:off x="1172051" y="3246723"/>
                <a:ext cx="182117" cy="70008"/>
              </a:xfrm>
              <a:custGeom>
                <a:avLst/>
                <a:gdLst>
                  <a:gd name="connsiteX0" fmla="*/ 119634 w 182117"/>
                  <a:gd name="connsiteY0" fmla="*/ 22098 h 70008"/>
                  <a:gd name="connsiteX1" fmla="*/ 119634 w 182117"/>
                  <a:gd name="connsiteY1" fmla="*/ 0 h 70008"/>
                  <a:gd name="connsiteX2" fmla="*/ 59150 w 182117"/>
                  <a:gd name="connsiteY2" fmla="*/ 0 h 70008"/>
                  <a:gd name="connsiteX3" fmla="*/ 59150 w 182117"/>
                  <a:gd name="connsiteY3" fmla="*/ 22098 h 70008"/>
                  <a:gd name="connsiteX4" fmla="*/ 0 w 182117"/>
                  <a:gd name="connsiteY4" fmla="*/ 22098 h 70008"/>
                  <a:gd name="connsiteX5" fmla="*/ 0 w 182117"/>
                  <a:gd name="connsiteY5" fmla="*/ 70009 h 70008"/>
                  <a:gd name="connsiteX6" fmla="*/ 182118 w 182117"/>
                  <a:gd name="connsiteY6" fmla="*/ 70009 h 70008"/>
                  <a:gd name="connsiteX7" fmla="*/ 182118 w 182117"/>
                  <a:gd name="connsiteY7" fmla="*/ 22098 h 70008"/>
                  <a:gd name="connsiteX8" fmla="*/ 119634 w 182117"/>
                  <a:gd name="connsiteY8" fmla="*/ 22098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117" h="70008">
                    <a:moveTo>
                      <a:pt x="119634" y="22098"/>
                    </a:moveTo>
                    <a:lnTo>
                      <a:pt x="119634" y="0"/>
                    </a:lnTo>
                    <a:lnTo>
                      <a:pt x="59150" y="0"/>
                    </a:lnTo>
                    <a:lnTo>
                      <a:pt x="59150" y="22098"/>
                    </a:lnTo>
                    <a:lnTo>
                      <a:pt x="0" y="22098"/>
                    </a:lnTo>
                    <a:lnTo>
                      <a:pt x="0" y="70009"/>
                    </a:lnTo>
                    <a:lnTo>
                      <a:pt x="182118" y="70009"/>
                    </a:lnTo>
                    <a:lnTo>
                      <a:pt x="182118" y="22098"/>
                    </a:lnTo>
                    <a:lnTo>
                      <a:pt x="119634" y="22098"/>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8" name="Freeform: Shape 4">
                <a:extLst>
                  <a:ext uri="{FF2B5EF4-FFF2-40B4-BE49-F238E27FC236}">
                    <a16:creationId xmlns:a16="http://schemas.microsoft.com/office/drawing/2014/main" id="{B3C344DE-D6D9-A4F6-42D5-0E2A513A161C}"/>
                  </a:ext>
                </a:extLst>
              </p:cNvPr>
              <p:cNvSpPr/>
              <p:nvPr/>
            </p:nvSpPr>
            <p:spPr>
              <a:xfrm>
                <a:off x="1464945" y="3335496"/>
                <a:ext cx="51244" cy="221456"/>
              </a:xfrm>
              <a:custGeom>
                <a:avLst/>
                <a:gdLst>
                  <a:gd name="connsiteX0" fmla="*/ 0 w 51244"/>
                  <a:gd name="connsiteY0" fmla="*/ 0 h 221456"/>
                  <a:gd name="connsiteX1" fmla="*/ 51245 w 51244"/>
                  <a:gd name="connsiteY1" fmla="*/ 0 h 221456"/>
                  <a:gd name="connsiteX2" fmla="*/ 51245 w 51244"/>
                  <a:gd name="connsiteY2" fmla="*/ 221456 h 221456"/>
                  <a:gd name="connsiteX3" fmla="*/ 0 w 51244"/>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244" h="221456">
                    <a:moveTo>
                      <a:pt x="0" y="0"/>
                    </a:moveTo>
                    <a:lnTo>
                      <a:pt x="51245" y="0"/>
                    </a:lnTo>
                    <a:lnTo>
                      <a:pt x="51245" y="221456"/>
                    </a:lnTo>
                    <a:lnTo>
                      <a:pt x="0" y="221456"/>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89" name="Freeform: Shape 5">
                <a:extLst>
                  <a:ext uri="{FF2B5EF4-FFF2-40B4-BE49-F238E27FC236}">
                    <a16:creationId xmlns:a16="http://schemas.microsoft.com/office/drawing/2014/main" id="{1123F229-90CC-882A-088C-DC49845D8863}"/>
                  </a:ext>
                </a:extLst>
              </p:cNvPr>
              <p:cNvSpPr/>
              <p:nvPr/>
            </p:nvSpPr>
            <p:spPr>
              <a:xfrm>
                <a:off x="1104900" y="3231294"/>
                <a:ext cx="312420" cy="419099"/>
              </a:xfrm>
              <a:custGeom>
                <a:avLst/>
                <a:gdLst>
                  <a:gd name="connsiteX0" fmla="*/ 22670 w 312420"/>
                  <a:gd name="connsiteY0" fmla="*/ 419098 h 419099"/>
                  <a:gd name="connsiteX1" fmla="*/ 2 w 312420"/>
                  <a:gd name="connsiteY1" fmla="*/ 397000 h 419099"/>
                  <a:gd name="connsiteX2" fmla="*/ 0 w 312420"/>
                  <a:gd name="connsiteY2" fmla="*/ 396809 h 419099"/>
                  <a:gd name="connsiteX3" fmla="*/ 0 w 312420"/>
                  <a:gd name="connsiteY3" fmla="*/ 75912 h 419099"/>
                  <a:gd name="connsiteX4" fmla="*/ 22384 w 312420"/>
                  <a:gd name="connsiteY4" fmla="*/ 53528 h 419099"/>
                  <a:gd name="connsiteX5" fmla="*/ 49149 w 312420"/>
                  <a:gd name="connsiteY5" fmla="*/ 53528 h 419099"/>
                  <a:gd name="connsiteX6" fmla="*/ 53530 w 312420"/>
                  <a:gd name="connsiteY6" fmla="*/ 49147 h 419099"/>
                  <a:gd name="connsiteX7" fmla="*/ 53530 w 312420"/>
                  <a:gd name="connsiteY7" fmla="*/ 35812 h 419099"/>
                  <a:gd name="connsiteX8" fmla="*/ 62484 w 312420"/>
                  <a:gd name="connsiteY8" fmla="*/ 26763 h 419099"/>
                  <a:gd name="connsiteX9" fmla="*/ 110109 w 312420"/>
                  <a:gd name="connsiteY9" fmla="*/ 26763 h 419099"/>
                  <a:gd name="connsiteX10" fmla="*/ 113919 w 312420"/>
                  <a:gd name="connsiteY10" fmla="*/ 24572 h 419099"/>
                  <a:gd name="connsiteX11" fmla="*/ 180460 w 312420"/>
                  <a:gd name="connsiteY11" fmla="*/ 6437 h 419099"/>
                  <a:gd name="connsiteX12" fmla="*/ 198596 w 312420"/>
                  <a:gd name="connsiteY12" fmla="*/ 24572 h 419099"/>
                  <a:gd name="connsiteX13" fmla="*/ 202406 w 312420"/>
                  <a:gd name="connsiteY13" fmla="*/ 26763 h 419099"/>
                  <a:gd name="connsiteX14" fmla="*/ 250031 w 312420"/>
                  <a:gd name="connsiteY14" fmla="*/ 26763 h 419099"/>
                  <a:gd name="connsiteX15" fmla="*/ 258985 w 312420"/>
                  <a:gd name="connsiteY15" fmla="*/ 35812 h 419099"/>
                  <a:gd name="connsiteX16" fmla="*/ 258985 w 312420"/>
                  <a:gd name="connsiteY16" fmla="*/ 49147 h 419099"/>
                  <a:gd name="connsiteX17" fmla="*/ 263366 w 312420"/>
                  <a:gd name="connsiteY17" fmla="*/ 53528 h 419099"/>
                  <a:gd name="connsiteX18" fmla="*/ 290132 w 312420"/>
                  <a:gd name="connsiteY18" fmla="*/ 53528 h 419099"/>
                  <a:gd name="connsiteX19" fmla="*/ 312420 w 312420"/>
                  <a:gd name="connsiteY19" fmla="*/ 75912 h 419099"/>
                  <a:gd name="connsiteX20" fmla="*/ 312420 w 312420"/>
                  <a:gd name="connsiteY20" fmla="*/ 396809 h 419099"/>
                  <a:gd name="connsiteX21" fmla="*/ 290132 w 312420"/>
                  <a:gd name="connsiteY21" fmla="*/ 419098 h 419099"/>
                  <a:gd name="connsiteX22" fmla="*/ 22670 w 312420"/>
                  <a:gd name="connsiteY22" fmla="*/ 71531 h 419099"/>
                  <a:gd name="connsiteX23" fmla="*/ 18288 w 312420"/>
                  <a:gd name="connsiteY23" fmla="*/ 75912 h 419099"/>
                  <a:gd name="connsiteX24" fmla="*/ 18288 w 312420"/>
                  <a:gd name="connsiteY24" fmla="*/ 396809 h 419099"/>
                  <a:gd name="connsiteX25" fmla="*/ 22670 w 312420"/>
                  <a:gd name="connsiteY25" fmla="*/ 401191 h 419099"/>
                  <a:gd name="connsiteX26" fmla="*/ 290132 w 312420"/>
                  <a:gd name="connsiteY26" fmla="*/ 401191 h 419099"/>
                  <a:gd name="connsiteX27" fmla="*/ 294513 w 312420"/>
                  <a:gd name="connsiteY27" fmla="*/ 396809 h 419099"/>
                  <a:gd name="connsiteX28" fmla="*/ 294513 w 312420"/>
                  <a:gd name="connsiteY28" fmla="*/ 75912 h 419099"/>
                  <a:gd name="connsiteX29" fmla="*/ 290132 w 312420"/>
                  <a:gd name="connsiteY29" fmla="*/ 71531 h 419099"/>
                  <a:gd name="connsiteX30" fmla="*/ 263366 w 312420"/>
                  <a:gd name="connsiteY30" fmla="*/ 71531 h 419099"/>
                  <a:gd name="connsiteX31" fmla="*/ 258985 w 312420"/>
                  <a:gd name="connsiteY31" fmla="*/ 75912 h 419099"/>
                  <a:gd name="connsiteX32" fmla="*/ 258985 w 312420"/>
                  <a:gd name="connsiteY32" fmla="*/ 89247 h 419099"/>
                  <a:gd name="connsiteX33" fmla="*/ 250031 w 312420"/>
                  <a:gd name="connsiteY33" fmla="*/ 98201 h 419099"/>
                  <a:gd name="connsiteX34" fmla="*/ 62770 w 312420"/>
                  <a:gd name="connsiteY34" fmla="*/ 98201 h 419099"/>
                  <a:gd name="connsiteX35" fmla="*/ 53816 w 312420"/>
                  <a:gd name="connsiteY35" fmla="*/ 89247 h 419099"/>
                  <a:gd name="connsiteX36" fmla="*/ 53816 w 312420"/>
                  <a:gd name="connsiteY36" fmla="*/ 75912 h 419099"/>
                  <a:gd name="connsiteX37" fmla="*/ 49435 w 312420"/>
                  <a:gd name="connsiteY37" fmla="*/ 71531 h 419099"/>
                  <a:gd name="connsiteX38" fmla="*/ 76200 w 312420"/>
                  <a:gd name="connsiteY38" fmla="*/ 44765 h 419099"/>
                  <a:gd name="connsiteX39" fmla="*/ 71819 w 312420"/>
                  <a:gd name="connsiteY39" fmla="*/ 48956 h 419099"/>
                  <a:gd name="connsiteX40" fmla="*/ 71819 w 312420"/>
                  <a:gd name="connsiteY40" fmla="*/ 49147 h 419099"/>
                  <a:gd name="connsiteX41" fmla="*/ 71819 w 312420"/>
                  <a:gd name="connsiteY41" fmla="*/ 75912 h 419099"/>
                  <a:gd name="connsiteX42" fmla="*/ 76200 w 312420"/>
                  <a:gd name="connsiteY42" fmla="*/ 80294 h 419099"/>
                  <a:gd name="connsiteX43" fmla="*/ 236601 w 312420"/>
                  <a:gd name="connsiteY43" fmla="*/ 80294 h 419099"/>
                  <a:gd name="connsiteX44" fmla="*/ 240983 w 312420"/>
                  <a:gd name="connsiteY44" fmla="*/ 75912 h 419099"/>
                  <a:gd name="connsiteX45" fmla="*/ 240983 w 312420"/>
                  <a:gd name="connsiteY45" fmla="*/ 49147 h 419099"/>
                  <a:gd name="connsiteX46" fmla="*/ 236793 w 312420"/>
                  <a:gd name="connsiteY46" fmla="*/ 44765 h 419099"/>
                  <a:gd name="connsiteX47" fmla="*/ 236601 w 312420"/>
                  <a:gd name="connsiteY47" fmla="*/ 44765 h 419099"/>
                  <a:gd name="connsiteX48" fmla="*/ 194024 w 312420"/>
                  <a:gd name="connsiteY48" fmla="*/ 44765 h 419099"/>
                  <a:gd name="connsiteX49" fmla="*/ 185547 w 312420"/>
                  <a:gd name="connsiteY49" fmla="*/ 38764 h 419099"/>
                  <a:gd name="connsiteX50" fmla="*/ 146348 w 312420"/>
                  <a:gd name="connsiteY50" fmla="*/ 19572 h 419099"/>
                  <a:gd name="connsiteX51" fmla="*/ 127159 w 312420"/>
                  <a:gd name="connsiteY51" fmla="*/ 38764 h 419099"/>
                  <a:gd name="connsiteX52" fmla="*/ 118777 w 312420"/>
                  <a:gd name="connsiteY52" fmla="*/ 44765 h 419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420" h="419099">
                    <a:moveTo>
                      <a:pt x="22670" y="419098"/>
                    </a:moveTo>
                    <a:cubicBezTo>
                      <a:pt x="10308" y="419260"/>
                      <a:pt x="160" y="409363"/>
                      <a:pt x="2" y="397000"/>
                    </a:cubicBezTo>
                    <a:cubicBezTo>
                      <a:pt x="1" y="396933"/>
                      <a:pt x="0" y="396876"/>
                      <a:pt x="0" y="396809"/>
                    </a:cubicBezTo>
                    <a:lnTo>
                      <a:pt x="0" y="75912"/>
                    </a:lnTo>
                    <a:cubicBezTo>
                      <a:pt x="0" y="63549"/>
                      <a:pt x="10021" y="53528"/>
                      <a:pt x="22384" y="53528"/>
                    </a:cubicBezTo>
                    <a:lnTo>
                      <a:pt x="49149" y="53528"/>
                    </a:lnTo>
                    <a:cubicBezTo>
                      <a:pt x="51547" y="53481"/>
                      <a:pt x="53480" y="51547"/>
                      <a:pt x="53530" y="49147"/>
                    </a:cubicBezTo>
                    <a:lnTo>
                      <a:pt x="53530" y="35812"/>
                    </a:lnTo>
                    <a:cubicBezTo>
                      <a:pt x="53766" y="30954"/>
                      <a:pt x="57626" y="27049"/>
                      <a:pt x="62484" y="26763"/>
                    </a:cubicBezTo>
                    <a:lnTo>
                      <a:pt x="110109" y="26763"/>
                    </a:lnTo>
                    <a:cubicBezTo>
                      <a:pt x="111680" y="26772"/>
                      <a:pt x="113133" y="25934"/>
                      <a:pt x="113919" y="24572"/>
                    </a:cubicBezTo>
                    <a:cubicBezTo>
                      <a:pt x="127285" y="1188"/>
                      <a:pt x="157077" y="-6927"/>
                      <a:pt x="180460" y="6437"/>
                    </a:cubicBezTo>
                    <a:cubicBezTo>
                      <a:pt x="188016" y="10752"/>
                      <a:pt x="194278" y="17019"/>
                      <a:pt x="198596" y="24572"/>
                    </a:cubicBezTo>
                    <a:cubicBezTo>
                      <a:pt x="199409" y="25906"/>
                      <a:pt x="200845" y="26734"/>
                      <a:pt x="202406" y="26763"/>
                    </a:cubicBezTo>
                    <a:lnTo>
                      <a:pt x="250031" y="26763"/>
                    </a:lnTo>
                    <a:cubicBezTo>
                      <a:pt x="254889" y="27049"/>
                      <a:pt x="258749" y="30954"/>
                      <a:pt x="258985" y="35812"/>
                    </a:cubicBezTo>
                    <a:lnTo>
                      <a:pt x="258985" y="49147"/>
                    </a:lnTo>
                    <a:cubicBezTo>
                      <a:pt x="259035" y="51547"/>
                      <a:pt x="260968" y="53481"/>
                      <a:pt x="263366" y="53528"/>
                    </a:cubicBezTo>
                    <a:lnTo>
                      <a:pt x="290132" y="53528"/>
                    </a:lnTo>
                    <a:cubicBezTo>
                      <a:pt x="302457" y="53585"/>
                      <a:pt x="312420" y="63587"/>
                      <a:pt x="312420" y="75912"/>
                    </a:cubicBezTo>
                    <a:lnTo>
                      <a:pt x="312420" y="396809"/>
                    </a:lnTo>
                    <a:cubicBezTo>
                      <a:pt x="312420" y="409116"/>
                      <a:pt x="302441" y="419098"/>
                      <a:pt x="290132" y="419098"/>
                    </a:cubicBezTo>
                    <a:close/>
                    <a:moveTo>
                      <a:pt x="22670" y="71531"/>
                    </a:moveTo>
                    <a:cubicBezTo>
                      <a:pt x="20249" y="71531"/>
                      <a:pt x="18288" y="73493"/>
                      <a:pt x="18288" y="75912"/>
                    </a:cubicBezTo>
                    <a:lnTo>
                      <a:pt x="18288" y="396809"/>
                    </a:lnTo>
                    <a:cubicBezTo>
                      <a:pt x="18338" y="399210"/>
                      <a:pt x="20271" y="401143"/>
                      <a:pt x="22670" y="401191"/>
                    </a:cubicBezTo>
                    <a:lnTo>
                      <a:pt x="290132" y="401191"/>
                    </a:lnTo>
                    <a:cubicBezTo>
                      <a:pt x="292530" y="401143"/>
                      <a:pt x="294463" y="399210"/>
                      <a:pt x="294513" y="396809"/>
                    </a:cubicBezTo>
                    <a:lnTo>
                      <a:pt x="294513" y="75912"/>
                    </a:lnTo>
                    <a:cubicBezTo>
                      <a:pt x="294513" y="73493"/>
                      <a:pt x="292552" y="71531"/>
                      <a:pt x="290132" y="71531"/>
                    </a:cubicBezTo>
                    <a:lnTo>
                      <a:pt x="263366" y="71531"/>
                    </a:lnTo>
                    <a:cubicBezTo>
                      <a:pt x="260947" y="71531"/>
                      <a:pt x="258985" y="73493"/>
                      <a:pt x="258985" y="75912"/>
                    </a:cubicBezTo>
                    <a:lnTo>
                      <a:pt x="258985" y="89247"/>
                    </a:lnTo>
                    <a:cubicBezTo>
                      <a:pt x="258985" y="94190"/>
                      <a:pt x="254976" y="98201"/>
                      <a:pt x="250031" y="98201"/>
                    </a:cubicBezTo>
                    <a:lnTo>
                      <a:pt x="62770" y="98201"/>
                    </a:lnTo>
                    <a:cubicBezTo>
                      <a:pt x="57825" y="98201"/>
                      <a:pt x="53816" y="94190"/>
                      <a:pt x="53816" y="89247"/>
                    </a:cubicBezTo>
                    <a:lnTo>
                      <a:pt x="53816" y="75912"/>
                    </a:lnTo>
                    <a:cubicBezTo>
                      <a:pt x="53816" y="73493"/>
                      <a:pt x="51855" y="71531"/>
                      <a:pt x="49435" y="71531"/>
                    </a:cubicBezTo>
                    <a:close/>
                    <a:moveTo>
                      <a:pt x="76200" y="44765"/>
                    </a:moveTo>
                    <a:cubicBezTo>
                      <a:pt x="73833" y="44708"/>
                      <a:pt x="71872" y="46585"/>
                      <a:pt x="71819" y="48956"/>
                    </a:cubicBezTo>
                    <a:cubicBezTo>
                      <a:pt x="71817" y="49023"/>
                      <a:pt x="71817" y="49080"/>
                      <a:pt x="71819" y="49147"/>
                    </a:cubicBezTo>
                    <a:lnTo>
                      <a:pt x="71819" y="75912"/>
                    </a:lnTo>
                    <a:cubicBezTo>
                      <a:pt x="71819" y="78331"/>
                      <a:pt x="73780" y="80294"/>
                      <a:pt x="76200" y="80294"/>
                    </a:cubicBezTo>
                    <a:lnTo>
                      <a:pt x="236601" y="80294"/>
                    </a:lnTo>
                    <a:cubicBezTo>
                      <a:pt x="239020" y="80294"/>
                      <a:pt x="240983" y="78331"/>
                      <a:pt x="240983" y="75912"/>
                    </a:cubicBezTo>
                    <a:lnTo>
                      <a:pt x="240983" y="49147"/>
                    </a:lnTo>
                    <a:cubicBezTo>
                      <a:pt x="241036" y="46785"/>
                      <a:pt x="239160" y="44822"/>
                      <a:pt x="236793" y="44765"/>
                    </a:cubicBezTo>
                    <a:cubicBezTo>
                      <a:pt x="236730" y="44765"/>
                      <a:pt x="236665" y="44765"/>
                      <a:pt x="236601" y="44765"/>
                    </a:cubicBezTo>
                    <a:lnTo>
                      <a:pt x="194024" y="44765"/>
                    </a:lnTo>
                    <a:cubicBezTo>
                      <a:pt x="190261" y="44613"/>
                      <a:pt x="186938" y="42270"/>
                      <a:pt x="185547" y="38764"/>
                    </a:cubicBezTo>
                    <a:cubicBezTo>
                      <a:pt x="180022" y="22639"/>
                      <a:pt x="162471" y="14047"/>
                      <a:pt x="146348" y="19572"/>
                    </a:cubicBezTo>
                    <a:cubicBezTo>
                      <a:pt x="137331" y="22667"/>
                      <a:pt x="130249" y="29744"/>
                      <a:pt x="127159" y="38764"/>
                    </a:cubicBezTo>
                    <a:cubicBezTo>
                      <a:pt x="125936" y="42355"/>
                      <a:pt x="122567" y="44765"/>
                      <a:pt x="118777" y="44765"/>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0" name="Freeform: Shape 6">
                <a:extLst>
                  <a:ext uri="{FF2B5EF4-FFF2-40B4-BE49-F238E27FC236}">
                    <a16:creationId xmlns:a16="http://schemas.microsoft.com/office/drawing/2014/main" id="{F831F0C4-95E1-7100-A013-1E2D7E3AF845}"/>
                  </a:ext>
                </a:extLst>
              </p:cNvPr>
              <p:cNvSpPr/>
              <p:nvPr/>
            </p:nvSpPr>
            <p:spPr>
              <a:xfrm>
                <a:off x="1278089" y="3391738"/>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1" name="Freeform: Shape 7">
                <a:extLst>
                  <a:ext uri="{FF2B5EF4-FFF2-40B4-BE49-F238E27FC236}">
                    <a16:creationId xmlns:a16="http://schemas.microsoft.com/office/drawing/2014/main" id="{013898EB-811F-ED2B-0F80-D3914BA96500}"/>
                  </a:ext>
                </a:extLst>
              </p:cNvPr>
              <p:cNvSpPr/>
              <p:nvPr/>
            </p:nvSpPr>
            <p:spPr>
              <a:xfrm>
                <a:off x="1278089" y="3471939"/>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2" name="Freeform: Shape 8">
                <a:extLst>
                  <a:ext uri="{FF2B5EF4-FFF2-40B4-BE49-F238E27FC236}">
                    <a16:creationId xmlns:a16="http://schemas.microsoft.com/office/drawing/2014/main" id="{0687F0DE-4BDA-E472-26AC-D239A1574826}"/>
                  </a:ext>
                </a:extLst>
              </p:cNvPr>
              <p:cNvSpPr/>
              <p:nvPr/>
            </p:nvSpPr>
            <p:spPr>
              <a:xfrm>
                <a:off x="1279112" y="3552285"/>
                <a:ext cx="84581" cy="17907"/>
              </a:xfrm>
              <a:custGeom>
                <a:avLst/>
                <a:gdLst>
                  <a:gd name="connsiteX0" fmla="*/ 8954 w 84581"/>
                  <a:gd name="connsiteY0" fmla="*/ 17907 h 17907"/>
                  <a:gd name="connsiteX1" fmla="*/ 0 w 84581"/>
                  <a:gd name="connsiteY1" fmla="*/ 8954 h 17907"/>
                  <a:gd name="connsiteX2" fmla="*/ 8954 w 84581"/>
                  <a:gd name="connsiteY2" fmla="*/ 0 h 17907"/>
                  <a:gd name="connsiteX3" fmla="*/ 75629 w 84581"/>
                  <a:gd name="connsiteY3" fmla="*/ 0 h 17907"/>
                  <a:gd name="connsiteX4" fmla="*/ 84582 w 84581"/>
                  <a:gd name="connsiteY4" fmla="*/ 8954 h 17907"/>
                  <a:gd name="connsiteX5" fmla="*/ 75629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4" y="17907"/>
                    </a:moveTo>
                    <a:cubicBezTo>
                      <a:pt x="4009" y="17907"/>
                      <a:pt x="0" y="13897"/>
                      <a:pt x="0" y="8954"/>
                    </a:cubicBezTo>
                    <a:cubicBezTo>
                      <a:pt x="0" y="4010"/>
                      <a:pt x="4009" y="0"/>
                      <a:pt x="8954" y="0"/>
                    </a:cubicBezTo>
                    <a:lnTo>
                      <a:pt x="75629" y="0"/>
                    </a:lnTo>
                    <a:cubicBezTo>
                      <a:pt x="80574" y="0"/>
                      <a:pt x="84582" y="4010"/>
                      <a:pt x="84582" y="8954"/>
                    </a:cubicBezTo>
                    <a:cubicBezTo>
                      <a:pt x="84582" y="13897"/>
                      <a:pt x="80574" y="17907"/>
                      <a:pt x="75629" y="17907"/>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3" name="Freeform: Shape 9">
                <a:extLst>
                  <a:ext uri="{FF2B5EF4-FFF2-40B4-BE49-F238E27FC236}">
                    <a16:creationId xmlns:a16="http://schemas.microsoft.com/office/drawing/2014/main" id="{A170C4A7-B257-3A1E-0974-3D6B1A0705EE}"/>
                  </a:ext>
                </a:extLst>
              </p:cNvPr>
              <p:cNvSpPr/>
              <p:nvPr/>
            </p:nvSpPr>
            <p:spPr>
              <a:xfrm>
                <a:off x="1452372" y="3284823"/>
                <a:ext cx="71913" cy="365569"/>
              </a:xfrm>
              <a:custGeom>
                <a:avLst/>
                <a:gdLst>
                  <a:gd name="connsiteX0" fmla="*/ 36195 w 71913"/>
                  <a:gd name="connsiteY0" fmla="*/ 365570 h 365569"/>
                  <a:gd name="connsiteX1" fmla="*/ 27241 w 71913"/>
                  <a:gd name="connsiteY1" fmla="*/ 356616 h 365569"/>
                  <a:gd name="connsiteX2" fmla="*/ 27241 w 71913"/>
                  <a:gd name="connsiteY2" fmla="*/ 329851 h 365569"/>
                  <a:gd name="connsiteX3" fmla="*/ 22860 w 71913"/>
                  <a:gd name="connsiteY3" fmla="*/ 325469 h 365569"/>
                  <a:gd name="connsiteX4" fmla="*/ 13906 w 71913"/>
                  <a:gd name="connsiteY4" fmla="*/ 316516 h 365569"/>
                  <a:gd name="connsiteX5" fmla="*/ 13906 w 71913"/>
                  <a:gd name="connsiteY5" fmla="*/ 290227 h 365569"/>
                  <a:gd name="connsiteX6" fmla="*/ 9525 w 71913"/>
                  <a:gd name="connsiteY6" fmla="*/ 285845 h 365569"/>
                  <a:gd name="connsiteX7" fmla="*/ 0 w 71913"/>
                  <a:gd name="connsiteY7" fmla="*/ 276892 h 365569"/>
                  <a:gd name="connsiteX8" fmla="*/ 0 w 71913"/>
                  <a:gd name="connsiteY8" fmla="*/ 49054 h 365569"/>
                  <a:gd name="connsiteX9" fmla="*/ 9525 w 71913"/>
                  <a:gd name="connsiteY9" fmla="*/ 40100 h 365569"/>
                  <a:gd name="connsiteX10" fmla="*/ 13906 w 71913"/>
                  <a:gd name="connsiteY10" fmla="*/ 35719 h 365569"/>
                  <a:gd name="connsiteX11" fmla="*/ 13906 w 71913"/>
                  <a:gd name="connsiteY11" fmla="*/ 8954 h 365569"/>
                  <a:gd name="connsiteX12" fmla="*/ 22860 w 71913"/>
                  <a:gd name="connsiteY12" fmla="*/ 0 h 365569"/>
                  <a:gd name="connsiteX13" fmla="*/ 49625 w 71913"/>
                  <a:gd name="connsiteY13" fmla="*/ 0 h 365569"/>
                  <a:gd name="connsiteX14" fmla="*/ 58579 w 71913"/>
                  <a:gd name="connsiteY14" fmla="*/ 8954 h 365569"/>
                  <a:gd name="connsiteX15" fmla="*/ 58579 w 71913"/>
                  <a:gd name="connsiteY15" fmla="*/ 35719 h 365569"/>
                  <a:gd name="connsiteX16" fmla="*/ 62960 w 71913"/>
                  <a:gd name="connsiteY16" fmla="*/ 40100 h 365569"/>
                  <a:gd name="connsiteX17" fmla="*/ 71914 w 71913"/>
                  <a:gd name="connsiteY17" fmla="*/ 49054 h 365569"/>
                  <a:gd name="connsiteX18" fmla="*/ 71914 w 71913"/>
                  <a:gd name="connsiteY18" fmla="*/ 276415 h 365569"/>
                  <a:gd name="connsiteX19" fmla="*/ 62960 w 71913"/>
                  <a:gd name="connsiteY19" fmla="*/ 285369 h 365569"/>
                  <a:gd name="connsiteX20" fmla="*/ 58579 w 71913"/>
                  <a:gd name="connsiteY20" fmla="*/ 289751 h 365569"/>
                  <a:gd name="connsiteX21" fmla="*/ 58579 w 71913"/>
                  <a:gd name="connsiteY21" fmla="*/ 316516 h 365569"/>
                  <a:gd name="connsiteX22" fmla="*/ 49625 w 71913"/>
                  <a:gd name="connsiteY22" fmla="*/ 325469 h 365569"/>
                  <a:gd name="connsiteX23" fmla="*/ 45244 w 71913"/>
                  <a:gd name="connsiteY23" fmla="*/ 329851 h 365569"/>
                  <a:gd name="connsiteX24" fmla="*/ 45244 w 71913"/>
                  <a:gd name="connsiteY24" fmla="*/ 356902 h 365569"/>
                  <a:gd name="connsiteX25" fmla="*/ 36195 w 71913"/>
                  <a:gd name="connsiteY25" fmla="*/ 365570 h 365569"/>
                  <a:gd name="connsiteX26" fmla="*/ 22860 w 71913"/>
                  <a:gd name="connsiteY26" fmla="*/ 58103 h 365569"/>
                  <a:gd name="connsiteX27" fmla="*/ 18478 w 71913"/>
                  <a:gd name="connsiteY27" fmla="*/ 62484 h 365569"/>
                  <a:gd name="connsiteX28" fmla="*/ 18478 w 71913"/>
                  <a:gd name="connsiteY28" fmla="*/ 262509 h 365569"/>
                  <a:gd name="connsiteX29" fmla="*/ 22860 w 71913"/>
                  <a:gd name="connsiteY29" fmla="*/ 266986 h 365569"/>
                  <a:gd name="connsiteX30" fmla="*/ 49625 w 71913"/>
                  <a:gd name="connsiteY30" fmla="*/ 266986 h 365569"/>
                  <a:gd name="connsiteX31" fmla="*/ 54007 w 71913"/>
                  <a:gd name="connsiteY31" fmla="*/ 262509 h 365569"/>
                  <a:gd name="connsiteX32" fmla="*/ 54007 w 71913"/>
                  <a:gd name="connsiteY32" fmla="*/ 62484 h 365569"/>
                  <a:gd name="connsiteX33" fmla="*/ 49625 w 71913"/>
                  <a:gd name="connsiteY33" fmla="*/ 58103 h 36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1913" h="365569">
                    <a:moveTo>
                      <a:pt x="36195" y="365570"/>
                    </a:moveTo>
                    <a:cubicBezTo>
                      <a:pt x="31250" y="365570"/>
                      <a:pt x="27241" y="361560"/>
                      <a:pt x="27241" y="356616"/>
                    </a:cubicBezTo>
                    <a:lnTo>
                      <a:pt x="27241" y="329851"/>
                    </a:lnTo>
                    <a:cubicBezTo>
                      <a:pt x="27191" y="327450"/>
                      <a:pt x="25258" y="325517"/>
                      <a:pt x="22860" y="325469"/>
                    </a:cubicBezTo>
                    <a:cubicBezTo>
                      <a:pt x="17915" y="325469"/>
                      <a:pt x="13906" y="321459"/>
                      <a:pt x="13906" y="316516"/>
                    </a:cubicBezTo>
                    <a:lnTo>
                      <a:pt x="13906" y="290227"/>
                    </a:lnTo>
                    <a:cubicBezTo>
                      <a:pt x="13856" y="287826"/>
                      <a:pt x="11923" y="285893"/>
                      <a:pt x="9525" y="285845"/>
                    </a:cubicBezTo>
                    <a:cubicBezTo>
                      <a:pt x="4480" y="285855"/>
                      <a:pt x="303" y="281930"/>
                      <a:pt x="0" y="276892"/>
                    </a:cubicBezTo>
                    <a:lnTo>
                      <a:pt x="0" y="49054"/>
                    </a:lnTo>
                    <a:cubicBezTo>
                      <a:pt x="303" y="44015"/>
                      <a:pt x="4480" y="40091"/>
                      <a:pt x="9525" y="40100"/>
                    </a:cubicBezTo>
                    <a:cubicBezTo>
                      <a:pt x="11923" y="40053"/>
                      <a:pt x="13856" y="38119"/>
                      <a:pt x="13906" y="35719"/>
                    </a:cubicBezTo>
                    <a:lnTo>
                      <a:pt x="13906" y="8954"/>
                    </a:lnTo>
                    <a:cubicBezTo>
                      <a:pt x="13906" y="4010"/>
                      <a:pt x="17916" y="0"/>
                      <a:pt x="22860" y="0"/>
                    </a:cubicBezTo>
                    <a:lnTo>
                      <a:pt x="49625" y="0"/>
                    </a:lnTo>
                    <a:cubicBezTo>
                      <a:pt x="54571" y="0"/>
                      <a:pt x="58579" y="4010"/>
                      <a:pt x="58579" y="8954"/>
                    </a:cubicBezTo>
                    <a:lnTo>
                      <a:pt x="58579" y="35719"/>
                    </a:lnTo>
                    <a:cubicBezTo>
                      <a:pt x="58629" y="38119"/>
                      <a:pt x="60562" y="40053"/>
                      <a:pt x="62960" y="40100"/>
                    </a:cubicBezTo>
                    <a:cubicBezTo>
                      <a:pt x="67905" y="40100"/>
                      <a:pt x="71914" y="44110"/>
                      <a:pt x="71914" y="49054"/>
                    </a:cubicBezTo>
                    <a:lnTo>
                      <a:pt x="71914" y="276415"/>
                    </a:lnTo>
                    <a:cubicBezTo>
                      <a:pt x="71914" y="281359"/>
                      <a:pt x="67905" y="285369"/>
                      <a:pt x="62960" y="285369"/>
                    </a:cubicBezTo>
                    <a:cubicBezTo>
                      <a:pt x="60562" y="285417"/>
                      <a:pt x="58629" y="287350"/>
                      <a:pt x="58579" y="289751"/>
                    </a:cubicBezTo>
                    <a:lnTo>
                      <a:pt x="58579" y="316516"/>
                    </a:lnTo>
                    <a:cubicBezTo>
                      <a:pt x="58579" y="321459"/>
                      <a:pt x="54570" y="325469"/>
                      <a:pt x="49625" y="325469"/>
                    </a:cubicBezTo>
                    <a:cubicBezTo>
                      <a:pt x="47205" y="325469"/>
                      <a:pt x="45244" y="327431"/>
                      <a:pt x="45244" y="329851"/>
                    </a:cubicBezTo>
                    <a:lnTo>
                      <a:pt x="45244" y="356902"/>
                    </a:lnTo>
                    <a:cubicBezTo>
                      <a:pt x="44820" y="361645"/>
                      <a:pt x="40955" y="365350"/>
                      <a:pt x="36195" y="365570"/>
                    </a:cubicBezTo>
                    <a:close/>
                    <a:moveTo>
                      <a:pt x="22860" y="58103"/>
                    </a:moveTo>
                    <a:cubicBezTo>
                      <a:pt x="20440" y="58103"/>
                      <a:pt x="18478" y="60065"/>
                      <a:pt x="18478" y="62484"/>
                    </a:cubicBezTo>
                    <a:lnTo>
                      <a:pt x="18478" y="262509"/>
                    </a:lnTo>
                    <a:cubicBezTo>
                      <a:pt x="18478" y="264948"/>
                      <a:pt x="20424" y="266938"/>
                      <a:pt x="22860" y="266986"/>
                    </a:cubicBezTo>
                    <a:lnTo>
                      <a:pt x="49625" y="266986"/>
                    </a:lnTo>
                    <a:cubicBezTo>
                      <a:pt x="52061" y="266938"/>
                      <a:pt x="54008" y="264948"/>
                      <a:pt x="54007" y="262509"/>
                    </a:cubicBezTo>
                    <a:lnTo>
                      <a:pt x="54007" y="62484"/>
                    </a:lnTo>
                    <a:cubicBezTo>
                      <a:pt x="54007" y="60065"/>
                      <a:pt x="52046" y="58103"/>
                      <a:pt x="49625" y="581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4" name="Freeform: Shape 10">
                <a:extLst>
                  <a:ext uri="{FF2B5EF4-FFF2-40B4-BE49-F238E27FC236}">
                    <a16:creationId xmlns:a16="http://schemas.microsoft.com/office/drawing/2014/main" id="{0AB95F1C-46B5-3B52-1D06-8D3250A1C901}"/>
                  </a:ext>
                </a:extLst>
              </p:cNvPr>
              <p:cNvSpPr/>
              <p:nvPr/>
            </p:nvSpPr>
            <p:spPr>
              <a:xfrm>
                <a:off x="1159329" y="3366071"/>
                <a:ext cx="84511" cy="70389"/>
              </a:xfrm>
              <a:custGeom>
                <a:avLst/>
                <a:gdLst>
                  <a:gd name="connsiteX0" fmla="*/ 35011 w 84511"/>
                  <a:gd name="connsiteY0" fmla="*/ 70390 h 70389"/>
                  <a:gd name="connsiteX1" fmla="*/ 32058 w 84511"/>
                  <a:gd name="connsiteY1" fmla="*/ 69818 h 70389"/>
                  <a:gd name="connsiteX2" fmla="*/ 32058 w 84511"/>
                  <a:gd name="connsiteY2" fmla="*/ 69818 h 70389"/>
                  <a:gd name="connsiteX3" fmla="*/ 31391 w 84511"/>
                  <a:gd name="connsiteY3" fmla="*/ 69818 h 70389"/>
                  <a:gd name="connsiteX4" fmla="*/ 30534 w 84511"/>
                  <a:gd name="connsiteY4" fmla="*/ 69818 h 70389"/>
                  <a:gd name="connsiteX5" fmla="*/ 30534 w 84511"/>
                  <a:gd name="connsiteY5" fmla="*/ 69818 h 70389"/>
                  <a:gd name="connsiteX6" fmla="*/ 29867 w 84511"/>
                  <a:gd name="connsiteY6" fmla="*/ 69152 h 70389"/>
                  <a:gd name="connsiteX7" fmla="*/ 29010 w 84511"/>
                  <a:gd name="connsiteY7" fmla="*/ 68580 h 70389"/>
                  <a:gd name="connsiteX8" fmla="*/ 2626 w 84511"/>
                  <a:gd name="connsiteY8" fmla="*/ 42101 h 70389"/>
                  <a:gd name="connsiteX9" fmla="*/ 2620 w 84511"/>
                  <a:gd name="connsiteY9" fmla="*/ 29442 h 70389"/>
                  <a:gd name="connsiteX10" fmla="*/ 2626 w 84511"/>
                  <a:gd name="connsiteY10" fmla="*/ 29432 h 70389"/>
                  <a:gd name="connsiteX11" fmla="*/ 8912 w 84511"/>
                  <a:gd name="connsiteY11" fmla="*/ 26765 h 70389"/>
                  <a:gd name="connsiteX12" fmla="*/ 15294 w 84511"/>
                  <a:gd name="connsiteY12" fmla="*/ 29432 h 70389"/>
                  <a:gd name="connsiteX13" fmla="*/ 31105 w 84511"/>
                  <a:gd name="connsiteY13" fmla="*/ 45244 h 70389"/>
                  <a:gd name="connsiteX14" fmla="*/ 34249 w 84511"/>
                  <a:gd name="connsiteY14" fmla="*/ 46482 h 70389"/>
                  <a:gd name="connsiteX15" fmla="*/ 34249 w 84511"/>
                  <a:gd name="connsiteY15" fmla="*/ 46482 h 70389"/>
                  <a:gd name="connsiteX16" fmla="*/ 37487 w 84511"/>
                  <a:gd name="connsiteY16" fmla="*/ 44768 h 70389"/>
                  <a:gd name="connsiteX17" fmla="*/ 68348 w 84511"/>
                  <a:gd name="connsiteY17" fmla="*/ 3620 h 70389"/>
                  <a:gd name="connsiteX18" fmla="*/ 75492 w 84511"/>
                  <a:gd name="connsiteY18" fmla="*/ 0 h 70389"/>
                  <a:gd name="connsiteX19" fmla="*/ 80921 w 84511"/>
                  <a:gd name="connsiteY19" fmla="*/ 1810 h 70389"/>
                  <a:gd name="connsiteX20" fmla="*/ 84445 w 84511"/>
                  <a:gd name="connsiteY20" fmla="*/ 7715 h 70389"/>
                  <a:gd name="connsiteX21" fmla="*/ 82731 w 84511"/>
                  <a:gd name="connsiteY21" fmla="*/ 14383 h 70389"/>
                  <a:gd name="connsiteX22" fmla="*/ 42631 w 84511"/>
                  <a:gd name="connsiteY22" fmla="*/ 66104 h 70389"/>
                  <a:gd name="connsiteX23" fmla="*/ 41869 w 84511"/>
                  <a:gd name="connsiteY23" fmla="*/ 66865 h 70389"/>
                  <a:gd name="connsiteX24" fmla="*/ 41297 w 84511"/>
                  <a:gd name="connsiteY24" fmla="*/ 67628 h 70389"/>
                  <a:gd name="connsiteX25" fmla="*/ 40726 w 84511"/>
                  <a:gd name="connsiteY25" fmla="*/ 67628 h 70389"/>
                  <a:gd name="connsiteX26" fmla="*/ 39773 w 84511"/>
                  <a:gd name="connsiteY26" fmla="*/ 67628 h 70389"/>
                  <a:gd name="connsiteX27" fmla="*/ 38916 w 84511"/>
                  <a:gd name="connsiteY27" fmla="*/ 68294 h 70389"/>
                  <a:gd name="connsiteX28" fmla="*/ 38916 w 84511"/>
                  <a:gd name="connsiteY28" fmla="*/ 68294 h 70389"/>
                  <a:gd name="connsiteX29" fmla="*/ 35487 w 84511"/>
                  <a:gd name="connsiteY29" fmla="*/ 69056 h 703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11" h="70389">
                    <a:moveTo>
                      <a:pt x="35011" y="70390"/>
                    </a:moveTo>
                    <a:cubicBezTo>
                      <a:pt x="34000" y="70380"/>
                      <a:pt x="33000" y="70180"/>
                      <a:pt x="32058" y="69818"/>
                    </a:cubicBezTo>
                    <a:lnTo>
                      <a:pt x="32058" y="69818"/>
                    </a:lnTo>
                    <a:lnTo>
                      <a:pt x="31391" y="69818"/>
                    </a:lnTo>
                    <a:lnTo>
                      <a:pt x="30534" y="69818"/>
                    </a:lnTo>
                    <a:lnTo>
                      <a:pt x="30534" y="69818"/>
                    </a:lnTo>
                    <a:lnTo>
                      <a:pt x="29867" y="69152"/>
                    </a:lnTo>
                    <a:lnTo>
                      <a:pt x="29010" y="68580"/>
                    </a:lnTo>
                    <a:lnTo>
                      <a:pt x="2626" y="42101"/>
                    </a:lnTo>
                    <a:cubicBezTo>
                      <a:pt x="-873" y="38605"/>
                      <a:pt x="-876" y="32938"/>
                      <a:pt x="2620" y="29442"/>
                    </a:cubicBezTo>
                    <a:cubicBezTo>
                      <a:pt x="2622" y="29432"/>
                      <a:pt x="2624" y="29432"/>
                      <a:pt x="2626" y="29432"/>
                    </a:cubicBezTo>
                    <a:cubicBezTo>
                      <a:pt x="4268" y="27718"/>
                      <a:pt x="6540" y="26756"/>
                      <a:pt x="8912" y="26765"/>
                    </a:cubicBezTo>
                    <a:cubicBezTo>
                      <a:pt x="11298" y="26822"/>
                      <a:pt x="13576" y="27775"/>
                      <a:pt x="15294" y="29432"/>
                    </a:cubicBezTo>
                    <a:lnTo>
                      <a:pt x="31105" y="45244"/>
                    </a:lnTo>
                    <a:cubicBezTo>
                      <a:pt x="31946" y="46063"/>
                      <a:pt x="33077" y="46511"/>
                      <a:pt x="34249" y="46482"/>
                    </a:cubicBezTo>
                    <a:lnTo>
                      <a:pt x="34249" y="46482"/>
                    </a:lnTo>
                    <a:cubicBezTo>
                      <a:pt x="35527" y="46415"/>
                      <a:pt x="36710" y="45787"/>
                      <a:pt x="37487" y="44768"/>
                    </a:cubicBezTo>
                    <a:lnTo>
                      <a:pt x="68348" y="3620"/>
                    </a:lnTo>
                    <a:cubicBezTo>
                      <a:pt x="70017" y="1343"/>
                      <a:pt x="72670" y="0"/>
                      <a:pt x="75492" y="0"/>
                    </a:cubicBezTo>
                    <a:cubicBezTo>
                      <a:pt x="77445" y="29"/>
                      <a:pt x="79340" y="667"/>
                      <a:pt x="80921" y="1810"/>
                    </a:cubicBezTo>
                    <a:cubicBezTo>
                      <a:pt x="82790" y="3267"/>
                      <a:pt x="84047" y="5372"/>
                      <a:pt x="84445" y="7715"/>
                    </a:cubicBezTo>
                    <a:cubicBezTo>
                      <a:pt x="84725" y="10077"/>
                      <a:pt x="84114" y="12449"/>
                      <a:pt x="82731" y="14383"/>
                    </a:cubicBezTo>
                    <a:lnTo>
                      <a:pt x="42631" y="66104"/>
                    </a:lnTo>
                    <a:lnTo>
                      <a:pt x="41869" y="66865"/>
                    </a:lnTo>
                    <a:lnTo>
                      <a:pt x="41297" y="67628"/>
                    </a:lnTo>
                    <a:lnTo>
                      <a:pt x="40726" y="67628"/>
                    </a:lnTo>
                    <a:lnTo>
                      <a:pt x="39773" y="67628"/>
                    </a:lnTo>
                    <a:lnTo>
                      <a:pt x="38916" y="68294"/>
                    </a:lnTo>
                    <a:lnTo>
                      <a:pt x="38916" y="68294"/>
                    </a:lnTo>
                    <a:cubicBezTo>
                      <a:pt x="37835" y="68771"/>
                      <a:pt x="36669" y="69028"/>
                      <a:pt x="35487" y="690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5" name="Freeform: Shape 11">
                <a:extLst>
                  <a:ext uri="{FF2B5EF4-FFF2-40B4-BE49-F238E27FC236}">
                    <a16:creationId xmlns:a16="http://schemas.microsoft.com/office/drawing/2014/main" id="{182D4E6F-5268-9155-9728-1EC0C228717C}"/>
                  </a:ext>
                </a:extLst>
              </p:cNvPr>
              <p:cNvSpPr/>
              <p:nvPr/>
            </p:nvSpPr>
            <p:spPr>
              <a:xfrm>
                <a:off x="1159329" y="3446366"/>
                <a:ext cx="84502" cy="70962"/>
              </a:xfrm>
              <a:custGeom>
                <a:avLst/>
                <a:gdLst>
                  <a:gd name="connsiteX0" fmla="*/ 35011 w 84502"/>
                  <a:gd name="connsiteY0" fmla="*/ 70391 h 70962"/>
                  <a:gd name="connsiteX1" fmla="*/ 32058 w 84502"/>
                  <a:gd name="connsiteY1" fmla="*/ 69724 h 70962"/>
                  <a:gd name="connsiteX2" fmla="*/ 32058 w 84502"/>
                  <a:gd name="connsiteY2" fmla="*/ 69724 h 70962"/>
                  <a:gd name="connsiteX3" fmla="*/ 31391 w 84502"/>
                  <a:gd name="connsiteY3" fmla="*/ 69724 h 70962"/>
                  <a:gd name="connsiteX4" fmla="*/ 30534 w 84502"/>
                  <a:gd name="connsiteY4" fmla="*/ 69724 h 70962"/>
                  <a:gd name="connsiteX5" fmla="*/ 30534 w 84502"/>
                  <a:gd name="connsiteY5" fmla="*/ 69724 h 70962"/>
                  <a:gd name="connsiteX6" fmla="*/ 29867 w 84502"/>
                  <a:gd name="connsiteY6" fmla="*/ 69057 h 70962"/>
                  <a:gd name="connsiteX7" fmla="*/ 29010 w 84502"/>
                  <a:gd name="connsiteY7" fmla="*/ 68486 h 70962"/>
                  <a:gd name="connsiteX8" fmla="*/ 2626 w 84502"/>
                  <a:gd name="connsiteY8" fmla="*/ 42006 h 70962"/>
                  <a:gd name="connsiteX9" fmla="*/ 2620 w 84502"/>
                  <a:gd name="connsiteY9" fmla="*/ 29348 h 70962"/>
                  <a:gd name="connsiteX10" fmla="*/ 2626 w 84502"/>
                  <a:gd name="connsiteY10" fmla="*/ 29338 h 70962"/>
                  <a:gd name="connsiteX11" fmla="*/ 8912 w 84502"/>
                  <a:gd name="connsiteY11" fmla="*/ 26671 h 70962"/>
                  <a:gd name="connsiteX12" fmla="*/ 15294 w 84502"/>
                  <a:gd name="connsiteY12" fmla="*/ 29338 h 70962"/>
                  <a:gd name="connsiteX13" fmla="*/ 31105 w 84502"/>
                  <a:gd name="connsiteY13" fmla="*/ 45150 h 70962"/>
                  <a:gd name="connsiteX14" fmla="*/ 34249 w 84502"/>
                  <a:gd name="connsiteY14" fmla="*/ 46483 h 70962"/>
                  <a:gd name="connsiteX15" fmla="*/ 34249 w 84502"/>
                  <a:gd name="connsiteY15" fmla="*/ 46483 h 70962"/>
                  <a:gd name="connsiteX16" fmla="*/ 37487 w 84502"/>
                  <a:gd name="connsiteY16" fmla="*/ 44673 h 70962"/>
                  <a:gd name="connsiteX17" fmla="*/ 68348 w 84502"/>
                  <a:gd name="connsiteY17" fmla="*/ 3525 h 70962"/>
                  <a:gd name="connsiteX18" fmla="*/ 75492 w 84502"/>
                  <a:gd name="connsiteY18" fmla="*/ 1 h 70962"/>
                  <a:gd name="connsiteX19" fmla="*/ 80921 w 84502"/>
                  <a:gd name="connsiteY19" fmla="*/ 1716 h 70962"/>
                  <a:gd name="connsiteX20" fmla="*/ 84445 w 84502"/>
                  <a:gd name="connsiteY20" fmla="*/ 7716 h 70962"/>
                  <a:gd name="connsiteX21" fmla="*/ 82731 w 84502"/>
                  <a:gd name="connsiteY21" fmla="*/ 14288 h 70962"/>
                  <a:gd name="connsiteX22" fmla="*/ 42916 w 84502"/>
                  <a:gd name="connsiteY22" fmla="*/ 67343 h 70962"/>
                  <a:gd name="connsiteX23" fmla="*/ 42154 w 84502"/>
                  <a:gd name="connsiteY23" fmla="*/ 68105 h 70962"/>
                  <a:gd name="connsiteX24" fmla="*/ 41583 w 84502"/>
                  <a:gd name="connsiteY24" fmla="*/ 68962 h 70962"/>
                  <a:gd name="connsiteX25" fmla="*/ 41011 w 84502"/>
                  <a:gd name="connsiteY25" fmla="*/ 68962 h 70962"/>
                  <a:gd name="connsiteX26" fmla="*/ 40059 w 84502"/>
                  <a:gd name="connsiteY26" fmla="*/ 69533 h 70962"/>
                  <a:gd name="connsiteX27" fmla="*/ 39202 w 84502"/>
                  <a:gd name="connsiteY27" fmla="*/ 70105 h 70962"/>
                  <a:gd name="connsiteX28" fmla="*/ 39202 w 84502"/>
                  <a:gd name="connsiteY28" fmla="*/ 70105 h 70962"/>
                  <a:gd name="connsiteX29" fmla="*/ 35773 w 84502"/>
                  <a:gd name="connsiteY29"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02" h="70962">
                    <a:moveTo>
                      <a:pt x="35011" y="70391"/>
                    </a:moveTo>
                    <a:cubicBezTo>
                      <a:pt x="33995" y="70343"/>
                      <a:pt x="32996" y="70115"/>
                      <a:pt x="32058" y="69724"/>
                    </a:cubicBezTo>
                    <a:lnTo>
                      <a:pt x="32058" y="69724"/>
                    </a:lnTo>
                    <a:lnTo>
                      <a:pt x="31391" y="69724"/>
                    </a:lnTo>
                    <a:lnTo>
                      <a:pt x="30534" y="69724"/>
                    </a:lnTo>
                    <a:lnTo>
                      <a:pt x="30534" y="69724"/>
                    </a:lnTo>
                    <a:lnTo>
                      <a:pt x="29867" y="69057"/>
                    </a:lnTo>
                    <a:lnTo>
                      <a:pt x="29010" y="68486"/>
                    </a:lnTo>
                    <a:lnTo>
                      <a:pt x="2626" y="42006"/>
                    </a:lnTo>
                    <a:cubicBezTo>
                      <a:pt x="-873" y="38510"/>
                      <a:pt x="-876" y="32843"/>
                      <a:pt x="2620" y="29348"/>
                    </a:cubicBezTo>
                    <a:cubicBezTo>
                      <a:pt x="2622" y="29338"/>
                      <a:pt x="2624" y="29338"/>
                      <a:pt x="2626" y="29338"/>
                    </a:cubicBezTo>
                    <a:cubicBezTo>
                      <a:pt x="4268" y="27624"/>
                      <a:pt x="6540" y="26661"/>
                      <a:pt x="8912" y="26671"/>
                    </a:cubicBezTo>
                    <a:cubicBezTo>
                      <a:pt x="11298" y="26728"/>
                      <a:pt x="13576" y="27681"/>
                      <a:pt x="15294" y="29338"/>
                    </a:cubicBezTo>
                    <a:lnTo>
                      <a:pt x="31105" y="45150"/>
                    </a:lnTo>
                    <a:cubicBezTo>
                      <a:pt x="31936" y="45988"/>
                      <a:pt x="33066" y="46473"/>
                      <a:pt x="34249" y="46483"/>
                    </a:cubicBezTo>
                    <a:lnTo>
                      <a:pt x="34249" y="46483"/>
                    </a:lnTo>
                    <a:cubicBezTo>
                      <a:pt x="35539" y="46378"/>
                      <a:pt x="36720" y="45721"/>
                      <a:pt x="37487" y="44673"/>
                    </a:cubicBezTo>
                    <a:lnTo>
                      <a:pt x="68348" y="3525"/>
                    </a:lnTo>
                    <a:cubicBezTo>
                      <a:pt x="70027" y="1277"/>
                      <a:pt x="72683" y="-37"/>
                      <a:pt x="75492" y="1"/>
                    </a:cubicBezTo>
                    <a:cubicBezTo>
                      <a:pt x="77434" y="1"/>
                      <a:pt x="79329" y="601"/>
                      <a:pt x="80921" y="1716"/>
                    </a:cubicBezTo>
                    <a:cubicBezTo>
                      <a:pt x="82811" y="3201"/>
                      <a:pt x="84069" y="5344"/>
                      <a:pt x="84445" y="7716"/>
                    </a:cubicBezTo>
                    <a:cubicBezTo>
                      <a:pt x="84701" y="10040"/>
                      <a:pt x="84091" y="12383"/>
                      <a:pt x="82731" y="14288"/>
                    </a:cubicBezTo>
                    <a:lnTo>
                      <a:pt x="42916" y="67343"/>
                    </a:lnTo>
                    <a:lnTo>
                      <a:pt x="42154" y="68105"/>
                    </a:lnTo>
                    <a:cubicBezTo>
                      <a:pt x="41901" y="68343"/>
                      <a:pt x="41706" y="68638"/>
                      <a:pt x="41583" y="68962"/>
                    </a:cubicBezTo>
                    <a:lnTo>
                      <a:pt x="41011" y="68962"/>
                    </a:lnTo>
                    <a:lnTo>
                      <a:pt x="40059" y="69533"/>
                    </a:lnTo>
                    <a:lnTo>
                      <a:pt x="39202" y="70105"/>
                    </a:lnTo>
                    <a:lnTo>
                      <a:pt x="39202" y="70105"/>
                    </a:lnTo>
                    <a:cubicBezTo>
                      <a:pt x="38110" y="70572"/>
                      <a:pt x="36954" y="70857"/>
                      <a:pt x="35773"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6" name="Freeform: Shape 12">
                <a:extLst>
                  <a:ext uri="{FF2B5EF4-FFF2-40B4-BE49-F238E27FC236}">
                    <a16:creationId xmlns:a16="http://schemas.microsoft.com/office/drawing/2014/main" id="{B500165A-B37C-1A27-E2B8-CA2B2F44DC24}"/>
                  </a:ext>
                </a:extLst>
              </p:cNvPr>
              <p:cNvSpPr/>
              <p:nvPr/>
            </p:nvSpPr>
            <p:spPr>
              <a:xfrm>
                <a:off x="1158929" y="3525614"/>
                <a:ext cx="84340" cy="71343"/>
              </a:xfrm>
              <a:custGeom>
                <a:avLst/>
                <a:gdLst>
                  <a:gd name="connsiteX0" fmla="*/ 35410 w 84340"/>
                  <a:gd name="connsiteY0" fmla="*/ 71343 h 71343"/>
                  <a:gd name="connsiteX1" fmla="*/ 32458 w 84340"/>
                  <a:gd name="connsiteY1" fmla="*/ 70677 h 71343"/>
                  <a:gd name="connsiteX2" fmla="*/ 32458 w 84340"/>
                  <a:gd name="connsiteY2" fmla="*/ 70677 h 71343"/>
                  <a:gd name="connsiteX3" fmla="*/ 31791 w 84340"/>
                  <a:gd name="connsiteY3" fmla="*/ 70677 h 71343"/>
                  <a:gd name="connsiteX4" fmla="*/ 30934 w 84340"/>
                  <a:gd name="connsiteY4" fmla="*/ 70677 h 71343"/>
                  <a:gd name="connsiteX5" fmla="*/ 30934 w 84340"/>
                  <a:gd name="connsiteY5" fmla="*/ 70677 h 71343"/>
                  <a:gd name="connsiteX6" fmla="*/ 30267 w 84340"/>
                  <a:gd name="connsiteY6" fmla="*/ 70105 h 71343"/>
                  <a:gd name="connsiteX7" fmla="*/ 28838 w 84340"/>
                  <a:gd name="connsiteY7" fmla="*/ 68486 h 71343"/>
                  <a:gd name="connsiteX8" fmla="*/ 2454 w 84340"/>
                  <a:gd name="connsiteY8" fmla="*/ 42102 h 71343"/>
                  <a:gd name="connsiteX9" fmla="*/ 2454 w 84340"/>
                  <a:gd name="connsiteY9" fmla="*/ 29338 h 71343"/>
                  <a:gd name="connsiteX10" fmla="*/ 8740 w 84340"/>
                  <a:gd name="connsiteY10" fmla="*/ 26766 h 71343"/>
                  <a:gd name="connsiteX11" fmla="*/ 15122 w 84340"/>
                  <a:gd name="connsiteY11" fmla="*/ 29338 h 71343"/>
                  <a:gd name="connsiteX12" fmla="*/ 30934 w 84340"/>
                  <a:gd name="connsiteY12" fmla="*/ 45245 h 71343"/>
                  <a:gd name="connsiteX13" fmla="*/ 34077 w 84340"/>
                  <a:gd name="connsiteY13" fmla="*/ 46483 h 71343"/>
                  <a:gd name="connsiteX14" fmla="*/ 34077 w 84340"/>
                  <a:gd name="connsiteY14" fmla="*/ 46483 h 71343"/>
                  <a:gd name="connsiteX15" fmla="*/ 37315 w 84340"/>
                  <a:gd name="connsiteY15" fmla="*/ 44769 h 71343"/>
                  <a:gd name="connsiteX16" fmla="*/ 68176 w 84340"/>
                  <a:gd name="connsiteY16" fmla="*/ 3620 h 71343"/>
                  <a:gd name="connsiteX17" fmla="*/ 75320 w 84340"/>
                  <a:gd name="connsiteY17" fmla="*/ 1 h 71343"/>
                  <a:gd name="connsiteX18" fmla="*/ 80749 w 84340"/>
                  <a:gd name="connsiteY18" fmla="*/ 1811 h 71343"/>
                  <a:gd name="connsiteX19" fmla="*/ 84274 w 84340"/>
                  <a:gd name="connsiteY19" fmla="*/ 7716 h 71343"/>
                  <a:gd name="connsiteX20" fmla="*/ 82559 w 84340"/>
                  <a:gd name="connsiteY20" fmla="*/ 14384 h 71343"/>
                  <a:gd name="connsiteX21" fmla="*/ 42745 w 84340"/>
                  <a:gd name="connsiteY21" fmla="*/ 67438 h 71343"/>
                  <a:gd name="connsiteX22" fmla="*/ 41983 w 84340"/>
                  <a:gd name="connsiteY22" fmla="*/ 68105 h 71343"/>
                  <a:gd name="connsiteX23" fmla="*/ 41411 w 84340"/>
                  <a:gd name="connsiteY23" fmla="*/ 68962 h 71343"/>
                  <a:gd name="connsiteX24" fmla="*/ 40840 w 84340"/>
                  <a:gd name="connsiteY24" fmla="*/ 68962 h 71343"/>
                  <a:gd name="connsiteX25" fmla="*/ 39887 w 84340"/>
                  <a:gd name="connsiteY25" fmla="*/ 69533 h 71343"/>
                  <a:gd name="connsiteX26" fmla="*/ 39030 w 84340"/>
                  <a:gd name="connsiteY26" fmla="*/ 70105 h 71343"/>
                  <a:gd name="connsiteX27" fmla="*/ 39030 w 84340"/>
                  <a:gd name="connsiteY27" fmla="*/ 70105 h 71343"/>
                  <a:gd name="connsiteX28" fmla="*/ 35601 w 84340"/>
                  <a:gd name="connsiteY28" fmla="*/ 70962 h 71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340" h="71343">
                    <a:moveTo>
                      <a:pt x="35410" y="71343"/>
                    </a:moveTo>
                    <a:cubicBezTo>
                      <a:pt x="34389" y="71343"/>
                      <a:pt x="33381" y="71115"/>
                      <a:pt x="32458" y="70677"/>
                    </a:cubicBezTo>
                    <a:lnTo>
                      <a:pt x="32458" y="70677"/>
                    </a:lnTo>
                    <a:lnTo>
                      <a:pt x="31791" y="70677"/>
                    </a:lnTo>
                    <a:lnTo>
                      <a:pt x="30934" y="70677"/>
                    </a:lnTo>
                    <a:lnTo>
                      <a:pt x="30934" y="70677"/>
                    </a:lnTo>
                    <a:lnTo>
                      <a:pt x="30267" y="70105"/>
                    </a:lnTo>
                    <a:lnTo>
                      <a:pt x="28838" y="68486"/>
                    </a:lnTo>
                    <a:lnTo>
                      <a:pt x="2454" y="42102"/>
                    </a:lnTo>
                    <a:cubicBezTo>
                      <a:pt x="-818" y="38472"/>
                      <a:pt x="-818" y="32967"/>
                      <a:pt x="2454" y="29338"/>
                    </a:cubicBezTo>
                    <a:cubicBezTo>
                      <a:pt x="4106" y="27652"/>
                      <a:pt x="6380" y="26718"/>
                      <a:pt x="8740" y="26766"/>
                    </a:cubicBezTo>
                    <a:cubicBezTo>
                      <a:pt x="11125" y="26738"/>
                      <a:pt x="13422" y="27661"/>
                      <a:pt x="15122" y="29338"/>
                    </a:cubicBezTo>
                    <a:lnTo>
                      <a:pt x="30934" y="45245"/>
                    </a:lnTo>
                    <a:cubicBezTo>
                      <a:pt x="31799" y="46016"/>
                      <a:pt x="32915" y="46464"/>
                      <a:pt x="34077" y="46483"/>
                    </a:cubicBezTo>
                    <a:lnTo>
                      <a:pt x="34077" y="46483"/>
                    </a:lnTo>
                    <a:cubicBezTo>
                      <a:pt x="35342" y="46369"/>
                      <a:pt x="36508" y="45750"/>
                      <a:pt x="37315" y="44769"/>
                    </a:cubicBezTo>
                    <a:lnTo>
                      <a:pt x="68176" y="3620"/>
                    </a:lnTo>
                    <a:cubicBezTo>
                      <a:pt x="69845" y="1344"/>
                      <a:pt x="72498" y="1"/>
                      <a:pt x="75320" y="1"/>
                    </a:cubicBezTo>
                    <a:cubicBezTo>
                      <a:pt x="77282" y="-28"/>
                      <a:pt x="79197" y="610"/>
                      <a:pt x="80749" y="1811"/>
                    </a:cubicBezTo>
                    <a:cubicBezTo>
                      <a:pt x="82618" y="3268"/>
                      <a:pt x="83875" y="5373"/>
                      <a:pt x="84274" y="7716"/>
                    </a:cubicBezTo>
                    <a:cubicBezTo>
                      <a:pt x="84554" y="10078"/>
                      <a:pt x="83942" y="12450"/>
                      <a:pt x="82559" y="14384"/>
                    </a:cubicBezTo>
                    <a:lnTo>
                      <a:pt x="42745" y="67438"/>
                    </a:lnTo>
                    <a:cubicBezTo>
                      <a:pt x="42745" y="67438"/>
                      <a:pt x="42745" y="67438"/>
                      <a:pt x="41983" y="68105"/>
                    </a:cubicBezTo>
                    <a:cubicBezTo>
                      <a:pt x="41749" y="68362"/>
                      <a:pt x="41556" y="68648"/>
                      <a:pt x="41411" y="68962"/>
                    </a:cubicBezTo>
                    <a:lnTo>
                      <a:pt x="40840" y="68962"/>
                    </a:lnTo>
                    <a:lnTo>
                      <a:pt x="39887" y="69533"/>
                    </a:lnTo>
                    <a:lnTo>
                      <a:pt x="39030" y="70105"/>
                    </a:lnTo>
                    <a:lnTo>
                      <a:pt x="39030" y="70105"/>
                    </a:lnTo>
                    <a:cubicBezTo>
                      <a:pt x="37970" y="70657"/>
                      <a:pt x="36795" y="70953"/>
                      <a:pt x="35601"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97" name="Freeform: Shape 13">
                <a:extLst>
                  <a:ext uri="{FF2B5EF4-FFF2-40B4-BE49-F238E27FC236}">
                    <a16:creationId xmlns:a16="http://schemas.microsoft.com/office/drawing/2014/main" id="{49D5DF9C-3132-81B2-2331-60BE5BF84C10}"/>
                  </a:ext>
                </a:extLst>
              </p:cNvPr>
              <p:cNvSpPr/>
              <p:nvPr/>
            </p:nvSpPr>
            <p:spPr>
              <a:xfrm>
                <a:off x="1252347" y="3271488"/>
                <a:ext cx="17906" cy="17906"/>
              </a:xfrm>
              <a:custGeom>
                <a:avLst/>
                <a:gdLst>
                  <a:gd name="connsiteX0" fmla="*/ 17907 w 17906"/>
                  <a:gd name="connsiteY0" fmla="*/ 8954 h 17906"/>
                  <a:gd name="connsiteX1" fmla="*/ 8954 w 17906"/>
                  <a:gd name="connsiteY1" fmla="*/ 17907 h 17906"/>
                  <a:gd name="connsiteX2" fmla="*/ 0 w 17906"/>
                  <a:gd name="connsiteY2" fmla="*/ 8954 h 17906"/>
                  <a:gd name="connsiteX3" fmla="*/ 8954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8" y="17907"/>
                      <a:pt x="8954" y="17907"/>
                    </a:cubicBezTo>
                    <a:cubicBezTo>
                      <a:pt x="4009" y="17907"/>
                      <a:pt x="0" y="13898"/>
                      <a:pt x="0" y="8954"/>
                    </a:cubicBezTo>
                    <a:cubicBezTo>
                      <a:pt x="0" y="4009"/>
                      <a:pt x="4009" y="0"/>
                      <a:pt x="8954" y="0"/>
                    </a:cubicBezTo>
                    <a:cubicBezTo>
                      <a:pt x="13898" y="0"/>
                      <a:pt x="17907" y="4009"/>
                      <a:pt x="17907" y="895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198" name="Group 197">
            <a:extLst>
              <a:ext uri="{FF2B5EF4-FFF2-40B4-BE49-F238E27FC236}">
                <a16:creationId xmlns:a16="http://schemas.microsoft.com/office/drawing/2014/main" id="{14ED7254-B6C3-1D0F-297E-211C12D9E5D4}"/>
              </a:ext>
            </a:extLst>
          </p:cNvPr>
          <p:cNvGrpSpPr/>
          <p:nvPr/>
        </p:nvGrpSpPr>
        <p:grpSpPr>
          <a:xfrm>
            <a:off x="6207494" y="2705096"/>
            <a:ext cx="924825" cy="694800"/>
            <a:chOff x="6390374" y="5003352"/>
            <a:chExt cx="924825" cy="694800"/>
          </a:xfrm>
        </p:grpSpPr>
        <p:sp>
          <p:nvSpPr>
            <p:cNvPr id="199" name="Rectangle 198">
              <a:extLst>
                <a:ext uri="{FF2B5EF4-FFF2-40B4-BE49-F238E27FC236}">
                  <a16:creationId xmlns:a16="http://schemas.microsoft.com/office/drawing/2014/main" id="{BF8F95E1-ADDE-337E-CD35-2C8762C124B2}"/>
                </a:ext>
              </a:extLst>
            </p:cNvPr>
            <p:cNvSpPr>
              <a:spLocks/>
            </p:cNvSpPr>
            <p:nvPr/>
          </p:nvSpPr>
          <p:spPr>
            <a:xfrm>
              <a:off x="6390374" y="5003352"/>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00" name="Group 199">
              <a:extLst>
                <a:ext uri="{FF2B5EF4-FFF2-40B4-BE49-F238E27FC236}">
                  <a16:creationId xmlns:a16="http://schemas.microsoft.com/office/drawing/2014/main" id="{173227CD-A015-7391-2D2C-0C700B9367F1}"/>
                </a:ext>
              </a:extLst>
            </p:cNvPr>
            <p:cNvGrpSpPr/>
            <p:nvPr/>
          </p:nvGrpSpPr>
          <p:grpSpPr>
            <a:xfrm>
              <a:off x="6566505" y="5072220"/>
              <a:ext cx="557444" cy="557064"/>
              <a:chOff x="1104900" y="3231294"/>
              <a:chExt cx="419385" cy="419099"/>
            </a:xfrm>
          </p:grpSpPr>
          <p:sp>
            <p:nvSpPr>
              <p:cNvPr id="201" name="Freeform: Shape 2">
                <a:extLst>
                  <a:ext uri="{FF2B5EF4-FFF2-40B4-BE49-F238E27FC236}">
                    <a16:creationId xmlns:a16="http://schemas.microsoft.com/office/drawing/2014/main" id="{FD2D374E-9E71-0F0B-4C01-C27A07F6FE7D}"/>
                  </a:ext>
                </a:extLst>
              </p:cNvPr>
              <p:cNvSpPr/>
              <p:nvPr/>
            </p:nvSpPr>
            <p:spPr>
              <a:xfrm>
                <a:off x="1114901" y="3297967"/>
                <a:ext cx="291750" cy="338709"/>
              </a:xfrm>
              <a:custGeom>
                <a:avLst/>
                <a:gdLst>
                  <a:gd name="connsiteX0" fmla="*/ 0 w 291750"/>
                  <a:gd name="connsiteY0" fmla="*/ 0 h 338709"/>
                  <a:gd name="connsiteX1" fmla="*/ 291751 w 291750"/>
                  <a:gd name="connsiteY1" fmla="*/ 0 h 338709"/>
                  <a:gd name="connsiteX2" fmla="*/ 291751 w 291750"/>
                  <a:gd name="connsiteY2" fmla="*/ 338709 h 338709"/>
                  <a:gd name="connsiteX3" fmla="*/ 0 w 291750"/>
                  <a:gd name="connsiteY3" fmla="*/ 338709 h 338709"/>
                </a:gdLst>
                <a:ahLst/>
                <a:cxnLst>
                  <a:cxn ang="0">
                    <a:pos x="connsiteX0" y="connsiteY0"/>
                  </a:cxn>
                  <a:cxn ang="0">
                    <a:pos x="connsiteX1" y="connsiteY1"/>
                  </a:cxn>
                  <a:cxn ang="0">
                    <a:pos x="connsiteX2" y="connsiteY2"/>
                  </a:cxn>
                  <a:cxn ang="0">
                    <a:pos x="connsiteX3" y="connsiteY3"/>
                  </a:cxn>
                </a:cxnLst>
                <a:rect l="l" t="t" r="r" b="b"/>
                <a:pathLst>
                  <a:path w="291750" h="338709">
                    <a:moveTo>
                      <a:pt x="0" y="0"/>
                    </a:moveTo>
                    <a:lnTo>
                      <a:pt x="291751" y="0"/>
                    </a:lnTo>
                    <a:lnTo>
                      <a:pt x="291751" y="338709"/>
                    </a:lnTo>
                    <a:lnTo>
                      <a:pt x="0" y="338709"/>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2" name="Freeform: Shape 3">
                <a:extLst>
                  <a:ext uri="{FF2B5EF4-FFF2-40B4-BE49-F238E27FC236}">
                    <a16:creationId xmlns:a16="http://schemas.microsoft.com/office/drawing/2014/main" id="{FFEAFA95-0D21-0D3E-EDF7-65D515EEBB4B}"/>
                  </a:ext>
                </a:extLst>
              </p:cNvPr>
              <p:cNvSpPr/>
              <p:nvPr/>
            </p:nvSpPr>
            <p:spPr>
              <a:xfrm>
                <a:off x="1172051" y="3246723"/>
                <a:ext cx="182117" cy="70008"/>
              </a:xfrm>
              <a:custGeom>
                <a:avLst/>
                <a:gdLst>
                  <a:gd name="connsiteX0" fmla="*/ 119634 w 182117"/>
                  <a:gd name="connsiteY0" fmla="*/ 22098 h 70008"/>
                  <a:gd name="connsiteX1" fmla="*/ 119634 w 182117"/>
                  <a:gd name="connsiteY1" fmla="*/ 0 h 70008"/>
                  <a:gd name="connsiteX2" fmla="*/ 59150 w 182117"/>
                  <a:gd name="connsiteY2" fmla="*/ 0 h 70008"/>
                  <a:gd name="connsiteX3" fmla="*/ 59150 w 182117"/>
                  <a:gd name="connsiteY3" fmla="*/ 22098 h 70008"/>
                  <a:gd name="connsiteX4" fmla="*/ 0 w 182117"/>
                  <a:gd name="connsiteY4" fmla="*/ 22098 h 70008"/>
                  <a:gd name="connsiteX5" fmla="*/ 0 w 182117"/>
                  <a:gd name="connsiteY5" fmla="*/ 70009 h 70008"/>
                  <a:gd name="connsiteX6" fmla="*/ 182118 w 182117"/>
                  <a:gd name="connsiteY6" fmla="*/ 70009 h 70008"/>
                  <a:gd name="connsiteX7" fmla="*/ 182118 w 182117"/>
                  <a:gd name="connsiteY7" fmla="*/ 22098 h 70008"/>
                  <a:gd name="connsiteX8" fmla="*/ 119634 w 182117"/>
                  <a:gd name="connsiteY8" fmla="*/ 22098 h 70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2117" h="70008">
                    <a:moveTo>
                      <a:pt x="119634" y="22098"/>
                    </a:moveTo>
                    <a:lnTo>
                      <a:pt x="119634" y="0"/>
                    </a:lnTo>
                    <a:lnTo>
                      <a:pt x="59150" y="0"/>
                    </a:lnTo>
                    <a:lnTo>
                      <a:pt x="59150" y="22098"/>
                    </a:lnTo>
                    <a:lnTo>
                      <a:pt x="0" y="22098"/>
                    </a:lnTo>
                    <a:lnTo>
                      <a:pt x="0" y="70009"/>
                    </a:lnTo>
                    <a:lnTo>
                      <a:pt x="182118" y="70009"/>
                    </a:lnTo>
                    <a:lnTo>
                      <a:pt x="182118" y="22098"/>
                    </a:lnTo>
                    <a:lnTo>
                      <a:pt x="119634" y="22098"/>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3" name="Freeform: Shape 4">
                <a:extLst>
                  <a:ext uri="{FF2B5EF4-FFF2-40B4-BE49-F238E27FC236}">
                    <a16:creationId xmlns:a16="http://schemas.microsoft.com/office/drawing/2014/main" id="{8D0AB8FE-1D5A-CBB2-236E-534B9DE839CC}"/>
                  </a:ext>
                </a:extLst>
              </p:cNvPr>
              <p:cNvSpPr/>
              <p:nvPr/>
            </p:nvSpPr>
            <p:spPr>
              <a:xfrm>
                <a:off x="1464945" y="3335496"/>
                <a:ext cx="51244" cy="221456"/>
              </a:xfrm>
              <a:custGeom>
                <a:avLst/>
                <a:gdLst>
                  <a:gd name="connsiteX0" fmla="*/ 0 w 51244"/>
                  <a:gd name="connsiteY0" fmla="*/ 0 h 221456"/>
                  <a:gd name="connsiteX1" fmla="*/ 51245 w 51244"/>
                  <a:gd name="connsiteY1" fmla="*/ 0 h 221456"/>
                  <a:gd name="connsiteX2" fmla="*/ 51245 w 51244"/>
                  <a:gd name="connsiteY2" fmla="*/ 221456 h 221456"/>
                  <a:gd name="connsiteX3" fmla="*/ 0 w 51244"/>
                  <a:gd name="connsiteY3" fmla="*/ 221456 h 221456"/>
                </a:gdLst>
                <a:ahLst/>
                <a:cxnLst>
                  <a:cxn ang="0">
                    <a:pos x="connsiteX0" y="connsiteY0"/>
                  </a:cxn>
                  <a:cxn ang="0">
                    <a:pos x="connsiteX1" y="connsiteY1"/>
                  </a:cxn>
                  <a:cxn ang="0">
                    <a:pos x="connsiteX2" y="connsiteY2"/>
                  </a:cxn>
                  <a:cxn ang="0">
                    <a:pos x="connsiteX3" y="connsiteY3"/>
                  </a:cxn>
                </a:cxnLst>
                <a:rect l="l" t="t" r="r" b="b"/>
                <a:pathLst>
                  <a:path w="51244" h="221456">
                    <a:moveTo>
                      <a:pt x="0" y="0"/>
                    </a:moveTo>
                    <a:lnTo>
                      <a:pt x="51245" y="0"/>
                    </a:lnTo>
                    <a:lnTo>
                      <a:pt x="51245" y="221456"/>
                    </a:lnTo>
                    <a:lnTo>
                      <a:pt x="0" y="221456"/>
                    </a:lnTo>
                    <a:close/>
                  </a:path>
                </a:pathLst>
              </a:custGeom>
              <a:solidFill>
                <a:srgbClr val="FFFFFF"/>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4" name="Freeform: Shape 5">
                <a:extLst>
                  <a:ext uri="{FF2B5EF4-FFF2-40B4-BE49-F238E27FC236}">
                    <a16:creationId xmlns:a16="http://schemas.microsoft.com/office/drawing/2014/main" id="{F082A3CE-8739-5B44-8B1D-CC58F9B82DB2}"/>
                  </a:ext>
                </a:extLst>
              </p:cNvPr>
              <p:cNvSpPr/>
              <p:nvPr/>
            </p:nvSpPr>
            <p:spPr>
              <a:xfrm>
                <a:off x="1104900" y="3231294"/>
                <a:ext cx="312420" cy="419099"/>
              </a:xfrm>
              <a:custGeom>
                <a:avLst/>
                <a:gdLst>
                  <a:gd name="connsiteX0" fmla="*/ 22670 w 312420"/>
                  <a:gd name="connsiteY0" fmla="*/ 419098 h 419099"/>
                  <a:gd name="connsiteX1" fmla="*/ 2 w 312420"/>
                  <a:gd name="connsiteY1" fmla="*/ 397000 h 419099"/>
                  <a:gd name="connsiteX2" fmla="*/ 0 w 312420"/>
                  <a:gd name="connsiteY2" fmla="*/ 396809 h 419099"/>
                  <a:gd name="connsiteX3" fmla="*/ 0 w 312420"/>
                  <a:gd name="connsiteY3" fmla="*/ 75912 h 419099"/>
                  <a:gd name="connsiteX4" fmla="*/ 22384 w 312420"/>
                  <a:gd name="connsiteY4" fmla="*/ 53528 h 419099"/>
                  <a:gd name="connsiteX5" fmla="*/ 49149 w 312420"/>
                  <a:gd name="connsiteY5" fmla="*/ 53528 h 419099"/>
                  <a:gd name="connsiteX6" fmla="*/ 53530 w 312420"/>
                  <a:gd name="connsiteY6" fmla="*/ 49147 h 419099"/>
                  <a:gd name="connsiteX7" fmla="*/ 53530 w 312420"/>
                  <a:gd name="connsiteY7" fmla="*/ 35812 h 419099"/>
                  <a:gd name="connsiteX8" fmla="*/ 62484 w 312420"/>
                  <a:gd name="connsiteY8" fmla="*/ 26763 h 419099"/>
                  <a:gd name="connsiteX9" fmla="*/ 110109 w 312420"/>
                  <a:gd name="connsiteY9" fmla="*/ 26763 h 419099"/>
                  <a:gd name="connsiteX10" fmla="*/ 113919 w 312420"/>
                  <a:gd name="connsiteY10" fmla="*/ 24572 h 419099"/>
                  <a:gd name="connsiteX11" fmla="*/ 180460 w 312420"/>
                  <a:gd name="connsiteY11" fmla="*/ 6437 h 419099"/>
                  <a:gd name="connsiteX12" fmla="*/ 198596 w 312420"/>
                  <a:gd name="connsiteY12" fmla="*/ 24572 h 419099"/>
                  <a:gd name="connsiteX13" fmla="*/ 202406 w 312420"/>
                  <a:gd name="connsiteY13" fmla="*/ 26763 h 419099"/>
                  <a:gd name="connsiteX14" fmla="*/ 250031 w 312420"/>
                  <a:gd name="connsiteY14" fmla="*/ 26763 h 419099"/>
                  <a:gd name="connsiteX15" fmla="*/ 258985 w 312420"/>
                  <a:gd name="connsiteY15" fmla="*/ 35812 h 419099"/>
                  <a:gd name="connsiteX16" fmla="*/ 258985 w 312420"/>
                  <a:gd name="connsiteY16" fmla="*/ 49147 h 419099"/>
                  <a:gd name="connsiteX17" fmla="*/ 263366 w 312420"/>
                  <a:gd name="connsiteY17" fmla="*/ 53528 h 419099"/>
                  <a:gd name="connsiteX18" fmla="*/ 290132 w 312420"/>
                  <a:gd name="connsiteY18" fmla="*/ 53528 h 419099"/>
                  <a:gd name="connsiteX19" fmla="*/ 312420 w 312420"/>
                  <a:gd name="connsiteY19" fmla="*/ 75912 h 419099"/>
                  <a:gd name="connsiteX20" fmla="*/ 312420 w 312420"/>
                  <a:gd name="connsiteY20" fmla="*/ 396809 h 419099"/>
                  <a:gd name="connsiteX21" fmla="*/ 290132 w 312420"/>
                  <a:gd name="connsiteY21" fmla="*/ 419098 h 419099"/>
                  <a:gd name="connsiteX22" fmla="*/ 22670 w 312420"/>
                  <a:gd name="connsiteY22" fmla="*/ 71531 h 419099"/>
                  <a:gd name="connsiteX23" fmla="*/ 18288 w 312420"/>
                  <a:gd name="connsiteY23" fmla="*/ 75912 h 419099"/>
                  <a:gd name="connsiteX24" fmla="*/ 18288 w 312420"/>
                  <a:gd name="connsiteY24" fmla="*/ 396809 h 419099"/>
                  <a:gd name="connsiteX25" fmla="*/ 22670 w 312420"/>
                  <a:gd name="connsiteY25" fmla="*/ 401191 h 419099"/>
                  <a:gd name="connsiteX26" fmla="*/ 290132 w 312420"/>
                  <a:gd name="connsiteY26" fmla="*/ 401191 h 419099"/>
                  <a:gd name="connsiteX27" fmla="*/ 294513 w 312420"/>
                  <a:gd name="connsiteY27" fmla="*/ 396809 h 419099"/>
                  <a:gd name="connsiteX28" fmla="*/ 294513 w 312420"/>
                  <a:gd name="connsiteY28" fmla="*/ 75912 h 419099"/>
                  <a:gd name="connsiteX29" fmla="*/ 290132 w 312420"/>
                  <a:gd name="connsiteY29" fmla="*/ 71531 h 419099"/>
                  <a:gd name="connsiteX30" fmla="*/ 263366 w 312420"/>
                  <a:gd name="connsiteY30" fmla="*/ 71531 h 419099"/>
                  <a:gd name="connsiteX31" fmla="*/ 258985 w 312420"/>
                  <a:gd name="connsiteY31" fmla="*/ 75912 h 419099"/>
                  <a:gd name="connsiteX32" fmla="*/ 258985 w 312420"/>
                  <a:gd name="connsiteY32" fmla="*/ 89247 h 419099"/>
                  <a:gd name="connsiteX33" fmla="*/ 250031 w 312420"/>
                  <a:gd name="connsiteY33" fmla="*/ 98201 h 419099"/>
                  <a:gd name="connsiteX34" fmla="*/ 62770 w 312420"/>
                  <a:gd name="connsiteY34" fmla="*/ 98201 h 419099"/>
                  <a:gd name="connsiteX35" fmla="*/ 53816 w 312420"/>
                  <a:gd name="connsiteY35" fmla="*/ 89247 h 419099"/>
                  <a:gd name="connsiteX36" fmla="*/ 53816 w 312420"/>
                  <a:gd name="connsiteY36" fmla="*/ 75912 h 419099"/>
                  <a:gd name="connsiteX37" fmla="*/ 49435 w 312420"/>
                  <a:gd name="connsiteY37" fmla="*/ 71531 h 419099"/>
                  <a:gd name="connsiteX38" fmla="*/ 76200 w 312420"/>
                  <a:gd name="connsiteY38" fmla="*/ 44765 h 419099"/>
                  <a:gd name="connsiteX39" fmla="*/ 71819 w 312420"/>
                  <a:gd name="connsiteY39" fmla="*/ 48956 h 419099"/>
                  <a:gd name="connsiteX40" fmla="*/ 71819 w 312420"/>
                  <a:gd name="connsiteY40" fmla="*/ 49147 h 419099"/>
                  <a:gd name="connsiteX41" fmla="*/ 71819 w 312420"/>
                  <a:gd name="connsiteY41" fmla="*/ 75912 h 419099"/>
                  <a:gd name="connsiteX42" fmla="*/ 76200 w 312420"/>
                  <a:gd name="connsiteY42" fmla="*/ 80294 h 419099"/>
                  <a:gd name="connsiteX43" fmla="*/ 236601 w 312420"/>
                  <a:gd name="connsiteY43" fmla="*/ 80294 h 419099"/>
                  <a:gd name="connsiteX44" fmla="*/ 240983 w 312420"/>
                  <a:gd name="connsiteY44" fmla="*/ 75912 h 419099"/>
                  <a:gd name="connsiteX45" fmla="*/ 240983 w 312420"/>
                  <a:gd name="connsiteY45" fmla="*/ 49147 h 419099"/>
                  <a:gd name="connsiteX46" fmla="*/ 236793 w 312420"/>
                  <a:gd name="connsiteY46" fmla="*/ 44765 h 419099"/>
                  <a:gd name="connsiteX47" fmla="*/ 236601 w 312420"/>
                  <a:gd name="connsiteY47" fmla="*/ 44765 h 419099"/>
                  <a:gd name="connsiteX48" fmla="*/ 194024 w 312420"/>
                  <a:gd name="connsiteY48" fmla="*/ 44765 h 419099"/>
                  <a:gd name="connsiteX49" fmla="*/ 185547 w 312420"/>
                  <a:gd name="connsiteY49" fmla="*/ 38764 h 419099"/>
                  <a:gd name="connsiteX50" fmla="*/ 146348 w 312420"/>
                  <a:gd name="connsiteY50" fmla="*/ 19572 h 419099"/>
                  <a:gd name="connsiteX51" fmla="*/ 127159 w 312420"/>
                  <a:gd name="connsiteY51" fmla="*/ 38764 h 419099"/>
                  <a:gd name="connsiteX52" fmla="*/ 118777 w 312420"/>
                  <a:gd name="connsiteY52" fmla="*/ 44765 h 419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12420" h="419099">
                    <a:moveTo>
                      <a:pt x="22670" y="419098"/>
                    </a:moveTo>
                    <a:cubicBezTo>
                      <a:pt x="10308" y="419260"/>
                      <a:pt x="160" y="409363"/>
                      <a:pt x="2" y="397000"/>
                    </a:cubicBezTo>
                    <a:cubicBezTo>
                      <a:pt x="1" y="396933"/>
                      <a:pt x="0" y="396876"/>
                      <a:pt x="0" y="396809"/>
                    </a:cubicBezTo>
                    <a:lnTo>
                      <a:pt x="0" y="75912"/>
                    </a:lnTo>
                    <a:cubicBezTo>
                      <a:pt x="0" y="63549"/>
                      <a:pt x="10021" y="53528"/>
                      <a:pt x="22384" y="53528"/>
                    </a:cubicBezTo>
                    <a:lnTo>
                      <a:pt x="49149" y="53528"/>
                    </a:lnTo>
                    <a:cubicBezTo>
                      <a:pt x="51547" y="53481"/>
                      <a:pt x="53480" y="51547"/>
                      <a:pt x="53530" y="49147"/>
                    </a:cubicBezTo>
                    <a:lnTo>
                      <a:pt x="53530" y="35812"/>
                    </a:lnTo>
                    <a:cubicBezTo>
                      <a:pt x="53766" y="30954"/>
                      <a:pt x="57626" y="27049"/>
                      <a:pt x="62484" y="26763"/>
                    </a:cubicBezTo>
                    <a:lnTo>
                      <a:pt x="110109" y="26763"/>
                    </a:lnTo>
                    <a:cubicBezTo>
                      <a:pt x="111680" y="26772"/>
                      <a:pt x="113133" y="25934"/>
                      <a:pt x="113919" y="24572"/>
                    </a:cubicBezTo>
                    <a:cubicBezTo>
                      <a:pt x="127285" y="1188"/>
                      <a:pt x="157077" y="-6927"/>
                      <a:pt x="180460" y="6437"/>
                    </a:cubicBezTo>
                    <a:cubicBezTo>
                      <a:pt x="188016" y="10752"/>
                      <a:pt x="194278" y="17019"/>
                      <a:pt x="198596" y="24572"/>
                    </a:cubicBezTo>
                    <a:cubicBezTo>
                      <a:pt x="199409" y="25906"/>
                      <a:pt x="200845" y="26734"/>
                      <a:pt x="202406" y="26763"/>
                    </a:cubicBezTo>
                    <a:lnTo>
                      <a:pt x="250031" y="26763"/>
                    </a:lnTo>
                    <a:cubicBezTo>
                      <a:pt x="254889" y="27049"/>
                      <a:pt x="258749" y="30954"/>
                      <a:pt x="258985" y="35812"/>
                    </a:cubicBezTo>
                    <a:lnTo>
                      <a:pt x="258985" y="49147"/>
                    </a:lnTo>
                    <a:cubicBezTo>
                      <a:pt x="259035" y="51547"/>
                      <a:pt x="260968" y="53481"/>
                      <a:pt x="263366" y="53528"/>
                    </a:cubicBezTo>
                    <a:lnTo>
                      <a:pt x="290132" y="53528"/>
                    </a:lnTo>
                    <a:cubicBezTo>
                      <a:pt x="302457" y="53585"/>
                      <a:pt x="312420" y="63587"/>
                      <a:pt x="312420" y="75912"/>
                    </a:cubicBezTo>
                    <a:lnTo>
                      <a:pt x="312420" y="396809"/>
                    </a:lnTo>
                    <a:cubicBezTo>
                      <a:pt x="312420" y="409116"/>
                      <a:pt x="302441" y="419098"/>
                      <a:pt x="290132" y="419098"/>
                    </a:cubicBezTo>
                    <a:close/>
                    <a:moveTo>
                      <a:pt x="22670" y="71531"/>
                    </a:moveTo>
                    <a:cubicBezTo>
                      <a:pt x="20249" y="71531"/>
                      <a:pt x="18288" y="73493"/>
                      <a:pt x="18288" y="75912"/>
                    </a:cubicBezTo>
                    <a:lnTo>
                      <a:pt x="18288" y="396809"/>
                    </a:lnTo>
                    <a:cubicBezTo>
                      <a:pt x="18338" y="399210"/>
                      <a:pt x="20271" y="401143"/>
                      <a:pt x="22670" y="401191"/>
                    </a:cubicBezTo>
                    <a:lnTo>
                      <a:pt x="290132" y="401191"/>
                    </a:lnTo>
                    <a:cubicBezTo>
                      <a:pt x="292530" y="401143"/>
                      <a:pt x="294463" y="399210"/>
                      <a:pt x="294513" y="396809"/>
                    </a:cubicBezTo>
                    <a:lnTo>
                      <a:pt x="294513" y="75912"/>
                    </a:lnTo>
                    <a:cubicBezTo>
                      <a:pt x="294513" y="73493"/>
                      <a:pt x="292552" y="71531"/>
                      <a:pt x="290132" y="71531"/>
                    </a:cubicBezTo>
                    <a:lnTo>
                      <a:pt x="263366" y="71531"/>
                    </a:lnTo>
                    <a:cubicBezTo>
                      <a:pt x="260947" y="71531"/>
                      <a:pt x="258985" y="73493"/>
                      <a:pt x="258985" y="75912"/>
                    </a:cubicBezTo>
                    <a:lnTo>
                      <a:pt x="258985" y="89247"/>
                    </a:lnTo>
                    <a:cubicBezTo>
                      <a:pt x="258985" y="94190"/>
                      <a:pt x="254976" y="98201"/>
                      <a:pt x="250031" y="98201"/>
                    </a:cubicBezTo>
                    <a:lnTo>
                      <a:pt x="62770" y="98201"/>
                    </a:lnTo>
                    <a:cubicBezTo>
                      <a:pt x="57825" y="98201"/>
                      <a:pt x="53816" y="94190"/>
                      <a:pt x="53816" y="89247"/>
                    </a:cubicBezTo>
                    <a:lnTo>
                      <a:pt x="53816" y="75912"/>
                    </a:lnTo>
                    <a:cubicBezTo>
                      <a:pt x="53816" y="73493"/>
                      <a:pt x="51855" y="71531"/>
                      <a:pt x="49435" y="71531"/>
                    </a:cubicBezTo>
                    <a:close/>
                    <a:moveTo>
                      <a:pt x="76200" y="44765"/>
                    </a:moveTo>
                    <a:cubicBezTo>
                      <a:pt x="73833" y="44708"/>
                      <a:pt x="71872" y="46585"/>
                      <a:pt x="71819" y="48956"/>
                    </a:cubicBezTo>
                    <a:cubicBezTo>
                      <a:pt x="71817" y="49023"/>
                      <a:pt x="71817" y="49080"/>
                      <a:pt x="71819" y="49147"/>
                    </a:cubicBezTo>
                    <a:lnTo>
                      <a:pt x="71819" y="75912"/>
                    </a:lnTo>
                    <a:cubicBezTo>
                      <a:pt x="71819" y="78331"/>
                      <a:pt x="73780" y="80294"/>
                      <a:pt x="76200" y="80294"/>
                    </a:cubicBezTo>
                    <a:lnTo>
                      <a:pt x="236601" y="80294"/>
                    </a:lnTo>
                    <a:cubicBezTo>
                      <a:pt x="239020" y="80294"/>
                      <a:pt x="240983" y="78331"/>
                      <a:pt x="240983" y="75912"/>
                    </a:cubicBezTo>
                    <a:lnTo>
                      <a:pt x="240983" y="49147"/>
                    </a:lnTo>
                    <a:cubicBezTo>
                      <a:pt x="241036" y="46785"/>
                      <a:pt x="239160" y="44822"/>
                      <a:pt x="236793" y="44765"/>
                    </a:cubicBezTo>
                    <a:cubicBezTo>
                      <a:pt x="236730" y="44765"/>
                      <a:pt x="236665" y="44765"/>
                      <a:pt x="236601" y="44765"/>
                    </a:cubicBezTo>
                    <a:lnTo>
                      <a:pt x="194024" y="44765"/>
                    </a:lnTo>
                    <a:cubicBezTo>
                      <a:pt x="190261" y="44613"/>
                      <a:pt x="186938" y="42270"/>
                      <a:pt x="185547" y="38764"/>
                    </a:cubicBezTo>
                    <a:cubicBezTo>
                      <a:pt x="180022" y="22639"/>
                      <a:pt x="162471" y="14047"/>
                      <a:pt x="146348" y="19572"/>
                    </a:cubicBezTo>
                    <a:cubicBezTo>
                      <a:pt x="137331" y="22667"/>
                      <a:pt x="130249" y="29744"/>
                      <a:pt x="127159" y="38764"/>
                    </a:cubicBezTo>
                    <a:cubicBezTo>
                      <a:pt x="125936" y="42355"/>
                      <a:pt x="122567" y="44765"/>
                      <a:pt x="118777" y="44765"/>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5" name="Freeform: Shape 6">
                <a:extLst>
                  <a:ext uri="{FF2B5EF4-FFF2-40B4-BE49-F238E27FC236}">
                    <a16:creationId xmlns:a16="http://schemas.microsoft.com/office/drawing/2014/main" id="{256FCE57-B24A-6B6E-8480-58A9B8671805}"/>
                  </a:ext>
                </a:extLst>
              </p:cNvPr>
              <p:cNvSpPr/>
              <p:nvPr/>
            </p:nvSpPr>
            <p:spPr>
              <a:xfrm>
                <a:off x="1278089" y="3391738"/>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6" name="Freeform: Shape 7">
                <a:extLst>
                  <a:ext uri="{FF2B5EF4-FFF2-40B4-BE49-F238E27FC236}">
                    <a16:creationId xmlns:a16="http://schemas.microsoft.com/office/drawing/2014/main" id="{828DA39F-B733-0E22-B307-89B052144B47}"/>
                  </a:ext>
                </a:extLst>
              </p:cNvPr>
              <p:cNvSpPr/>
              <p:nvPr/>
            </p:nvSpPr>
            <p:spPr>
              <a:xfrm>
                <a:off x="1278089" y="3471939"/>
                <a:ext cx="84773" cy="18100"/>
              </a:xfrm>
              <a:custGeom>
                <a:avLst/>
                <a:gdLst>
                  <a:gd name="connsiteX0" fmla="*/ 9976 w 84773"/>
                  <a:gd name="connsiteY0" fmla="*/ 18052 h 18100"/>
                  <a:gd name="connsiteX1" fmla="*/ 48 w 84773"/>
                  <a:gd name="connsiteY1" fmla="*/ 9975 h 18100"/>
                  <a:gd name="connsiteX2" fmla="*/ 8122 w 84773"/>
                  <a:gd name="connsiteY2" fmla="*/ 50 h 18100"/>
                  <a:gd name="connsiteX3" fmla="*/ 9976 w 84773"/>
                  <a:gd name="connsiteY3" fmla="*/ 50 h 18100"/>
                  <a:gd name="connsiteX4" fmla="*/ 76651 w 84773"/>
                  <a:gd name="connsiteY4" fmla="*/ 50 h 18100"/>
                  <a:gd name="connsiteX5" fmla="*/ 84726 w 84773"/>
                  <a:gd name="connsiteY5" fmla="*/ 9975 h 18100"/>
                  <a:gd name="connsiteX6" fmla="*/ 76651 w 84773"/>
                  <a:gd name="connsiteY6" fmla="*/ 18052 h 1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4773" h="18100">
                    <a:moveTo>
                      <a:pt x="9976" y="18052"/>
                    </a:moveTo>
                    <a:cubicBezTo>
                      <a:pt x="5005" y="18567"/>
                      <a:pt x="560" y="14947"/>
                      <a:pt x="48" y="9975"/>
                    </a:cubicBezTo>
                    <a:cubicBezTo>
                      <a:pt x="-464" y="5003"/>
                      <a:pt x="3151" y="564"/>
                      <a:pt x="8122" y="50"/>
                    </a:cubicBezTo>
                    <a:cubicBezTo>
                      <a:pt x="8738" y="-17"/>
                      <a:pt x="9360" y="-17"/>
                      <a:pt x="9976" y="50"/>
                    </a:cubicBezTo>
                    <a:lnTo>
                      <a:pt x="76651" y="50"/>
                    </a:lnTo>
                    <a:cubicBezTo>
                      <a:pt x="81622" y="564"/>
                      <a:pt x="85237" y="5003"/>
                      <a:pt x="84726" y="9975"/>
                    </a:cubicBezTo>
                    <a:cubicBezTo>
                      <a:pt x="84287" y="14242"/>
                      <a:pt x="80916" y="17614"/>
                      <a:pt x="76651" y="1805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7" name="Freeform: Shape 8">
                <a:extLst>
                  <a:ext uri="{FF2B5EF4-FFF2-40B4-BE49-F238E27FC236}">
                    <a16:creationId xmlns:a16="http://schemas.microsoft.com/office/drawing/2014/main" id="{E049D9D1-7219-23AA-5183-59E4DB2D7212}"/>
                  </a:ext>
                </a:extLst>
              </p:cNvPr>
              <p:cNvSpPr/>
              <p:nvPr/>
            </p:nvSpPr>
            <p:spPr>
              <a:xfrm>
                <a:off x="1279112" y="3552285"/>
                <a:ext cx="84581" cy="17907"/>
              </a:xfrm>
              <a:custGeom>
                <a:avLst/>
                <a:gdLst>
                  <a:gd name="connsiteX0" fmla="*/ 8954 w 84581"/>
                  <a:gd name="connsiteY0" fmla="*/ 17907 h 17907"/>
                  <a:gd name="connsiteX1" fmla="*/ 0 w 84581"/>
                  <a:gd name="connsiteY1" fmla="*/ 8954 h 17907"/>
                  <a:gd name="connsiteX2" fmla="*/ 8954 w 84581"/>
                  <a:gd name="connsiteY2" fmla="*/ 0 h 17907"/>
                  <a:gd name="connsiteX3" fmla="*/ 75629 w 84581"/>
                  <a:gd name="connsiteY3" fmla="*/ 0 h 17907"/>
                  <a:gd name="connsiteX4" fmla="*/ 84582 w 84581"/>
                  <a:gd name="connsiteY4" fmla="*/ 8954 h 17907"/>
                  <a:gd name="connsiteX5" fmla="*/ 75629 w 84581"/>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581" h="17907">
                    <a:moveTo>
                      <a:pt x="8954" y="17907"/>
                    </a:moveTo>
                    <a:cubicBezTo>
                      <a:pt x="4009" y="17907"/>
                      <a:pt x="0" y="13897"/>
                      <a:pt x="0" y="8954"/>
                    </a:cubicBezTo>
                    <a:cubicBezTo>
                      <a:pt x="0" y="4010"/>
                      <a:pt x="4009" y="0"/>
                      <a:pt x="8954" y="0"/>
                    </a:cubicBezTo>
                    <a:lnTo>
                      <a:pt x="75629" y="0"/>
                    </a:lnTo>
                    <a:cubicBezTo>
                      <a:pt x="80574" y="0"/>
                      <a:pt x="84582" y="4010"/>
                      <a:pt x="84582" y="8954"/>
                    </a:cubicBezTo>
                    <a:cubicBezTo>
                      <a:pt x="84582" y="13897"/>
                      <a:pt x="80574" y="17907"/>
                      <a:pt x="75629" y="17907"/>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8" name="Freeform: Shape 9">
                <a:extLst>
                  <a:ext uri="{FF2B5EF4-FFF2-40B4-BE49-F238E27FC236}">
                    <a16:creationId xmlns:a16="http://schemas.microsoft.com/office/drawing/2014/main" id="{54F64886-C675-9486-750D-86B05F5E9DA6}"/>
                  </a:ext>
                </a:extLst>
              </p:cNvPr>
              <p:cNvSpPr/>
              <p:nvPr/>
            </p:nvSpPr>
            <p:spPr>
              <a:xfrm>
                <a:off x="1452372" y="3284823"/>
                <a:ext cx="71913" cy="365569"/>
              </a:xfrm>
              <a:custGeom>
                <a:avLst/>
                <a:gdLst>
                  <a:gd name="connsiteX0" fmla="*/ 36195 w 71913"/>
                  <a:gd name="connsiteY0" fmla="*/ 365570 h 365569"/>
                  <a:gd name="connsiteX1" fmla="*/ 27241 w 71913"/>
                  <a:gd name="connsiteY1" fmla="*/ 356616 h 365569"/>
                  <a:gd name="connsiteX2" fmla="*/ 27241 w 71913"/>
                  <a:gd name="connsiteY2" fmla="*/ 329851 h 365569"/>
                  <a:gd name="connsiteX3" fmla="*/ 22860 w 71913"/>
                  <a:gd name="connsiteY3" fmla="*/ 325469 h 365569"/>
                  <a:gd name="connsiteX4" fmla="*/ 13906 w 71913"/>
                  <a:gd name="connsiteY4" fmla="*/ 316516 h 365569"/>
                  <a:gd name="connsiteX5" fmla="*/ 13906 w 71913"/>
                  <a:gd name="connsiteY5" fmla="*/ 290227 h 365569"/>
                  <a:gd name="connsiteX6" fmla="*/ 9525 w 71913"/>
                  <a:gd name="connsiteY6" fmla="*/ 285845 h 365569"/>
                  <a:gd name="connsiteX7" fmla="*/ 0 w 71913"/>
                  <a:gd name="connsiteY7" fmla="*/ 276892 h 365569"/>
                  <a:gd name="connsiteX8" fmla="*/ 0 w 71913"/>
                  <a:gd name="connsiteY8" fmla="*/ 49054 h 365569"/>
                  <a:gd name="connsiteX9" fmla="*/ 9525 w 71913"/>
                  <a:gd name="connsiteY9" fmla="*/ 40100 h 365569"/>
                  <a:gd name="connsiteX10" fmla="*/ 13906 w 71913"/>
                  <a:gd name="connsiteY10" fmla="*/ 35719 h 365569"/>
                  <a:gd name="connsiteX11" fmla="*/ 13906 w 71913"/>
                  <a:gd name="connsiteY11" fmla="*/ 8954 h 365569"/>
                  <a:gd name="connsiteX12" fmla="*/ 22860 w 71913"/>
                  <a:gd name="connsiteY12" fmla="*/ 0 h 365569"/>
                  <a:gd name="connsiteX13" fmla="*/ 49625 w 71913"/>
                  <a:gd name="connsiteY13" fmla="*/ 0 h 365569"/>
                  <a:gd name="connsiteX14" fmla="*/ 58579 w 71913"/>
                  <a:gd name="connsiteY14" fmla="*/ 8954 h 365569"/>
                  <a:gd name="connsiteX15" fmla="*/ 58579 w 71913"/>
                  <a:gd name="connsiteY15" fmla="*/ 35719 h 365569"/>
                  <a:gd name="connsiteX16" fmla="*/ 62960 w 71913"/>
                  <a:gd name="connsiteY16" fmla="*/ 40100 h 365569"/>
                  <a:gd name="connsiteX17" fmla="*/ 71914 w 71913"/>
                  <a:gd name="connsiteY17" fmla="*/ 49054 h 365569"/>
                  <a:gd name="connsiteX18" fmla="*/ 71914 w 71913"/>
                  <a:gd name="connsiteY18" fmla="*/ 276415 h 365569"/>
                  <a:gd name="connsiteX19" fmla="*/ 62960 w 71913"/>
                  <a:gd name="connsiteY19" fmla="*/ 285369 h 365569"/>
                  <a:gd name="connsiteX20" fmla="*/ 58579 w 71913"/>
                  <a:gd name="connsiteY20" fmla="*/ 289751 h 365569"/>
                  <a:gd name="connsiteX21" fmla="*/ 58579 w 71913"/>
                  <a:gd name="connsiteY21" fmla="*/ 316516 h 365569"/>
                  <a:gd name="connsiteX22" fmla="*/ 49625 w 71913"/>
                  <a:gd name="connsiteY22" fmla="*/ 325469 h 365569"/>
                  <a:gd name="connsiteX23" fmla="*/ 45244 w 71913"/>
                  <a:gd name="connsiteY23" fmla="*/ 329851 h 365569"/>
                  <a:gd name="connsiteX24" fmla="*/ 45244 w 71913"/>
                  <a:gd name="connsiteY24" fmla="*/ 356902 h 365569"/>
                  <a:gd name="connsiteX25" fmla="*/ 36195 w 71913"/>
                  <a:gd name="connsiteY25" fmla="*/ 365570 h 365569"/>
                  <a:gd name="connsiteX26" fmla="*/ 22860 w 71913"/>
                  <a:gd name="connsiteY26" fmla="*/ 58103 h 365569"/>
                  <a:gd name="connsiteX27" fmla="*/ 18478 w 71913"/>
                  <a:gd name="connsiteY27" fmla="*/ 62484 h 365569"/>
                  <a:gd name="connsiteX28" fmla="*/ 18478 w 71913"/>
                  <a:gd name="connsiteY28" fmla="*/ 262509 h 365569"/>
                  <a:gd name="connsiteX29" fmla="*/ 22860 w 71913"/>
                  <a:gd name="connsiteY29" fmla="*/ 266986 h 365569"/>
                  <a:gd name="connsiteX30" fmla="*/ 49625 w 71913"/>
                  <a:gd name="connsiteY30" fmla="*/ 266986 h 365569"/>
                  <a:gd name="connsiteX31" fmla="*/ 54007 w 71913"/>
                  <a:gd name="connsiteY31" fmla="*/ 262509 h 365569"/>
                  <a:gd name="connsiteX32" fmla="*/ 54007 w 71913"/>
                  <a:gd name="connsiteY32" fmla="*/ 62484 h 365569"/>
                  <a:gd name="connsiteX33" fmla="*/ 49625 w 71913"/>
                  <a:gd name="connsiteY33" fmla="*/ 58103 h 36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1913" h="365569">
                    <a:moveTo>
                      <a:pt x="36195" y="365570"/>
                    </a:moveTo>
                    <a:cubicBezTo>
                      <a:pt x="31250" y="365570"/>
                      <a:pt x="27241" y="361560"/>
                      <a:pt x="27241" y="356616"/>
                    </a:cubicBezTo>
                    <a:lnTo>
                      <a:pt x="27241" y="329851"/>
                    </a:lnTo>
                    <a:cubicBezTo>
                      <a:pt x="27191" y="327450"/>
                      <a:pt x="25258" y="325517"/>
                      <a:pt x="22860" y="325469"/>
                    </a:cubicBezTo>
                    <a:cubicBezTo>
                      <a:pt x="17915" y="325469"/>
                      <a:pt x="13906" y="321459"/>
                      <a:pt x="13906" y="316516"/>
                    </a:cubicBezTo>
                    <a:lnTo>
                      <a:pt x="13906" y="290227"/>
                    </a:lnTo>
                    <a:cubicBezTo>
                      <a:pt x="13856" y="287826"/>
                      <a:pt x="11923" y="285893"/>
                      <a:pt x="9525" y="285845"/>
                    </a:cubicBezTo>
                    <a:cubicBezTo>
                      <a:pt x="4480" y="285855"/>
                      <a:pt x="303" y="281930"/>
                      <a:pt x="0" y="276892"/>
                    </a:cubicBezTo>
                    <a:lnTo>
                      <a:pt x="0" y="49054"/>
                    </a:lnTo>
                    <a:cubicBezTo>
                      <a:pt x="303" y="44015"/>
                      <a:pt x="4480" y="40091"/>
                      <a:pt x="9525" y="40100"/>
                    </a:cubicBezTo>
                    <a:cubicBezTo>
                      <a:pt x="11923" y="40053"/>
                      <a:pt x="13856" y="38119"/>
                      <a:pt x="13906" y="35719"/>
                    </a:cubicBezTo>
                    <a:lnTo>
                      <a:pt x="13906" y="8954"/>
                    </a:lnTo>
                    <a:cubicBezTo>
                      <a:pt x="13906" y="4010"/>
                      <a:pt x="17916" y="0"/>
                      <a:pt x="22860" y="0"/>
                    </a:cubicBezTo>
                    <a:lnTo>
                      <a:pt x="49625" y="0"/>
                    </a:lnTo>
                    <a:cubicBezTo>
                      <a:pt x="54571" y="0"/>
                      <a:pt x="58579" y="4010"/>
                      <a:pt x="58579" y="8954"/>
                    </a:cubicBezTo>
                    <a:lnTo>
                      <a:pt x="58579" y="35719"/>
                    </a:lnTo>
                    <a:cubicBezTo>
                      <a:pt x="58629" y="38119"/>
                      <a:pt x="60562" y="40053"/>
                      <a:pt x="62960" y="40100"/>
                    </a:cubicBezTo>
                    <a:cubicBezTo>
                      <a:pt x="67905" y="40100"/>
                      <a:pt x="71914" y="44110"/>
                      <a:pt x="71914" y="49054"/>
                    </a:cubicBezTo>
                    <a:lnTo>
                      <a:pt x="71914" y="276415"/>
                    </a:lnTo>
                    <a:cubicBezTo>
                      <a:pt x="71914" y="281359"/>
                      <a:pt x="67905" y="285369"/>
                      <a:pt x="62960" y="285369"/>
                    </a:cubicBezTo>
                    <a:cubicBezTo>
                      <a:pt x="60562" y="285417"/>
                      <a:pt x="58629" y="287350"/>
                      <a:pt x="58579" y="289751"/>
                    </a:cubicBezTo>
                    <a:lnTo>
                      <a:pt x="58579" y="316516"/>
                    </a:lnTo>
                    <a:cubicBezTo>
                      <a:pt x="58579" y="321459"/>
                      <a:pt x="54570" y="325469"/>
                      <a:pt x="49625" y="325469"/>
                    </a:cubicBezTo>
                    <a:cubicBezTo>
                      <a:pt x="47205" y="325469"/>
                      <a:pt x="45244" y="327431"/>
                      <a:pt x="45244" y="329851"/>
                    </a:cubicBezTo>
                    <a:lnTo>
                      <a:pt x="45244" y="356902"/>
                    </a:lnTo>
                    <a:cubicBezTo>
                      <a:pt x="44820" y="361645"/>
                      <a:pt x="40955" y="365350"/>
                      <a:pt x="36195" y="365570"/>
                    </a:cubicBezTo>
                    <a:close/>
                    <a:moveTo>
                      <a:pt x="22860" y="58103"/>
                    </a:moveTo>
                    <a:cubicBezTo>
                      <a:pt x="20440" y="58103"/>
                      <a:pt x="18478" y="60065"/>
                      <a:pt x="18478" y="62484"/>
                    </a:cubicBezTo>
                    <a:lnTo>
                      <a:pt x="18478" y="262509"/>
                    </a:lnTo>
                    <a:cubicBezTo>
                      <a:pt x="18478" y="264948"/>
                      <a:pt x="20424" y="266938"/>
                      <a:pt x="22860" y="266986"/>
                    </a:cubicBezTo>
                    <a:lnTo>
                      <a:pt x="49625" y="266986"/>
                    </a:lnTo>
                    <a:cubicBezTo>
                      <a:pt x="52061" y="266938"/>
                      <a:pt x="54008" y="264948"/>
                      <a:pt x="54007" y="262509"/>
                    </a:cubicBezTo>
                    <a:lnTo>
                      <a:pt x="54007" y="62484"/>
                    </a:lnTo>
                    <a:cubicBezTo>
                      <a:pt x="54007" y="60065"/>
                      <a:pt x="52046" y="58103"/>
                      <a:pt x="49625" y="581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09" name="Freeform: Shape 10">
                <a:extLst>
                  <a:ext uri="{FF2B5EF4-FFF2-40B4-BE49-F238E27FC236}">
                    <a16:creationId xmlns:a16="http://schemas.microsoft.com/office/drawing/2014/main" id="{8A2DF306-FECB-5430-E06B-7B2F187E6E0B}"/>
                  </a:ext>
                </a:extLst>
              </p:cNvPr>
              <p:cNvSpPr/>
              <p:nvPr/>
            </p:nvSpPr>
            <p:spPr>
              <a:xfrm>
                <a:off x="1159329" y="3366071"/>
                <a:ext cx="84511" cy="70389"/>
              </a:xfrm>
              <a:custGeom>
                <a:avLst/>
                <a:gdLst>
                  <a:gd name="connsiteX0" fmla="*/ 35011 w 84511"/>
                  <a:gd name="connsiteY0" fmla="*/ 70390 h 70389"/>
                  <a:gd name="connsiteX1" fmla="*/ 32058 w 84511"/>
                  <a:gd name="connsiteY1" fmla="*/ 69818 h 70389"/>
                  <a:gd name="connsiteX2" fmla="*/ 32058 w 84511"/>
                  <a:gd name="connsiteY2" fmla="*/ 69818 h 70389"/>
                  <a:gd name="connsiteX3" fmla="*/ 31391 w 84511"/>
                  <a:gd name="connsiteY3" fmla="*/ 69818 h 70389"/>
                  <a:gd name="connsiteX4" fmla="*/ 30534 w 84511"/>
                  <a:gd name="connsiteY4" fmla="*/ 69818 h 70389"/>
                  <a:gd name="connsiteX5" fmla="*/ 30534 w 84511"/>
                  <a:gd name="connsiteY5" fmla="*/ 69818 h 70389"/>
                  <a:gd name="connsiteX6" fmla="*/ 29867 w 84511"/>
                  <a:gd name="connsiteY6" fmla="*/ 69152 h 70389"/>
                  <a:gd name="connsiteX7" fmla="*/ 29010 w 84511"/>
                  <a:gd name="connsiteY7" fmla="*/ 68580 h 70389"/>
                  <a:gd name="connsiteX8" fmla="*/ 2626 w 84511"/>
                  <a:gd name="connsiteY8" fmla="*/ 42101 h 70389"/>
                  <a:gd name="connsiteX9" fmla="*/ 2620 w 84511"/>
                  <a:gd name="connsiteY9" fmla="*/ 29442 h 70389"/>
                  <a:gd name="connsiteX10" fmla="*/ 2626 w 84511"/>
                  <a:gd name="connsiteY10" fmla="*/ 29432 h 70389"/>
                  <a:gd name="connsiteX11" fmla="*/ 8912 w 84511"/>
                  <a:gd name="connsiteY11" fmla="*/ 26765 h 70389"/>
                  <a:gd name="connsiteX12" fmla="*/ 15294 w 84511"/>
                  <a:gd name="connsiteY12" fmla="*/ 29432 h 70389"/>
                  <a:gd name="connsiteX13" fmla="*/ 31105 w 84511"/>
                  <a:gd name="connsiteY13" fmla="*/ 45244 h 70389"/>
                  <a:gd name="connsiteX14" fmla="*/ 34249 w 84511"/>
                  <a:gd name="connsiteY14" fmla="*/ 46482 h 70389"/>
                  <a:gd name="connsiteX15" fmla="*/ 34249 w 84511"/>
                  <a:gd name="connsiteY15" fmla="*/ 46482 h 70389"/>
                  <a:gd name="connsiteX16" fmla="*/ 37487 w 84511"/>
                  <a:gd name="connsiteY16" fmla="*/ 44768 h 70389"/>
                  <a:gd name="connsiteX17" fmla="*/ 68348 w 84511"/>
                  <a:gd name="connsiteY17" fmla="*/ 3620 h 70389"/>
                  <a:gd name="connsiteX18" fmla="*/ 75492 w 84511"/>
                  <a:gd name="connsiteY18" fmla="*/ 0 h 70389"/>
                  <a:gd name="connsiteX19" fmla="*/ 80921 w 84511"/>
                  <a:gd name="connsiteY19" fmla="*/ 1810 h 70389"/>
                  <a:gd name="connsiteX20" fmla="*/ 84445 w 84511"/>
                  <a:gd name="connsiteY20" fmla="*/ 7715 h 70389"/>
                  <a:gd name="connsiteX21" fmla="*/ 82731 w 84511"/>
                  <a:gd name="connsiteY21" fmla="*/ 14383 h 70389"/>
                  <a:gd name="connsiteX22" fmla="*/ 42631 w 84511"/>
                  <a:gd name="connsiteY22" fmla="*/ 66104 h 70389"/>
                  <a:gd name="connsiteX23" fmla="*/ 41869 w 84511"/>
                  <a:gd name="connsiteY23" fmla="*/ 66865 h 70389"/>
                  <a:gd name="connsiteX24" fmla="*/ 41297 w 84511"/>
                  <a:gd name="connsiteY24" fmla="*/ 67628 h 70389"/>
                  <a:gd name="connsiteX25" fmla="*/ 40726 w 84511"/>
                  <a:gd name="connsiteY25" fmla="*/ 67628 h 70389"/>
                  <a:gd name="connsiteX26" fmla="*/ 39773 w 84511"/>
                  <a:gd name="connsiteY26" fmla="*/ 67628 h 70389"/>
                  <a:gd name="connsiteX27" fmla="*/ 38916 w 84511"/>
                  <a:gd name="connsiteY27" fmla="*/ 68294 h 70389"/>
                  <a:gd name="connsiteX28" fmla="*/ 38916 w 84511"/>
                  <a:gd name="connsiteY28" fmla="*/ 68294 h 70389"/>
                  <a:gd name="connsiteX29" fmla="*/ 35487 w 84511"/>
                  <a:gd name="connsiteY29" fmla="*/ 69056 h 703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11" h="70389">
                    <a:moveTo>
                      <a:pt x="35011" y="70390"/>
                    </a:moveTo>
                    <a:cubicBezTo>
                      <a:pt x="34000" y="70380"/>
                      <a:pt x="33000" y="70180"/>
                      <a:pt x="32058" y="69818"/>
                    </a:cubicBezTo>
                    <a:lnTo>
                      <a:pt x="32058" y="69818"/>
                    </a:lnTo>
                    <a:lnTo>
                      <a:pt x="31391" y="69818"/>
                    </a:lnTo>
                    <a:lnTo>
                      <a:pt x="30534" y="69818"/>
                    </a:lnTo>
                    <a:lnTo>
                      <a:pt x="30534" y="69818"/>
                    </a:lnTo>
                    <a:lnTo>
                      <a:pt x="29867" y="69152"/>
                    </a:lnTo>
                    <a:lnTo>
                      <a:pt x="29010" y="68580"/>
                    </a:lnTo>
                    <a:lnTo>
                      <a:pt x="2626" y="42101"/>
                    </a:lnTo>
                    <a:cubicBezTo>
                      <a:pt x="-873" y="38605"/>
                      <a:pt x="-876" y="32938"/>
                      <a:pt x="2620" y="29442"/>
                    </a:cubicBezTo>
                    <a:cubicBezTo>
                      <a:pt x="2622" y="29432"/>
                      <a:pt x="2624" y="29432"/>
                      <a:pt x="2626" y="29432"/>
                    </a:cubicBezTo>
                    <a:cubicBezTo>
                      <a:pt x="4268" y="27718"/>
                      <a:pt x="6540" y="26756"/>
                      <a:pt x="8912" y="26765"/>
                    </a:cubicBezTo>
                    <a:cubicBezTo>
                      <a:pt x="11298" y="26822"/>
                      <a:pt x="13576" y="27775"/>
                      <a:pt x="15294" y="29432"/>
                    </a:cubicBezTo>
                    <a:lnTo>
                      <a:pt x="31105" y="45244"/>
                    </a:lnTo>
                    <a:cubicBezTo>
                      <a:pt x="31946" y="46063"/>
                      <a:pt x="33077" y="46511"/>
                      <a:pt x="34249" y="46482"/>
                    </a:cubicBezTo>
                    <a:lnTo>
                      <a:pt x="34249" y="46482"/>
                    </a:lnTo>
                    <a:cubicBezTo>
                      <a:pt x="35527" y="46415"/>
                      <a:pt x="36710" y="45787"/>
                      <a:pt x="37487" y="44768"/>
                    </a:cubicBezTo>
                    <a:lnTo>
                      <a:pt x="68348" y="3620"/>
                    </a:lnTo>
                    <a:cubicBezTo>
                      <a:pt x="70017" y="1343"/>
                      <a:pt x="72670" y="0"/>
                      <a:pt x="75492" y="0"/>
                    </a:cubicBezTo>
                    <a:cubicBezTo>
                      <a:pt x="77445" y="29"/>
                      <a:pt x="79340" y="667"/>
                      <a:pt x="80921" y="1810"/>
                    </a:cubicBezTo>
                    <a:cubicBezTo>
                      <a:pt x="82790" y="3267"/>
                      <a:pt x="84047" y="5372"/>
                      <a:pt x="84445" y="7715"/>
                    </a:cubicBezTo>
                    <a:cubicBezTo>
                      <a:pt x="84725" y="10077"/>
                      <a:pt x="84114" y="12449"/>
                      <a:pt x="82731" y="14383"/>
                    </a:cubicBezTo>
                    <a:lnTo>
                      <a:pt x="42631" y="66104"/>
                    </a:lnTo>
                    <a:lnTo>
                      <a:pt x="41869" y="66865"/>
                    </a:lnTo>
                    <a:lnTo>
                      <a:pt x="41297" y="67628"/>
                    </a:lnTo>
                    <a:lnTo>
                      <a:pt x="40726" y="67628"/>
                    </a:lnTo>
                    <a:lnTo>
                      <a:pt x="39773" y="67628"/>
                    </a:lnTo>
                    <a:lnTo>
                      <a:pt x="38916" y="68294"/>
                    </a:lnTo>
                    <a:lnTo>
                      <a:pt x="38916" y="68294"/>
                    </a:lnTo>
                    <a:cubicBezTo>
                      <a:pt x="37835" y="68771"/>
                      <a:pt x="36669" y="69028"/>
                      <a:pt x="35487" y="690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10" name="Freeform: Shape 11">
                <a:extLst>
                  <a:ext uri="{FF2B5EF4-FFF2-40B4-BE49-F238E27FC236}">
                    <a16:creationId xmlns:a16="http://schemas.microsoft.com/office/drawing/2014/main" id="{F41C65B5-5175-B54E-7C71-FFF965525514}"/>
                  </a:ext>
                </a:extLst>
              </p:cNvPr>
              <p:cNvSpPr/>
              <p:nvPr/>
            </p:nvSpPr>
            <p:spPr>
              <a:xfrm>
                <a:off x="1159329" y="3446366"/>
                <a:ext cx="84502" cy="70962"/>
              </a:xfrm>
              <a:custGeom>
                <a:avLst/>
                <a:gdLst>
                  <a:gd name="connsiteX0" fmla="*/ 35011 w 84502"/>
                  <a:gd name="connsiteY0" fmla="*/ 70391 h 70962"/>
                  <a:gd name="connsiteX1" fmla="*/ 32058 w 84502"/>
                  <a:gd name="connsiteY1" fmla="*/ 69724 h 70962"/>
                  <a:gd name="connsiteX2" fmla="*/ 32058 w 84502"/>
                  <a:gd name="connsiteY2" fmla="*/ 69724 h 70962"/>
                  <a:gd name="connsiteX3" fmla="*/ 31391 w 84502"/>
                  <a:gd name="connsiteY3" fmla="*/ 69724 h 70962"/>
                  <a:gd name="connsiteX4" fmla="*/ 30534 w 84502"/>
                  <a:gd name="connsiteY4" fmla="*/ 69724 h 70962"/>
                  <a:gd name="connsiteX5" fmla="*/ 30534 w 84502"/>
                  <a:gd name="connsiteY5" fmla="*/ 69724 h 70962"/>
                  <a:gd name="connsiteX6" fmla="*/ 29867 w 84502"/>
                  <a:gd name="connsiteY6" fmla="*/ 69057 h 70962"/>
                  <a:gd name="connsiteX7" fmla="*/ 29010 w 84502"/>
                  <a:gd name="connsiteY7" fmla="*/ 68486 h 70962"/>
                  <a:gd name="connsiteX8" fmla="*/ 2626 w 84502"/>
                  <a:gd name="connsiteY8" fmla="*/ 42006 h 70962"/>
                  <a:gd name="connsiteX9" fmla="*/ 2620 w 84502"/>
                  <a:gd name="connsiteY9" fmla="*/ 29348 h 70962"/>
                  <a:gd name="connsiteX10" fmla="*/ 2626 w 84502"/>
                  <a:gd name="connsiteY10" fmla="*/ 29338 h 70962"/>
                  <a:gd name="connsiteX11" fmla="*/ 8912 w 84502"/>
                  <a:gd name="connsiteY11" fmla="*/ 26671 h 70962"/>
                  <a:gd name="connsiteX12" fmla="*/ 15294 w 84502"/>
                  <a:gd name="connsiteY12" fmla="*/ 29338 h 70962"/>
                  <a:gd name="connsiteX13" fmla="*/ 31105 w 84502"/>
                  <a:gd name="connsiteY13" fmla="*/ 45150 h 70962"/>
                  <a:gd name="connsiteX14" fmla="*/ 34249 w 84502"/>
                  <a:gd name="connsiteY14" fmla="*/ 46483 h 70962"/>
                  <a:gd name="connsiteX15" fmla="*/ 34249 w 84502"/>
                  <a:gd name="connsiteY15" fmla="*/ 46483 h 70962"/>
                  <a:gd name="connsiteX16" fmla="*/ 37487 w 84502"/>
                  <a:gd name="connsiteY16" fmla="*/ 44673 h 70962"/>
                  <a:gd name="connsiteX17" fmla="*/ 68348 w 84502"/>
                  <a:gd name="connsiteY17" fmla="*/ 3525 h 70962"/>
                  <a:gd name="connsiteX18" fmla="*/ 75492 w 84502"/>
                  <a:gd name="connsiteY18" fmla="*/ 1 h 70962"/>
                  <a:gd name="connsiteX19" fmla="*/ 80921 w 84502"/>
                  <a:gd name="connsiteY19" fmla="*/ 1716 h 70962"/>
                  <a:gd name="connsiteX20" fmla="*/ 84445 w 84502"/>
                  <a:gd name="connsiteY20" fmla="*/ 7716 h 70962"/>
                  <a:gd name="connsiteX21" fmla="*/ 82731 w 84502"/>
                  <a:gd name="connsiteY21" fmla="*/ 14288 h 70962"/>
                  <a:gd name="connsiteX22" fmla="*/ 42916 w 84502"/>
                  <a:gd name="connsiteY22" fmla="*/ 67343 h 70962"/>
                  <a:gd name="connsiteX23" fmla="*/ 42154 w 84502"/>
                  <a:gd name="connsiteY23" fmla="*/ 68105 h 70962"/>
                  <a:gd name="connsiteX24" fmla="*/ 41583 w 84502"/>
                  <a:gd name="connsiteY24" fmla="*/ 68962 h 70962"/>
                  <a:gd name="connsiteX25" fmla="*/ 41011 w 84502"/>
                  <a:gd name="connsiteY25" fmla="*/ 68962 h 70962"/>
                  <a:gd name="connsiteX26" fmla="*/ 40059 w 84502"/>
                  <a:gd name="connsiteY26" fmla="*/ 69533 h 70962"/>
                  <a:gd name="connsiteX27" fmla="*/ 39202 w 84502"/>
                  <a:gd name="connsiteY27" fmla="*/ 70105 h 70962"/>
                  <a:gd name="connsiteX28" fmla="*/ 39202 w 84502"/>
                  <a:gd name="connsiteY28" fmla="*/ 70105 h 70962"/>
                  <a:gd name="connsiteX29" fmla="*/ 35773 w 84502"/>
                  <a:gd name="connsiteY29" fmla="*/ 70962 h 70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4502" h="70962">
                    <a:moveTo>
                      <a:pt x="35011" y="70391"/>
                    </a:moveTo>
                    <a:cubicBezTo>
                      <a:pt x="33995" y="70343"/>
                      <a:pt x="32996" y="70115"/>
                      <a:pt x="32058" y="69724"/>
                    </a:cubicBezTo>
                    <a:lnTo>
                      <a:pt x="32058" y="69724"/>
                    </a:lnTo>
                    <a:lnTo>
                      <a:pt x="31391" y="69724"/>
                    </a:lnTo>
                    <a:lnTo>
                      <a:pt x="30534" y="69724"/>
                    </a:lnTo>
                    <a:lnTo>
                      <a:pt x="30534" y="69724"/>
                    </a:lnTo>
                    <a:lnTo>
                      <a:pt x="29867" y="69057"/>
                    </a:lnTo>
                    <a:lnTo>
                      <a:pt x="29010" y="68486"/>
                    </a:lnTo>
                    <a:lnTo>
                      <a:pt x="2626" y="42006"/>
                    </a:lnTo>
                    <a:cubicBezTo>
                      <a:pt x="-873" y="38510"/>
                      <a:pt x="-876" y="32843"/>
                      <a:pt x="2620" y="29348"/>
                    </a:cubicBezTo>
                    <a:cubicBezTo>
                      <a:pt x="2622" y="29338"/>
                      <a:pt x="2624" y="29338"/>
                      <a:pt x="2626" y="29338"/>
                    </a:cubicBezTo>
                    <a:cubicBezTo>
                      <a:pt x="4268" y="27624"/>
                      <a:pt x="6540" y="26661"/>
                      <a:pt x="8912" y="26671"/>
                    </a:cubicBezTo>
                    <a:cubicBezTo>
                      <a:pt x="11298" y="26728"/>
                      <a:pt x="13576" y="27681"/>
                      <a:pt x="15294" y="29338"/>
                    </a:cubicBezTo>
                    <a:lnTo>
                      <a:pt x="31105" y="45150"/>
                    </a:lnTo>
                    <a:cubicBezTo>
                      <a:pt x="31936" y="45988"/>
                      <a:pt x="33066" y="46473"/>
                      <a:pt x="34249" y="46483"/>
                    </a:cubicBezTo>
                    <a:lnTo>
                      <a:pt x="34249" y="46483"/>
                    </a:lnTo>
                    <a:cubicBezTo>
                      <a:pt x="35539" y="46378"/>
                      <a:pt x="36720" y="45721"/>
                      <a:pt x="37487" y="44673"/>
                    </a:cubicBezTo>
                    <a:lnTo>
                      <a:pt x="68348" y="3525"/>
                    </a:lnTo>
                    <a:cubicBezTo>
                      <a:pt x="70027" y="1277"/>
                      <a:pt x="72683" y="-37"/>
                      <a:pt x="75492" y="1"/>
                    </a:cubicBezTo>
                    <a:cubicBezTo>
                      <a:pt x="77434" y="1"/>
                      <a:pt x="79329" y="601"/>
                      <a:pt x="80921" y="1716"/>
                    </a:cubicBezTo>
                    <a:cubicBezTo>
                      <a:pt x="82811" y="3201"/>
                      <a:pt x="84069" y="5344"/>
                      <a:pt x="84445" y="7716"/>
                    </a:cubicBezTo>
                    <a:cubicBezTo>
                      <a:pt x="84701" y="10040"/>
                      <a:pt x="84091" y="12383"/>
                      <a:pt x="82731" y="14288"/>
                    </a:cubicBezTo>
                    <a:lnTo>
                      <a:pt x="42916" y="67343"/>
                    </a:lnTo>
                    <a:lnTo>
                      <a:pt x="42154" y="68105"/>
                    </a:lnTo>
                    <a:cubicBezTo>
                      <a:pt x="41901" y="68343"/>
                      <a:pt x="41706" y="68638"/>
                      <a:pt x="41583" y="68962"/>
                    </a:cubicBezTo>
                    <a:lnTo>
                      <a:pt x="41011" y="68962"/>
                    </a:lnTo>
                    <a:lnTo>
                      <a:pt x="40059" y="69533"/>
                    </a:lnTo>
                    <a:lnTo>
                      <a:pt x="39202" y="70105"/>
                    </a:lnTo>
                    <a:lnTo>
                      <a:pt x="39202" y="70105"/>
                    </a:lnTo>
                    <a:cubicBezTo>
                      <a:pt x="38110" y="70572"/>
                      <a:pt x="36954" y="70857"/>
                      <a:pt x="35773"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11" name="Freeform: Shape 12">
                <a:extLst>
                  <a:ext uri="{FF2B5EF4-FFF2-40B4-BE49-F238E27FC236}">
                    <a16:creationId xmlns:a16="http://schemas.microsoft.com/office/drawing/2014/main" id="{A1ED19C0-FCE1-9EA2-98FD-710C91243BC7}"/>
                  </a:ext>
                </a:extLst>
              </p:cNvPr>
              <p:cNvSpPr/>
              <p:nvPr/>
            </p:nvSpPr>
            <p:spPr>
              <a:xfrm>
                <a:off x="1158929" y="3525614"/>
                <a:ext cx="84340" cy="71343"/>
              </a:xfrm>
              <a:custGeom>
                <a:avLst/>
                <a:gdLst>
                  <a:gd name="connsiteX0" fmla="*/ 35410 w 84340"/>
                  <a:gd name="connsiteY0" fmla="*/ 71343 h 71343"/>
                  <a:gd name="connsiteX1" fmla="*/ 32458 w 84340"/>
                  <a:gd name="connsiteY1" fmla="*/ 70677 h 71343"/>
                  <a:gd name="connsiteX2" fmla="*/ 32458 w 84340"/>
                  <a:gd name="connsiteY2" fmla="*/ 70677 h 71343"/>
                  <a:gd name="connsiteX3" fmla="*/ 31791 w 84340"/>
                  <a:gd name="connsiteY3" fmla="*/ 70677 h 71343"/>
                  <a:gd name="connsiteX4" fmla="*/ 30934 w 84340"/>
                  <a:gd name="connsiteY4" fmla="*/ 70677 h 71343"/>
                  <a:gd name="connsiteX5" fmla="*/ 30934 w 84340"/>
                  <a:gd name="connsiteY5" fmla="*/ 70677 h 71343"/>
                  <a:gd name="connsiteX6" fmla="*/ 30267 w 84340"/>
                  <a:gd name="connsiteY6" fmla="*/ 70105 h 71343"/>
                  <a:gd name="connsiteX7" fmla="*/ 28838 w 84340"/>
                  <a:gd name="connsiteY7" fmla="*/ 68486 h 71343"/>
                  <a:gd name="connsiteX8" fmla="*/ 2454 w 84340"/>
                  <a:gd name="connsiteY8" fmla="*/ 42102 h 71343"/>
                  <a:gd name="connsiteX9" fmla="*/ 2454 w 84340"/>
                  <a:gd name="connsiteY9" fmla="*/ 29338 h 71343"/>
                  <a:gd name="connsiteX10" fmla="*/ 8740 w 84340"/>
                  <a:gd name="connsiteY10" fmla="*/ 26766 h 71343"/>
                  <a:gd name="connsiteX11" fmla="*/ 15122 w 84340"/>
                  <a:gd name="connsiteY11" fmla="*/ 29338 h 71343"/>
                  <a:gd name="connsiteX12" fmla="*/ 30934 w 84340"/>
                  <a:gd name="connsiteY12" fmla="*/ 45245 h 71343"/>
                  <a:gd name="connsiteX13" fmla="*/ 34077 w 84340"/>
                  <a:gd name="connsiteY13" fmla="*/ 46483 h 71343"/>
                  <a:gd name="connsiteX14" fmla="*/ 34077 w 84340"/>
                  <a:gd name="connsiteY14" fmla="*/ 46483 h 71343"/>
                  <a:gd name="connsiteX15" fmla="*/ 37315 w 84340"/>
                  <a:gd name="connsiteY15" fmla="*/ 44769 h 71343"/>
                  <a:gd name="connsiteX16" fmla="*/ 68176 w 84340"/>
                  <a:gd name="connsiteY16" fmla="*/ 3620 h 71343"/>
                  <a:gd name="connsiteX17" fmla="*/ 75320 w 84340"/>
                  <a:gd name="connsiteY17" fmla="*/ 1 h 71343"/>
                  <a:gd name="connsiteX18" fmla="*/ 80749 w 84340"/>
                  <a:gd name="connsiteY18" fmla="*/ 1811 h 71343"/>
                  <a:gd name="connsiteX19" fmla="*/ 84274 w 84340"/>
                  <a:gd name="connsiteY19" fmla="*/ 7716 h 71343"/>
                  <a:gd name="connsiteX20" fmla="*/ 82559 w 84340"/>
                  <a:gd name="connsiteY20" fmla="*/ 14384 h 71343"/>
                  <a:gd name="connsiteX21" fmla="*/ 42745 w 84340"/>
                  <a:gd name="connsiteY21" fmla="*/ 67438 h 71343"/>
                  <a:gd name="connsiteX22" fmla="*/ 41983 w 84340"/>
                  <a:gd name="connsiteY22" fmla="*/ 68105 h 71343"/>
                  <a:gd name="connsiteX23" fmla="*/ 41411 w 84340"/>
                  <a:gd name="connsiteY23" fmla="*/ 68962 h 71343"/>
                  <a:gd name="connsiteX24" fmla="*/ 40840 w 84340"/>
                  <a:gd name="connsiteY24" fmla="*/ 68962 h 71343"/>
                  <a:gd name="connsiteX25" fmla="*/ 39887 w 84340"/>
                  <a:gd name="connsiteY25" fmla="*/ 69533 h 71343"/>
                  <a:gd name="connsiteX26" fmla="*/ 39030 w 84340"/>
                  <a:gd name="connsiteY26" fmla="*/ 70105 h 71343"/>
                  <a:gd name="connsiteX27" fmla="*/ 39030 w 84340"/>
                  <a:gd name="connsiteY27" fmla="*/ 70105 h 71343"/>
                  <a:gd name="connsiteX28" fmla="*/ 35601 w 84340"/>
                  <a:gd name="connsiteY28" fmla="*/ 70962 h 71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84340" h="71343">
                    <a:moveTo>
                      <a:pt x="35410" y="71343"/>
                    </a:moveTo>
                    <a:cubicBezTo>
                      <a:pt x="34389" y="71343"/>
                      <a:pt x="33381" y="71115"/>
                      <a:pt x="32458" y="70677"/>
                    </a:cubicBezTo>
                    <a:lnTo>
                      <a:pt x="32458" y="70677"/>
                    </a:lnTo>
                    <a:lnTo>
                      <a:pt x="31791" y="70677"/>
                    </a:lnTo>
                    <a:lnTo>
                      <a:pt x="30934" y="70677"/>
                    </a:lnTo>
                    <a:lnTo>
                      <a:pt x="30934" y="70677"/>
                    </a:lnTo>
                    <a:lnTo>
                      <a:pt x="30267" y="70105"/>
                    </a:lnTo>
                    <a:lnTo>
                      <a:pt x="28838" y="68486"/>
                    </a:lnTo>
                    <a:lnTo>
                      <a:pt x="2454" y="42102"/>
                    </a:lnTo>
                    <a:cubicBezTo>
                      <a:pt x="-818" y="38472"/>
                      <a:pt x="-818" y="32967"/>
                      <a:pt x="2454" y="29338"/>
                    </a:cubicBezTo>
                    <a:cubicBezTo>
                      <a:pt x="4106" y="27652"/>
                      <a:pt x="6380" y="26718"/>
                      <a:pt x="8740" y="26766"/>
                    </a:cubicBezTo>
                    <a:cubicBezTo>
                      <a:pt x="11125" y="26738"/>
                      <a:pt x="13422" y="27661"/>
                      <a:pt x="15122" y="29338"/>
                    </a:cubicBezTo>
                    <a:lnTo>
                      <a:pt x="30934" y="45245"/>
                    </a:lnTo>
                    <a:cubicBezTo>
                      <a:pt x="31799" y="46016"/>
                      <a:pt x="32915" y="46464"/>
                      <a:pt x="34077" y="46483"/>
                    </a:cubicBezTo>
                    <a:lnTo>
                      <a:pt x="34077" y="46483"/>
                    </a:lnTo>
                    <a:cubicBezTo>
                      <a:pt x="35342" y="46369"/>
                      <a:pt x="36508" y="45750"/>
                      <a:pt x="37315" y="44769"/>
                    </a:cubicBezTo>
                    <a:lnTo>
                      <a:pt x="68176" y="3620"/>
                    </a:lnTo>
                    <a:cubicBezTo>
                      <a:pt x="69845" y="1344"/>
                      <a:pt x="72498" y="1"/>
                      <a:pt x="75320" y="1"/>
                    </a:cubicBezTo>
                    <a:cubicBezTo>
                      <a:pt x="77282" y="-28"/>
                      <a:pt x="79197" y="610"/>
                      <a:pt x="80749" y="1811"/>
                    </a:cubicBezTo>
                    <a:cubicBezTo>
                      <a:pt x="82618" y="3268"/>
                      <a:pt x="83875" y="5373"/>
                      <a:pt x="84274" y="7716"/>
                    </a:cubicBezTo>
                    <a:cubicBezTo>
                      <a:pt x="84554" y="10078"/>
                      <a:pt x="83942" y="12450"/>
                      <a:pt x="82559" y="14384"/>
                    </a:cubicBezTo>
                    <a:lnTo>
                      <a:pt x="42745" y="67438"/>
                    </a:lnTo>
                    <a:cubicBezTo>
                      <a:pt x="42745" y="67438"/>
                      <a:pt x="42745" y="67438"/>
                      <a:pt x="41983" y="68105"/>
                    </a:cubicBezTo>
                    <a:cubicBezTo>
                      <a:pt x="41749" y="68362"/>
                      <a:pt x="41556" y="68648"/>
                      <a:pt x="41411" y="68962"/>
                    </a:cubicBezTo>
                    <a:lnTo>
                      <a:pt x="40840" y="68962"/>
                    </a:lnTo>
                    <a:lnTo>
                      <a:pt x="39887" y="69533"/>
                    </a:lnTo>
                    <a:lnTo>
                      <a:pt x="39030" y="70105"/>
                    </a:lnTo>
                    <a:lnTo>
                      <a:pt x="39030" y="70105"/>
                    </a:lnTo>
                    <a:cubicBezTo>
                      <a:pt x="37970" y="70657"/>
                      <a:pt x="36795" y="70953"/>
                      <a:pt x="35601" y="7096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12" name="Freeform: Shape 13">
                <a:extLst>
                  <a:ext uri="{FF2B5EF4-FFF2-40B4-BE49-F238E27FC236}">
                    <a16:creationId xmlns:a16="http://schemas.microsoft.com/office/drawing/2014/main" id="{DA93CEA9-7F02-DB4C-E3E1-7EEC7936076C}"/>
                  </a:ext>
                </a:extLst>
              </p:cNvPr>
              <p:cNvSpPr/>
              <p:nvPr/>
            </p:nvSpPr>
            <p:spPr>
              <a:xfrm>
                <a:off x="1252347" y="3271488"/>
                <a:ext cx="17906" cy="17906"/>
              </a:xfrm>
              <a:custGeom>
                <a:avLst/>
                <a:gdLst>
                  <a:gd name="connsiteX0" fmla="*/ 17907 w 17906"/>
                  <a:gd name="connsiteY0" fmla="*/ 8954 h 17906"/>
                  <a:gd name="connsiteX1" fmla="*/ 8954 w 17906"/>
                  <a:gd name="connsiteY1" fmla="*/ 17907 h 17906"/>
                  <a:gd name="connsiteX2" fmla="*/ 0 w 17906"/>
                  <a:gd name="connsiteY2" fmla="*/ 8954 h 17906"/>
                  <a:gd name="connsiteX3" fmla="*/ 8954 w 17906"/>
                  <a:gd name="connsiteY3" fmla="*/ 0 h 17906"/>
                  <a:gd name="connsiteX4" fmla="*/ 17907 w 17906"/>
                  <a:gd name="connsiteY4" fmla="*/ 8954 h 179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06" h="17906">
                    <a:moveTo>
                      <a:pt x="17907" y="8954"/>
                    </a:moveTo>
                    <a:cubicBezTo>
                      <a:pt x="17907" y="13898"/>
                      <a:pt x="13898" y="17907"/>
                      <a:pt x="8954" y="17907"/>
                    </a:cubicBezTo>
                    <a:cubicBezTo>
                      <a:pt x="4009" y="17907"/>
                      <a:pt x="0" y="13898"/>
                      <a:pt x="0" y="8954"/>
                    </a:cubicBezTo>
                    <a:cubicBezTo>
                      <a:pt x="0" y="4009"/>
                      <a:pt x="4009" y="0"/>
                      <a:pt x="8954" y="0"/>
                    </a:cubicBezTo>
                    <a:cubicBezTo>
                      <a:pt x="13898" y="0"/>
                      <a:pt x="17907" y="4009"/>
                      <a:pt x="17907" y="895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228" name="Group 227">
            <a:extLst>
              <a:ext uri="{FF2B5EF4-FFF2-40B4-BE49-F238E27FC236}">
                <a16:creationId xmlns:a16="http://schemas.microsoft.com/office/drawing/2014/main" id="{A941487C-FD92-5692-F682-CD58C8446ACA}"/>
              </a:ext>
            </a:extLst>
          </p:cNvPr>
          <p:cNvGrpSpPr/>
          <p:nvPr/>
        </p:nvGrpSpPr>
        <p:grpSpPr>
          <a:xfrm>
            <a:off x="644475" y="5205972"/>
            <a:ext cx="924825" cy="694800"/>
            <a:chOff x="713196" y="5038546"/>
            <a:chExt cx="924825" cy="694800"/>
          </a:xfrm>
        </p:grpSpPr>
        <p:sp>
          <p:nvSpPr>
            <p:cNvPr id="214" name="Rectangle 213">
              <a:extLst>
                <a:ext uri="{FF2B5EF4-FFF2-40B4-BE49-F238E27FC236}">
                  <a16:creationId xmlns:a16="http://schemas.microsoft.com/office/drawing/2014/main" id="{049D0A27-BF05-5F5E-970C-CCE57CDE5796}"/>
                </a:ext>
              </a:extLst>
            </p:cNvPr>
            <p:cNvSpPr>
              <a:spLocks/>
            </p:cNvSpPr>
            <p:nvPr/>
          </p:nvSpPr>
          <p:spPr>
            <a:xfrm>
              <a:off x="713196" y="5038546"/>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147" name="Group 146">
              <a:extLst>
                <a:ext uri="{FF2B5EF4-FFF2-40B4-BE49-F238E27FC236}">
                  <a16:creationId xmlns:a16="http://schemas.microsoft.com/office/drawing/2014/main" id="{632BE1AC-F6C5-B058-4148-6D847766E9F8}"/>
                </a:ext>
              </a:extLst>
            </p:cNvPr>
            <p:cNvGrpSpPr/>
            <p:nvPr/>
          </p:nvGrpSpPr>
          <p:grpSpPr>
            <a:xfrm>
              <a:off x="901736" y="5121767"/>
              <a:ext cx="541616" cy="543550"/>
              <a:chOff x="1153096" y="2885848"/>
              <a:chExt cx="418528" cy="420024"/>
            </a:xfrm>
          </p:grpSpPr>
          <p:sp>
            <p:nvSpPr>
              <p:cNvPr id="148" name="Graphic 2">
                <a:extLst>
                  <a:ext uri="{FF2B5EF4-FFF2-40B4-BE49-F238E27FC236}">
                    <a16:creationId xmlns:a16="http://schemas.microsoft.com/office/drawing/2014/main" id="{3B2256CA-91AE-A3D5-4C26-79A18DCB033C}"/>
                  </a:ext>
                </a:extLst>
              </p:cNvPr>
              <p:cNvSpPr/>
              <p:nvPr/>
            </p:nvSpPr>
            <p:spPr>
              <a:xfrm>
                <a:off x="1160335" y="2922111"/>
                <a:ext cx="295560" cy="294608"/>
              </a:xfrm>
              <a:custGeom>
                <a:avLst/>
                <a:gdLst>
                  <a:gd name="connsiteX0" fmla="*/ 0 w 295560"/>
                  <a:gd name="connsiteY0" fmla="*/ 0 h 294608"/>
                  <a:gd name="connsiteX1" fmla="*/ 295561 w 295560"/>
                  <a:gd name="connsiteY1" fmla="*/ 0 h 294608"/>
                  <a:gd name="connsiteX2" fmla="*/ 295561 w 295560"/>
                  <a:gd name="connsiteY2" fmla="*/ 294608 h 294608"/>
                  <a:gd name="connsiteX3" fmla="*/ 0 w 295560"/>
                  <a:gd name="connsiteY3" fmla="*/ 294608 h 294608"/>
                </a:gdLst>
                <a:ahLst/>
                <a:cxnLst>
                  <a:cxn ang="0">
                    <a:pos x="connsiteX0" y="connsiteY0"/>
                  </a:cxn>
                  <a:cxn ang="0">
                    <a:pos x="connsiteX1" y="connsiteY1"/>
                  </a:cxn>
                  <a:cxn ang="0">
                    <a:pos x="connsiteX2" y="connsiteY2"/>
                  </a:cxn>
                  <a:cxn ang="0">
                    <a:pos x="connsiteX3" y="connsiteY3"/>
                  </a:cxn>
                </a:cxnLst>
                <a:rect l="l" t="t" r="r" b="b"/>
                <a:pathLst>
                  <a:path w="295560" h="294608">
                    <a:moveTo>
                      <a:pt x="0" y="0"/>
                    </a:moveTo>
                    <a:lnTo>
                      <a:pt x="295561" y="0"/>
                    </a:lnTo>
                    <a:lnTo>
                      <a:pt x="295561" y="294608"/>
                    </a:lnTo>
                    <a:lnTo>
                      <a:pt x="0" y="294608"/>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49" name="Graphic 2">
                <a:extLst>
                  <a:ext uri="{FF2B5EF4-FFF2-40B4-BE49-F238E27FC236}">
                    <a16:creationId xmlns:a16="http://schemas.microsoft.com/office/drawing/2014/main" id="{5C4D0E75-5982-5367-9147-8F47E38AE08A}"/>
                  </a:ext>
                </a:extLst>
              </p:cNvPr>
              <p:cNvSpPr/>
              <p:nvPr/>
            </p:nvSpPr>
            <p:spPr>
              <a:xfrm>
                <a:off x="1353502" y="3087560"/>
                <a:ext cx="204787" cy="204787"/>
              </a:xfrm>
              <a:custGeom>
                <a:avLst/>
                <a:gdLst>
                  <a:gd name="connsiteX0" fmla="*/ 204787 w 204787"/>
                  <a:gd name="connsiteY0" fmla="*/ 102394 h 204787"/>
                  <a:gd name="connsiteX1" fmla="*/ 102394 w 204787"/>
                  <a:gd name="connsiteY1" fmla="*/ 204788 h 204787"/>
                  <a:gd name="connsiteX2" fmla="*/ 0 w 204787"/>
                  <a:gd name="connsiteY2" fmla="*/ 102394 h 204787"/>
                  <a:gd name="connsiteX3" fmla="*/ 102394 w 204787"/>
                  <a:gd name="connsiteY3" fmla="*/ 0 h 204787"/>
                  <a:gd name="connsiteX4" fmla="*/ 204787 w 204787"/>
                  <a:gd name="connsiteY4" fmla="*/ 102394 h 2047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787" h="204787">
                    <a:moveTo>
                      <a:pt x="204787" y="102394"/>
                    </a:moveTo>
                    <a:cubicBezTo>
                      <a:pt x="204787" y="158944"/>
                      <a:pt x="158944" y="204788"/>
                      <a:pt x="102394" y="204788"/>
                    </a:cubicBezTo>
                    <a:cubicBezTo>
                      <a:pt x="45843" y="204788"/>
                      <a:pt x="0" y="158944"/>
                      <a:pt x="0" y="102394"/>
                    </a:cubicBezTo>
                    <a:cubicBezTo>
                      <a:pt x="0" y="45843"/>
                      <a:pt x="45843" y="0"/>
                      <a:pt x="102394" y="0"/>
                    </a:cubicBezTo>
                    <a:cubicBezTo>
                      <a:pt x="158944" y="0"/>
                      <a:pt x="204787" y="45843"/>
                      <a:pt x="204787" y="102394"/>
                    </a:cubicBez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0" name="Graphic 2">
                <a:extLst>
                  <a:ext uri="{FF2B5EF4-FFF2-40B4-BE49-F238E27FC236}">
                    <a16:creationId xmlns:a16="http://schemas.microsoft.com/office/drawing/2014/main" id="{36AD8C9C-B0FA-0ACE-7209-CB90C7D049C3}"/>
                  </a:ext>
                </a:extLst>
              </p:cNvPr>
              <p:cNvSpPr/>
              <p:nvPr/>
            </p:nvSpPr>
            <p:spPr>
              <a:xfrm>
                <a:off x="1219581"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1" name="Graphic 2">
                <a:extLst>
                  <a:ext uri="{FF2B5EF4-FFF2-40B4-BE49-F238E27FC236}">
                    <a16:creationId xmlns:a16="http://schemas.microsoft.com/office/drawing/2014/main" id="{09DF35FA-8493-D163-4F39-F805D38463C8}"/>
                  </a:ext>
                </a:extLst>
              </p:cNvPr>
              <p:cNvSpPr/>
              <p:nvPr/>
            </p:nvSpPr>
            <p:spPr>
              <a:xfrm>
                <a:off x="1273016"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2" name="Graphic 2">
                <a:extLst>
                  <a:ext uri="{FF2B5EF4-FFF2-40B4-BE49-F238E27FC236}">
                    <a16:creationId xmlns:a16="http://schemas.microsoft.com/office/drawing/2014/main" id="{FCF23ABF-24D4-7B82-1526-69E47B1D4AC6}"/>
                  </a:ext>
                </a:extLst>
              </p:cNvPr>
              <p:cNvSpPr/>
              <p:nvPr/>
            </p:nvSpPr>
            <p:spPr>
              <a:xfrm>
                <a:off x="1326546"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3" name="Graphic 2">
                <a:extLst>
                  <a:ext uri="{FF2B5EF4-FFF2-40B4-BE49-F238E27FC236}">
                    <a16:creationId xmlns:a16="http://schemas.microsoft.com/office/drawing/2014/main" id="{F6F7EA24-D7CF-2724-2CEF-7230C9EB609B}"/>
                  </a:ext>
                </a:extLst>
              </p:cNvPr>
              <p:cNvSpPr/>
              <p:nvPr/>
            </p:nvSpPr>
            <p:spPr>
              <a:xfrm>
                <a:off x="1380077"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4" name="Graphic 2">
                <a:extLst>
                  <a:ext uri="{FF2B5EF4-FFF2-40B4-BE49-F238E27FC236}">
                    <a16:creationId xmlns:a16="http://schemas.microsoft.com/office/drawing/2014/main" id="{EBE2234C-BDA0-115A-5597-FCC7EFA35200}"/>
                  </a:ext>
                </a:extLst>
              </p:cNvPr>
              <p:cNvSpPr/>
              <p:nvPr/>
            </p:nvSpPr>
            <p:spPr>
              <a:xfrm>
                <a:off x="1219581"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5" name="Graphic 2">
                <a:extLst>
                  <a:ext uri="{FF2B5EF4-FFF2-40B4-BE49-F238E27FC236}">
                    <a16:creationId xmlns:a16="http://schemas.microsoft.com/office/drawing/2014/main" id="{D15B917F-89C3-4D96-8C28-70B409026B53}"/>
                  </a:ext>
                </a:extLst>
              </p:cNvPr>
              <p:cNvSpPr/>
              <p:nvPr/>
            </p:nvSpPr>
            <p:spPr>
              <a:xfrm>
                <a:off x="1273016"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6" name="Graphic 2">
                <a:extLst>
                  <a:ext uri="{FF2B5EF4-FFF2-40B4-BE49-F238E27FC236}">
                    <a16:creationId xmlns:a16="http://schemas.microsoft.com/office/drawing/2014/main" id="{8A6906F1-D8B8-4E43-D189-CCE023A509A7}"/>
                  </a:ext>
                </a:extLst>
              </p:cNvPr>
              <p:cNvSpPr/>
              <p:nvPr/>
            </p:nvSpPr>
            <p:spPr>
              <a:xfrm>
                <a:off x="1326546"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7" name="Graphic 2">
                <a:extLst>
                  <a:ext uri="{FF2B5EF4-FFF2-40B4-BE49-F238E27FC236}">
                    <a16:creationId xmlns:a16="http://schemas.microsoft.com/office/drawing/2014/main" id="{309BAA3E-FFC5-3A1F-1886-A0C968039E8D}"/>
                  </a:ext>
                </a:extLst>
              </p:cNvPr>
              <p:cNvSpPr/>
              <p:nvPr/>
            </p:nvSpPr>
            <p:spPr>
              <a:xfrm>
                <a:off x="1380077"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8" name="Graphic 2">
                <a:extLst>
                  <a:ext uri="{FF2B5EF4-FFF2-40B4-BE49-F238E27FC236}">
                    <a16:creationId xmlns:a16="http://schemas.microsoft.com/office/drawing/2014/main" id="{71ECD6C2-4774-8401-9207-5DB5669B397C}"/>
                  </a:ext>
                </a:extLst>
              </p:cNvPr>
              <p:cNvSpPr/>
              <p:nvPr/>
            </p:nvSpPr>
            <p:spPr>
              <a:xfrm>
                <a:off x="1219581"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59" name="Graphic 2">
                <a:extLst>
                  <a:ext uri="{FF2B5EF4-FFF2-40B4-BE49-F238E27FC236}">
                    <a16:creationId xmlns:a16="http://schemas.microsoft.com/office/drawing/2014/main" id="{57EBBAB3-443C-B34D-4AF2-2CC12E0B42F9}"/>
                  </a:ext>
                </a:extLst>
              </p:cNvPr>
              <p:cNvSpPr/>
              <p:nvPr/>
            </p:nvSpPr>
            <p:spPr>
              <a:xfrm>
                <a:off x="1273016"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0" name="Graphic 2">
                <a:extLst>
                  <a:ext uri="{FF2B5EF4-FFF2-40B4-BE49-F238E27FC236}">
                    <a16:creationId xmlns:a16="http://schemas.microsoft.com/office/drawing/2014/main" id="{E7272CFB-C8A2-28D7-4132-A6AD1D610E6A}"/>
                  </a:ext>
                </a:extLst>
              </p:cNvPr>
              <p:cNvSpPr/>
              <p:nvPr/>
            </p:nvSpPr>
            <p:spPr>
              <a:xfrm>
                <a:off x="1219581"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1" name="Graphic 2">
                <a:extLst>
                  <a:ext uri="{FF2B5EF4-FFF2-40B4-BE49-F238E27FC236}">
                    <a16:creationId xmlns:a16="http://schemas.microsoft.com/office/drawing/2014/main" id="{0B4C0031-FB47-ED75-AAC6-F2487C8DCC14}"/>
                  </a:ext>
                </a:extLst>
              </p:cNvPr>
              <p:cNvSpPr/>
              <p:nvPr/>
            </p:nvSpPr>
            <p:spPr>
              <a:xfrm>
                <a:off x="1273016"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2" name="Graphic 2">
                <a:extLst>
                  <a:ext uri="{FF2B5EF4-FFF2-40B4-BE49-F238E27FC236}">
                    <a16:creationId xmlns:a16="http://schemas.microsoft.com/office/drawing/2014/main" id="{29F1138F-BA71-8BF5-2626-313698FFE4DC}"/>
                  </a:ext>
                </a:extLst>
              </p:cNvPr>
              <p:cNvSpPr/>
              <p:nvPr/>
            </p:nvSpPr>
            <p:spPr>
              <a:xfrm>
                <a:off x="1326546" y="3100705"/>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3" name="Graphic 2">
                <a:extLst>
                  <a:ext uri="{FF2B5EF4-FFF2-40B4-BE49-F238E27FC236}">
                    <a16:creationId xmlns:a16="http://schemas.microsoft.com/office/drawing/2014/main" id="{180BC81C-4173-92AD-05FF-12EA80245FFE}"/>
                  </a:ext>
                </a:extLst>
              </p:cNvPr>
              <p:cNvSpPr/>
              <p:nvPr/>
            </p:nvSpPr>
            <p:spPr>
              <a:xfrm>
                <a:off x="1153096" y="2885848"/>
                <a:ext cx="311753" cy="339824"/>
              </a:xfrm>
              <a:custGeom>
                <a:avLst/>
                <a:gdLst>
                  <a:gd name="connsiteX0" fmla="*/ 200216 w 311753"/>
                  <a:gd name="connsiteY0" fmla="*/ 50074 h 339824"/>
                  <a:gd name="connsiteX1" fmla="*/ 200216 w 311753"/>
                  <a:gd name="connsiteY1" fmla="*/ 63409 h 339824"/>
                  <a:gd name="connsiteX2" fmla="*/ 209169 w 311753"/>
                  <a:gd name="connsiteY2" fmla="*/ 72363 h 339824"/>
                  <a:gd name="connsiteX3" fmla="*/ 218122 w 311753"/>
                  <a:gd name="connsiteY3" fmla="*/ 63409 h 339824"/>
                  <a:gd name="connsiteX4" fmla="*/ 218122 w 311753"/>
                  <a:gd name="connsiteY4" fmla="*/ 50074 h 339824"/>
                  <a:gd name="connsiteX5" fmla="*/ 222504 w 311753"/>
                  <a:gd name="connsiteY5" fmla="*/ 45693 h 339824"/>
                  <a:gd name="connsiteX6" fmla="*/ 249269 w 311753"/>
                  <a:gd name="connsiteY6" fmla="*/ 45693 h 339824"/>
                  <a:gd name="connsiteX7" fmla="*/ 253651 w 311753"/>
                  <a:gd name="connsiteY7" fmla="*/ 49884 h 339824"/>
                  <a:gd name="connsiteX8" fmla="*/ 253651 w 311753"/>
                  <a:gd name="connsiteY8" fmla="*/ 50074 h 339824"/>
                  <a:gd name="connsiteX9" fmla="*/ 253651 w 311753"/>
                  <a:gd name="connsiteY9" fmla="*/ 63409 h 339824"/>
                  <a:gd name="connsiteX10" fmla="*/ 261725 w 311753"/>
                  <a:gd name="connsiteY10" fmla="*/ 73334 h 339824"/>
                  <a:gd name="connsiteX11" fmla="*/ 271653 w 311753"/>
                  <a:gd name="connsiteY11" fmla="*/ 65266 h 339824"/>
                  <a:gd name="connsiteX12" fmla="*/ 271653 w 311753"/>
                  <a:gd name="connsiteY12" fmla="*/ 63409 h 339824"/>
                  <a:gd name="connsiteX13" fmla="*/ 271653 w 311753"/>
                  <a:gd name="connsiteY13" fmla="*/ 50074 h 339824"/>
                  <a:gd name="connsiteX14" fmla="*/ 276035 w 311753"/>
                  <a:gd name="connsiteY14" fmla="*/ 45693 h 339824"/>
                  <a:gd name="connsiteX15" fmla="*/ 289370 w 311753"/>
                  <a:gd name="connsiteY15" fmla="*/ 45693 h 339824"/>
                  <a:gd name="connsiteX16" fmla="*/ 293751 w 311753"/>
                  <a:gd name="connsiteY16" fmla="*/ 49884 h 339824"/>
                  <a:gd name="connsiteX17" fmla="*/ 293751 w 311753"/>
                  <a:gd name="connsiteY17" fmla="*/ 50074 h 339824"/>
                  <a:gd name="connsiteX18" fmla="*/ 293751 w 311753"/>
                  <a:gd name="connsiteY18" fmla="*/ 157040 h 339824"/>
                  <a:gd name="connsiteX19" fmla="*/ 303679 w 311753"/>
                  <a:gd name="connsiteY19" fmla="*/ 165117 h 339824"/>
                  <a:gd name="connsiteX20" fmla="*/ 311753 w 311753"/>
                  <a:gd name="connsiteY20" fmla="*/ 157040 h 339824"/>
                  <a:gd name="connsiteX21" fmla="*/ 311753 w 311753"/>
                  <a:gd name="connsiteY21" fmla="*/ 36644 h 339824"/>
                  <a:gd name="connsiteX22" fmla="*/ 302800 w 311753"/>
                  <a:gd name="connsiteY22" fmla="*/ 27690 h 339824"/>
                  <a:gd name="connsiteX23" fmla="*/ 275654 w 311753"/>
                  <a:gd name="connsiteY23" fmla="*/ 27690 h 339824"/>
                  <a:gd name="connsiteX24" fmla="*/ 271272 w 311753"/>
                  <a:gd name="connsiteY24" fmla="*/ 23309 h 339824"/>
                  <a:gd name="connsiteX25" fmla="*/ 271272 w 311753"/>
                  <a:gd name="connsiteY25" fmla="*/ 9974 h 339824"/>
                  <a:gd name="connsiteX26" fmla="*/ 263198 w 311753"/>
                  <a:gd name="connsiteY26" fmla="*/ 49 h 339824"/>
                  <a:gd name="connsiteX27" fmla="*/ 253270 w 311753"/>
                  <a:gd name="connsiteY27" fmla="*/ 8116 h 339824"/>
                  <a:gd name="connsiteX28" fmla="*/ 253270 w 311753"/>
                  <a:gd name="connsiteY28" fmla="*/ 9974 h 339824"/>
                  <a:gd name="connsiteX29" fmla="*/ 253270 w 311753"/>
                  <a:gd name="connsiteY29" fmla="*/ 23309 h 339824"/>
                  <a:gd name="connsiteX30" fmla="*/ 248888 w 311753"/>
                  <a:gd name="connsiteY30" fmla="*/ 27690 h 339824"/>
                  <a:gd name="connsiteX31" fmla="*/ 222504 w 311753"/>
                  <a:gd name="connsiteY31" fmla="*/ 27690 h 339824"/>
                  <a:gd name="connsiteX32" fmla="*/ 218122 w 311753"/>
                  <a:gd name="connsiteY32" fmla="*/ 23309 h 339824"/>
                  <a:gd name="connsiteX33" fmla="*/ 218122 w 311753"/>
                  <a:gd name="connsiteY33" fmla="*/ 9974 h 339824"/>
                  <a:gd name="connsiteX34" fmla="*/ 209169 w 311753"/>
                  <a:gd name="connsiteY34" fmla="*/ 1020 h 339824"/>
                  <a:gd name="connsiteX35" fmla="*/ 200216 w 311753"/>
                  <a:gd name="connsiteY35" fmla="*/ 9974 h 339824"/>
                  <a:gd name="connsiteX36" fmla="*/ 200216 w 311753"/>
                  <a:gd name="connsiteY36" fmla="*/ 23309 h 339824"/>
                  <a:gd name="connsiteX37" fmla="*/ 195834 w 311753"/>
                  <a:gd name="connsiteY37" fmla="*/ 27690 h 339824"/>
                  <a:gd name="connsiteX38" fmla="*/ 169069 w 311753"/>
                  <a:gd name="connsiteY38" fmla="*/ 27690 h 339824"/>
                  <a:gd name="connsiteX39" fmla="*/ 164687 w 311753"/>
                  <a:gd name="connsiteY39" fmla="*/ 23309 h 339824"/>
                  <a:gd name="connsiteX40" fmla="*/ 164687 w 311753"/>
                  <a:gd name="connsiteY40" fmla="*/ 9974 h 339824"/>
                  <a:gd name="connsiteX41" fmla="*/ 156613 w 311753"/>
                  <a:gd name="connsiteY41" fmla="*/ 49 h 339824"/>
                  <a:gd name="connsiteX42" fmla="*/ 146685 w 311753"/>
                  <a:gd name="connsiteY42" fmla="*/ 8116 h 339824"/>
                  <a:gd name="connsiteX43" fmla="*/ 146685 w 311753"/>
                  <a:gd name="connsiteY43" fmla="*/ 9974 h 339824"/>
                  <a:gd name="connsiteX44" fmla="*/ 146685 w 311753"/>
                  <a:gd name="connsiteY44" fmla="*/ 23309 h 339824"/>
                  <a:gd name="connsiteX45" fmla="*/ 142303 w 311753"/>
                  <a:gd name="connsiteY45" fmla="*/ 27690 h 339824"/>
                  <a:gd name="connsiteX46" fmla="*/ 115538 w 311753"/>
                  <a:gd name="connsiteY46" fmla="*/ 27690 h 339824"/>
                  <a:gd name="connsiteX47" fmla="*/ 111157 w 311753"/>
                  <a:gd name="connsiteY47" fmla="*/ 23309 h 339824"/>
                  <a:gd name="connsiteX48" fmla="*/ 111157 w 311753"/>
                  <a:gd name="connsiteY48" fmla="*/ 9974 h 339824"/>
                  <a:gd name="connsiteX49" fmla="*/ 102203 w 311753"/>
                  <a:gd name="connsiteY49" fmla="*/ 1020 h 339824"/>
                  <a:gd name="connsiteX50" fmla="*/ 93250 w 311753"/>
                  <a:gd name="connsiteY50" fmla="*/ 9974 h 339824"/>
                  <a:gd name="connsiteX51" fmla="*/ 93250 w 311753"/>
                  <a:gd name="connsiteY51" fmla="*/ 23309 h 339824"/>
                  <a:gd name="connsiteX52" fmla="*/ 88868 w 311753"/>
                  <a:gd name="connsiteY52" fmla="*/ 27690 h 339824"/>
                  <a:gd name="connsiteX53" fmla="*/ 62103 w 311753"/>
                  <a:gd name="connsiteY53" fmla="*/ 27690 h 339824"/>
                  <a:gd name="connsiteX54" fmla="*/ 57721 w 311753"/>
                  <a:gd name="connsiteY54" fmla="*/ 23309 h 339824"/>
                  <a:gd name="connsiteX55" fmla="*/ 57721 w 311753"/>
                  <a:gd name="connsiteY55" fmla="*/ 9974 h 339824"/>
                  <a:gd name="connsiteX56" fmla="*/ 49647 w 311753"/>
                  <a:gd name="connsiteY56" fmla="*/ 49 h 339824"/>
                  <a:gd name="connsiteX57" fmla="*/ 39719 w 311753"/>
                  <a:gd name="connsiteY57" fmla="*/ 8116 h 339824"/>
                  <a:gd name="connsiteX58" fmla="*/ 39719 w 311753"/>
                  <a:gd name="connsiteY58" fmla="*/ 9974 h 339824"/>
                  <a:gd name="connsiteX59" fmla="*/ 39719 w 311753"/>
                  <a:gd name="connsiteY59" fmla="*/ 23309 h 339824"/>
                  <a:gd name="connsiteX60" fmla="*/ 35338 w 311753"/>
                  <a:gd name="connsiteY60" fmla="*/ 27690 h 339824"/>
                  <a:gd name="connsiteX61" fmla="*/ 8953 w 311753"/>
                  <a:gd name="connsiteY61" fmla="*/ 27690 h 339824"/>
                  <a:gd name="connsiteX62" fmla="*/ 0 w 311753"/>
                  <a:gd name="connsiteY62" fmla="*/ 36644 h 339824"/>
                  <a:gd name="connsiteX63" fmla="*/ 0 w 311753"/>
                  <a:gd name="connsiteY63" fmla="*/ 330871 h 339824"/>
                  <a:gd name="connsiteX64" fmla="*/ 8953 w 311753"/>
                  <a:gd name="connsiteY64" fmla="*/ 339825 h 339824"/>
                  <a:gd name="connsiteX65" fmla="*/ 155734 w 311753"/>
                  <a:gd name="connsiteY65" fmla="*/ 339825 h 339824"/>
                  <a:gd name="connsiteX66" fmla="*/ 163808 w 311753"/>
                  <a:gd name="connsiteY66" fmla="*/ 329900 h 339824"/>
                  <a:gd name="connsiteX67" fmla="*/ 155734 w 311753"/>
                  <a:gd name="connsiteY67" fmla="*/ 321822 h 339824"/>
                  <a:gd name="connsiteX68" fmla="*/ 22384 w 311753"/>
                  <a:gd name="connsiteY68" fmla="*/ 321822 h 339824"/>
                  <a:gd name="connsiteX69" fmla="*/ 18002 w 311753"/>
                  <a:gd name="connsiteY69" fmla="*/ 317631 h 339824"/>
                  <a:gd name="connsiteX70" fmla="*/ 18002 w 311753"/>
                  <a:gd name="connsiteY70" fmla="*/ 317441 h 339824"/>
                  <a:gd name="connsiteX71" fmla="*/ 18002 w 311753"/>
                  <a:gd name="connsiteY71" fmla="*/ 50074 h 339824"/>
                  <a:gd name="connsiteX72" fmla="*/ 22191 w 311753"/>
                  <a:gd name="connsiteY72" fmla="*/ 45693 h 339824"/>
                  <a:gd name="connsiteX73" fmla="*/ 22384 w 311753"/>
                  <a:gd name="connsiteY73" fmla="*/ 45693 h 339824"/>
                  <a:gd name="connsiteX74" fmla="*/ 35719 w 311753"/>
                  <a:gd name="connsiteY74" fmla="*/ 45693 h 339824"/>
                  <a:gd name="connsiteX75" fmla="*/ 40100 w 311753"/>
                  <a:gd name="connsiteY75" fmla="*/ 49884 h 339824"/>
                  <a:gd name="connsiteX76" fmla="*/ 40100 w 311753"/>
                  <a:gd name="connsiteY76" fmla="*/ 50074 h 339824"/>
                  <a:gd name="connsiteX77" fmla="*/ 40100 w 311753"/>
                  <a:gd name="connsiteY77" fmla="*/ 63409 h 339824"/>
                  <a:gd name="connsiteX78" fmla="*/ 48175 w 311753"/>
                  <a:gd name="connsiteY78" fmla="*/ 73334 h 339824"/>
                  <a:gd name="connsiteX79" fmla="*/ 58102 w 311753"/>
                  <a:gd name="connsiteY79" fmla="*/ 65266 h 339824"/>
                  <a:gd name="connsiteX80" fmla="*/ 58102 w 311753"/>
                  <a:gd name="connsiteY80" fmla="*/ 63409 h 339824"/>
                  <a:gd name="connsiteX81" fmla="*/ 58102 w 311753"/>
                  <a:gd name="connsiteY81" fmla="*/ 50074 h 339824"/>
                  <a:gd name="connsiteX82" fmla="*/ 62292 w 311753"/>
                  <a:gd name="connsiteY82" fmla="*/ 45693 h 339824"/>
                  <a:gd name="connsiteX83" fmla="*/ 62484 w 311753"/>
                  <a:gd name="connsiteY83" fmla="*/ 45693 h 339824"/>
                  <a:gd name="connsiteX84" fmla="*/ 89249 w 311753"/>
                  <a:gd name="connsiteY84" fmla="*/ 45693 h 339824"/>
                  <a:gd name="connsiteX85" fmla="*/ 93631 w 311753"/>
                  <a:gd name="connsiteY85" fmla="*/ 50074 h 339824"/>
                  <a:gd name="connsiteX86" fmla="*/ 93631 w 311753"/>
                  <a:gd name="connsiteY86" fmla="*/ 63409 h 339824"/>
                  <a:gd name="connsiteX87" fmla="*/ 102584 w 311753"/>
                  <a:gd name="connsiteY87" fmla="*/ 72363 h 339824"/>
                  <a:gd name="connsiteX88" fmla="*/ 111538 w 311753"/>
                  <a:gd name="connsiteY88" fmla="*/ 63409 h 339824"/>
                  <a:gd name="connsiteX89" fmla="*/ 111538 w 311753"/>
                  <a:gd name="connsiteY89" fmla="*/ 50074 h 339824"/>
                  <a:gd name="connsiteX90" fmla="*/ 115919 w 311753"/>
                  <a:gd name="connsiteY90" fmla="*/ 45693 h 339824"/>
                  <a:gd name="connsiteX91" fmla="*/ 142303 w 311753"/>
                  <a:gd name="connsiteY91" fmla="*/ 45693 h 339824"/>
                  <a:gd name="connsiteX92" fmla="*/ 146685 w 311753"/>
                  <a:gd name="connsiteY92" fmla="*/ 49884 h 339824"/>
                  <a:gd name="connsiteX93" fmla="*/ 146685 w 311753"/>
                  <a:gd name="connsiteY93" fmla="*/ 50074 h 339824"/>
                  <a:gd name="connsiteX94" fmla="*/ 146685 w 311753"/>
                  <a:gd name="connsiteY94" fmla="*/ 63409 h 339824"/>
                  <a:gd name="connsiteX95" fmla="*/ 154759 w 311753"/>
                  <a:gd name="connsiteY95" fmla="*/ 73334 h 339824"/>
                  <a:gd name="connsiteX96" fmla="*/ 164687 w 311753"/>
                  <a:gd name="connsiteY96" fmla="*/ 65266 h 339824"/>
                  <a:gd name="connsiteX97" fmla="*/ 164687 w 311753"/>
                  <a:gd name="connsiteY97" fmla="*/ 63409 h 339824"/>
                  <a:gd name="connsiteX98" fmla="*/ 164687 w 311753"/>
                  <a:gd name="connsiteY98" fmla="*/ 50074 h 339824"/>
                  <a:gd name="connsiteX99" fmla="*/ 169069 w 311753"/>
                  <a:gd name="connsiteY99" fmla="*/ 45693 h 339824"/>
                  <a:gd name="connsiteX100" fmla="*/ 195834 w 311753"/>
                  <a:gd name="connsiteY100" fmla="*/ 45693 h 339824"/>
                  <a:gd name="connsiteX101" fmla="*/ 200216 w 311753"/>
                  <a:gd name="connsiteY101" fmla="*/ 50074 h 3398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311753" h="339824">
                    <a:moveTo>
                      <a:pt x="200216" y="50074"/>
                    </a:moveTo>
                    <a:lnTo>
                      <a:pt x="200216" y="63409"/>
                    </a:lnTo>
                    <a:cubicBezTo>
                      <a:pt x="200216" y="68353"/>
                      <a:pt x="204225" y="72363"/>
                      <a:pt x="209169" y="72363"/>
                    </a:cubicBezTo>
                    <a:cubicBezTo>
                      <a:pt x="214114" y="72363"/>
                      <a:pt x="218122" y="68353"/>
                      <a:pt x="218122" y="63409"/>
                    </a:cubicBezTo>
                    <a:lnTo>
                      <a:pt x="218122" y="50074"/>
                    </a:lnTo>
                    <a:cubicBezTo>
                      <a:pt x="218122" y="47655"/>
                      <a:pt x="220084" y="45693"/>
                      <a:pt x="222504" y="45693"/>
                    </a:cubicBezTo>
                    <a:lnTo>
                      <a:pt x="249269" y="45693"/>
                    </a:lnTo>
                    <a:cubicBezTo>
                      <a:pt x="251636" y="45636"/>
                      <a:pt x="253597" y="47512"/>
                      <a:pt x="253651" y="49884"/>
                    </a:cubicBezTo>
                    <a:cubicBezTo>
                      <a:pt x="253653" y="49950"/>
                      <a:pt x="253653" y="50008"/>
                      <a:pt x="253651" y="50074"/>
                    </a:cubicBezTo>
                    <a:lnTo>
                      <a:pt x="253651" y="63409"/>
                    </a:lnTo>
                    <a:cubicBezTo>
                      <a:pt x="253138" y="68381"/>
                      <a:pt x="256754" y="72829"/>
                      <a:pt x="261725" y="73334"/>
                    </a:cubicBezTo>
                    <a:cubicBezTo>
                      <a:pt x="266696" y="73849"/>
                      <a:pt x="271141" y="70239"/>
                      <a:pt x="271653" y="65266"/>
                    </a:cubicBezTo>
                    <a:cubicBezTo>
                      <a:pt x="271717" y="64647"/>
                      <a:pt x="271717" y="64028"/>
                      <a:pt x="271653" y="63409"/>
                    </a:cubicBezTo>
                    <a:lnTo>
                      <a:pt x="271653" y="50074"/>
                    </a:lnTo>
                    <a:cubicBezTo>
                      <a:pt x="271653" y="47655"/>
                      <a:pt x="273614" y="45693"/>
                      <a:pt x="276035" y="45693"/>
                    </a:cubicBezTo>
                    <a:lnTo>
                      <a:pt x="289370" y="45693"/>
                    </a:lnTo>
                    <a:cubicBezTo>
                      <a:pt x="291736" y="45636"/>
                      <a:pt x="293698" y="47512"/>
                      <a:pt x="293751" y="49884"/>
                    </a:cubicBezTo>
                    <a:cubicBezTo>
                      <a:pt x="293753" y="49950"/>
                      <a:pt x="293753" y="50008"/>
                      <a:pt x="293751" y="50074"/>
                    </a:cubicBezTo>
                    <a:lnTo>
                      <a:pt x="293751" y="157040"/>
                    </a:lnTo>
                    <a:cubicBezTo>
                      <a:pt x="294263" y="162012"/>
                      <a:pt x="298708" y="165622"/>
                      <a:pt x="303679" y="165117"/>
                    </a:cubicBezTo>
                    <a:cubicBezTo>
                      <a:pt x="307943" y="164679"/>
                      <a:pt x="311314" y="161307"/>
                      <a:pt x="311753" y="157040"/>
                    </a:cubicBezTo>
                    <a:lnTo>
                      <a:pt x="311753" y="36644"/>
                    </a:lnTo>
                    <a:cubicBezTo>
                      <a:pt x="311753" y="31700"/>
                      <a:pt x="307744" y="27690"/>
                      <a:pt x="302800" y="27690"/>
                    </a:cubicBezTo>
                    <a:lnTo>
                      <a:pt x="275654" y="27690"/>
                    </a:lnTo>
                    <a:cubicBezTo>
                      <a:pt x="273255" y="27643"/>
                      <a:pt x="271323" y="25709"/>
                      <a:pt x="271272" y="23309"/>
                    </a:cubicBezTo>
                    <a:lnTo>
                      <a:pt x="271272" y="9974"/>
                    </a:lnTo>
                    <a:cubicBezTo>
                      <a:pt x="271784" y="5002"/>
                      <a:pt x="268169" y="554"/>
                      <a:pt x="263198" y="49"/>
                    </a:cubicBezTo>
                    <a:cubicBezTo>
                      <a:pt x="258227" y="-466"/>
                      <a:pt x="253782" y="3145"/>
                      <a:pt x="253270" y="8116"/>
                    </a:cubicBezTo>
                    <a:cubicBezTo>
                      <a:pt x="253206" y="8736"/>
                      <a:pt x="253206" y="9355"/>
                      <a:pt x="253270" y="9974"/>
                    </a:cubicBezTo>
                    <a:lnTo>
                      <a:pt x="253270" y="23309"/>
                    </a:lnTo>
                    <a:cubicBezTo>
                      <a:pt x="253270" y="25728"/>
                      <a:pt x="251309" y="27690"/>
                      <a:pt x="248888" y="27690"/>
                    </a:cubicBezTo>
                    <a:lnTo>
                      <a:pt x="222504" y="27690"/>
                    </a:lnTo>
                    <a:cubicBezTo>
                      <a:pt x="220106" y="27643"/>
                      <a:pt x="218173" y="25709"/>
                      <a:pt x="218122" y="23309"/>
                    </a:cubicBezTo>
                    <a:lnTo>
                      <a:pt x="218122" y="9974"/>
                    </a:lnTo>
                    <a:cubicBezTo>
                      <a:pt x="218122" y="5030"/>
                      <a:pt x="214113" y="1020"/>
                      <a:pt x="209169" y="1020"/>
                    </a:cubicBezTo>
                    <a:cubicBezTo>
                      <a:pt x="204224" y="1020"/>
                      <a:pt x="200216" y="5030"/>
                      <a:pt x="200216" y="9974"/>
                    </a:cubicBezTo>
                    <a:lnTo>
                      <a:pt x="200216" y="23309"/>
                    </a:lnTo>
                    <a:cubicBezTo>
                      <a:pt x="200165" y="25709"/>
                      <a:pt x="198232" y="27643"/>
                      <a:pt x="195834" y="27690"/>
                    </a:cubicBezTo>
                    <a:lnTo>
                      <a:pt x="169069" y="27690"/>
                    </a:lnTo>
                    <a:cubicBezTo>
                      <a:pt x="166670" y="27643"/>
                      <a:pt x="164738" y="25709"/>
                      <a:pt x="164687" y="23309"/>
                    </a:cubicBezTo>
                    <a:lnTo>
                      <a:pt x="164687" y="9974"/>
                    </a:lnTo>
                    <a:cubicBezTo>
                      <a:pt x="165200" y="5002"/>
                      <a:pt x="161584" y="554"/>
                      <a:pt x="156613" y="49"/>
                    </a:cubicBezTo>
                    <a:cubicBezTo>
                      <a:pt x="151642" y="-466"/>
                      <a:pt x="147197" y="3145"/>
                      <a:pt x="146685" y="8116"/>
                    </a:cubicBezTo>
                    <a:cubicBezTo>
                      <a:pt x="146621" y="8736"/>
                      <a:pt x="146621" y="9355"/>
                      <a:pt x="146685" y="9974"/>
                    </a:cubicBezTo>
                    <a:lnTo>
                      <a:pt x="146685" y="23309"/>
                    </a:lnTo>
                    <a:cubicBezTo>
                      <a:pt x="146685" y="25728"/>
                      <a:pt x="144724" y="27690"/>
                      <a:pt x="142303" y="27690"/>
                    </a:cubicBezTo>
                    <a:lnTo>
                      <a:pt x="115538" y="27690"/>
                    </a:lnTo>
                    <a:cubicBezTo>
                      <a:pt x="113140" y="27643"/>
                      <a:pt x="111207" y="25709"/>
                      <a:pt x="111157" y="23309"/>
                    </a:cubicBezTo>
                    <a:lnTo>
                      <a:pt x="111157" y="9974"/>
                    </a:lnTo>
                    <a:cubicBezTo>
                      <a:pt x="111157" y="5030"/>
                      <a:pt x="107148" y="1020"/>
                      <a:pt x="102203" y="1020"/>
                    </a:cubicBezTo>
                    <a:cubicBezTo>
                      <a:pt x="97259" y="1020"/>
                      <a:pt x="93250" y="5030"/>
                      <a:pt x="93250" y="9974"/>
                    </a:cubicBezTo>
                    <a:lnTo>
                      <a:pt x="93250" y="23309"/>
                    </a:lnTo>
                    <a:cubicBezTo>
                      <a:pt x="93199" y="25709"/>
                      <a:pt x="91267" y="27643"/>
                      <a:pt x="88868" y="27690"/>
                    </a:cubicBezTo>
                    <a:lnTo>
                      <a:pt x="62103" y="27690"/>
                    </a:lnTo>
                    <a:cubicBezTo>
                      <a:pt x="59684" y="27690"/>
                      <a:pt x="57721" y="25728"/>
                      <a:pt x="57721" y="23309"/>
                    </a:cubicBezTo>
                    <a:lnTo>
                      <a:pt x="57721" y="9974"/>
                    </a:lnTo>
                    <a:cubicBezTo>
                      <a:pt x="58234" y="5002"/>
                      <a:pt x="54618" y="554"/>
                      <a:pt x="49647" y="49"/>
                    </a:cubicBezTo>
                    <a:cubicBezTo>
                      <a:pt x="44676" y="-466"/>
                      <a:pt x="40232" y="3145"/>
                      <a:pt x="39719" y="8116"/>
                    </a:cubicBezTo>
                    <a:cubicBezTo>
                      <a:pt x="39655" y="8736"/>
                      <a:pt x="39655" y="9355"/>
                      <a:pt x="39719" y="9974"/>
                    </a:cubicBezTo>
                    <a:lnTo>
                      <a:pt x="39719" y="23309"/>
                    </a:lnTo>
                    <a:cubicBezTo>
                      <a:pt x="39719" y="25728"/>
                      <a:pt x="37758" y="27690"/>
                      <a:pt x="35338" y="27690"/>
                    </a:cubicBezTo>
                    <a:lnTo>
                      <a:pt x="8953" y="27690"/>
                    </a:lnTo>
                    <a:cubicBezTo>
                      <a:pt x="4009" y="27690"/>
                      <a:pt x="0" y="31700"/>
                      <a:pt x="0" y="36644"/>
                    </a:cubicBezTo>
                    <a:lnTo>
                      <a:pt x="0" y="330871"/>
                    </a:lnTo>
                    <a:cubicBezTo>
                      <a:pt x="0" y="335815"/>
                      <a:pt x="4009" y="339825"/>
                      <a:pt x="8953" y="339825"/>
                    </a:cubicBezTo>
                    <a:lnTo>
                      <a:pt x="155734" y="339825"/>
                    </a:lnTo>
                    <a:cubicBezTo>
                      <a:pt x="160705" y="339310"/>
                      <a:pt x="164320" y="334872"/>
                      <a:pt x="163808" y="329900"/>
                    </a:cubicBezTo>
                    <a:cubicBezTo>
                      <a:pt x="163369" y="325632"/>
                      <a:pt x="159998" y="322261"/>
                      <a:pt x="155734" y="321822"/>
                    </a:cubicBezTo>
                    <a:lnTo>
                      <a:pt x="22384" y="321822"/>
                    </a:lnTo>
                    <a:cubicBezTo>
                      <a:pt x="20017" y="321880"/>
                      <a:pt x="18056" y="320003"/>
                      <a:pt x="18002" y="317631"/>
                    </a:cubicBezTo>
                    <a:cubicBezTo>
                      <a:pt x="18000" y="317565"/>
                      <a:pt x="18000" y="317508"/>
                      <a:pt x="18002" y="317441"/>
                    </a:cubicBezTo>
                    <a:lnTo>
                      <a:pt x="18002" y="50074"/>
                    </a:lnTo>
                    <a:cubicBezTo>
                      <a:pt x="17949" y="47712"/>
                      <a:pt x="19824" y="45750"/>
                      <a:pt x="22191" y="45693"/>
                    </a:cubicBezTo>
                    <a:cubicBezTo>
                      <a:pt x="22255" y="45693"/>
                      <a:pt x="22320" y="45693"/>
                      <a:pt x="22384" y="45693"/>
                    </a:cubicBezTo>
                    <a:lnTo>
                      <a:pt x="35719" y="45693"/>
                    </a:lnTo>
                    <a:cubicBezTo>
                      <a:pt x="38086" y="45636"/>
                      <a:pt x="40047" y="47512"/>
                      <a:pt x="40100" y="49884"/>
                    </a:cubicBezTo>
                    <a:cubicBezTo>
                      <a:pt x="40102" y="49950"/>
                      <a:pt x="40102" y="50008"/>
                      <a:pt x="40100" y="50074"/>
                    </a:cubicBezTo>
                    <a:lnTo>
                      <a:pt x="40100" y="63409"/>
                    </a:lnTo>
                    <a:cubicBezTo>
                      <a:pt x="39588" y="68381"/>
                      <a:pt x="43203" y="72829"/>
                      <a:pt x="48175" y="73334"/>
                    </a:cubicBezTo>
                    <a:cubicBezTo>
                      <a:pt x="53146" y="73849"/>
                      <a:pt x="57590" y="70239"/>
                      <a:pt x="58102" y="65266"/>
                    </a:cubicBezTo>
                    <a:cubicBezTo>
                      <a:pt x="58166" y="64647"/>
                      <a:pt x="58166" y="64028"/>
                      <a:pt x="58102" y="63409"/>
                    </a:cubicBezTo>
                    <a:lnTo>
                      <a:pt x="58102" y="50074"/>
                    </a:lnTo>
                    <a:cubicBezTo>
                      <a:pt x="58049" y="47712"/>
                      <a:pt x="59925" y="45750"/>
                      <a:pt x="62292" y="45693"/>
                    </a:cubicBezTo>
                    <a:cubicBezTo>
                      <a:pt x="62355" y="45693"/>
                      <a:pt x="62420" y="45693"/>
                      <a:pt x="62484" y="45693"/>
                    </a:cubicBezTo>
                    <a:lnTo>
                      <a:pt x="89249" y="45693"/>
                    </a:lnTo>
                    <a:cubicBezTo>
                      <a:pt x="91670" y="45693"/>
                      <a:pt x="93631" y="47655"/>
                      <a:pt x="93631" y="50074"/>
                    </a:cubicBezTo>
                    <a:lnTo>
                      <a:pt x="93631" y="63409"/>
                    </a:lnTo>
                    <a:cubicBezTo>
                      <a:pt x="93631" y="68353"/>
                      <a:pt x="97640" y="72363"/>
                      <a:pt x="102584" y="72363"/>
                    </a:cubicBezTo>
                    <a:cubicBezTo>
                      <a:pt x="107529" y="72363"/>
                      <a:pt x="111538" y="68353"/>
                      <a:pt x="111538" y="63409"/>
                    </a:cubicBezTo>
                    <a:lnTo>
                      <a:pt x="111538" y="50074"/>
                    </a:lnTo>
                    <a:cubicBezTo>
                      <a:pt x="111538" y="47655"/>
                      <a:pt x="113499" y="45693"/>
                      <a:pt x="115919" y="45693"/>
                    </a:cubicBezTo>
                    <a:lnTo>
                      <a:pt x="142303" y="45693"/>
                    </a:lnTo>
                    <a:cubicBezTo>
                      <a:pt x="144670" y="45636"/>
                      <a:pt x="146632" y="47512"/>
                      <a:pt x="146685" y="49884"/>
                    </a:cubicBezTo>
                    <a:cubicBezTo>
                      <a:pt x="146687" y="49950"/>
                      <a:pt x="146687" y="50008"/>
                      <a:pt x="146685" y="50074"/>
                    </a:cubicBezTo>
                    <a:lnTo>
                      <a:pt x="146685" y="63409"/>
                    </a:lnTo>
                    <a:cubicBezTo>
                      <a:pt x="146173" y="68381"/>
                      <a:pt x="149788" y="72829"/>
                      <a:pt x="154759" y="73334"/>
                    </a:cubicBezTo>
                    <a:cubicBezTo>
                      <a:pt x="159730" y="73849"/>
                      <a:pt x="164175" y="70239"/>
                      <a:pt x="164687" y="65266"/>
                    </a:cubicBezTo>
                    <a:cubicBezTo>
                      <a:pt x="164751" y="64647"/>
                      <a:pt x="164751" y="64028"/>
                      <a:pt x="164687" y="63409"/>
                    </a:cubicBezTo>
                    <a:lnTo>
                      <a:pt x="164687" y="50074"/>
                    </a:lnTo>
                    <a:cubicBezTo>
                      <a:pt x="164687" y="47655"/>
                      <a:pt x="166648" y="45693"/>
                      <a:pt x="169069" y="45693"/>
                    </a:cubicBezTo>
                    <a:lnTo>
                      <a:pt x="195834" y="45693"/>
                    </a:lnTo>
                    <a:cubicBezTo>
                      <a:pt x="198254" y="45693"/>
                      <a:pt x="200216" y="47655"/>
                      <a:pt x="200216" y="5007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4" name="Graphic 2">
                <a:extLst>
                  <a:ext uri="{FF2B5EF4-FFF2-40B4-BE49-F238E27FC236}">
                    <a16:creationId xmlns:a16="http://schemas.microsoft.com/office/drawing/2014/main" id="{2D741E23-477F-3547-6882-E42182B3F0BC}"/>
                  </a:ext>
                </a:extLst>
              </p:cNvPr>
              <p:cNvSpPr/>
              <p:nvPr/>
            </p:nvSpPr>
            <p:spPr>
              <a:xfrm>
                <a:off x="1339786" y="3074034"/>
                <a:ext cx="231838" cy="231838"/>
              </a:xfrm>
              <a:custGeom>
                <a:avLst/>
                <a:gdLst>
                  <a:gd name="connsiteX0" fmla="*/ 116110 w 231838"/>
                  <a:gd name="connsiteY0" fmla="*/ 0 h 231838"/>
                  <a:gd name="connsiteX1" fmla="*/ 0 w 231838"/>
                  <a:gd name="connsiteY1" fmla="*/ 115729 h 231838"/>
                  <a:gd name="connsiteX2" fmla="*/ 115729 w 231838"/>
                  <a:gd name="connsiteY2" fmla="*/ 231839 h 231838"/>
                  <a:gd name="connsiteX3" fmla="*/ 231839 w 231838"/>
                  <a:gd name="connsiteY3" fmla="*/ 116110 h 231838"/>
                  <a:gd name="connsiteX4" fmla="*/ 231839 w 231838"/>
                  <a:gd name="connsiteY4" fmla="*/ 115920 h 231838"/>
                  <a:gd name="connsiteX5" fmla="*/ 116110 w 231838"/>
                  <a:gd name="connsiteY5" fmla="*/ 0 h 231838"/>
                  <a:gd name="connsiteX6" fmla="*/ 116110 w 231838"/>
                  <a:gd name="connsiteY6" fmla="*/ 213932 h 231838"/>
                  <a:gd name="connsiteX7" fmla="*/ 18002 w 231838"/>
                  <a:gd name="connsiteY7" fmla="*/ 116015 h 231838"/>
                  <a:gd name="connsiteX8" fmla="*/ 115919 w 231838"/>
                  <a:gd name="connsiteY8" fmla="*/ 17907 h 231838"/>
                  <a:gd name="connsiteX9" fmla="*/ 214027 w 231838"/>
                  <a:gd name="connsiteY9" fmla="*/ 115824 h 231838"/>
                  <a:gd name="connsiteX10" fmla="*/ 214027 w 231838"/>
                  <a:gd name="connsiteY10" fmla="*/ 115920 h 231838"/>
                  <a:gd name="connsiteX11" fmla="*/ 116110 w 231838"/>
                  <a:gd name="connsiteY11" fmla="*/ 213932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31838" h="231838">
                    <a:moveTo>
                      <a:pt x="116110" y="0"/>
                    </a:moveTo>
                    <a:cubicBezTo>
                      <a:pt x="52089" y="-104"/>
                      <a:pt x="106" y="51711"/>
                      <a:pt x="0" y="115729"/>
                    </a:cubicBezTo>
                    <a:cubicBezTo>
                      <a:pt x="-105" y="179746"/>
                      <a:pt x="51708" y="231734"/>
                      <a:pt x="115729" y="231839"/>
                    </a:cubicBezTo>
                    <a:cubicBezTo>
                      <a:pt x="179749" y="231944"/>
                      <a:pt x="231733" y="180128"/>
                      <a:pt x="231839" y="116110"/>
                    </a:cubicBezTo>
                    <a:cubicBezTo>
                      <a:pt x="231839" y="116043"/>
                      <a:pt x="231839" y="115986"/>
                      <a:pt x="231839" y="115920"/>
                    </a:cubicBezTo>
                    <a:cubicBezTo>
                      <a:pt x="231734" y="52016"/>
                      <a:pt x="180012" y="210"/>
                      <a:pt x="116110" y="0"/>
                    </a:cubicBezTo>
                    <a:close/>
                    <a:moveTo>
                      <a:pt x="116110" y="213932"/>
                    </a:moveTo>
                    <a:cubicBezTo>
                      <a:pt x="61979" y="213989"/>
                      <a:pt x="18055" y="170145"/>
                      <a:pt x="18002" y="116015"/>
                    </a:cubicBezTo>
                    <a:cubicBezTo>
                      <a:pt x="17950" y="61884"/>
                      <a:pt x="61789" y="17964"/>
                      <a:pt x="115919" y="17907"/>
                    </a:cubicBezTo>
                    <a:cubicBezTo>
                      <a:pt x="170050" y="17850"/>
                      <a:pt x="213974" y="61694"/>
                      <a:pt x="214027" y="115824"/>
                    </a:cubicBezTo>
                    <a:cubicBezTo>
                      <a:pt x="214027" y="115853"/>
                      <a:pt x="214027" y="115891"/>
                      <a:pt x="214027" y="115920"/>
                    </a:cubicBezTo>
                    <a:cubicBezTo>
                      <a:pt x="213974" y="169993"/>
                      <a:pt x="170181" y="213827"/>
                      <a:pt x="116110" y="21393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165" name="Graphic 2">
                <a:extLst>
                  <a:ext uri="{FF2B5EF4-FFF2-40B4-BE49-F238E27FC236}">
                    <a16:creationId xmlns:a16="http://schemas.microsoft.com/office/drawing/2014/main" id="{BDD403E4-B120-4A99-4DF0-D05C1B83C129}"/>
                  </a:ext>
                </a:extLst>
              </p:cNvPr>
              <p:cNvSpPr/>
              <p:nvPr/>
            </p:nvSpPr>
            <p:spPr>
              <a:xfrm>
                <a:off x="1446799" y="3126926"/>
                <a:ext cx="84725" cy="72362"/>
              </a:xfrm>
              <a:custGeom>
                <a:avLst/>
                <a:gdLst>
                  <a:gd name="connsiteX0" fmla="*/ 75962 w 84725"/>
                  <a:gd name="connsiteY0" fmla="*/ 54075 h 72362"/>
                  <a:gd name="connsiteX1" fmla="*/ 22432 w 84725"/>
                  <a:gd name="connsiteY1" fmla="*/ 54075 h 72362"/>
                  <a:gd name="connsiteX2" fmla="*/ 18050 w 84725"/>
                  <a:gd name="connsiteY2" fmla="*/ 49693 h 72362"/>
                  <a:gd name="connsiteX3" fmla="*/ 18050 w 84725"/>
                  <a:gd name="connsiteY3" fmla="*/ 9974 h 72362"/>
                  <a:gd name="connsiteX4" fmla="*/ 9976 w 84725"/>
                  <a:gd name="connsiteY4" fmla="*/ 49 h 72362"/>
                  <a:gd name="connsiteX5" fmla="*/ 48 w 84725"/>
                  <a:gd name="connsiteY5" fmla="*/ 8116 h 72362"/>
                  <a:gd name="connsiteX6" fmla="*/ 48 w 84725"/>
                  <a:gd name="connsiteY6" fmla="*/ 9974 h 72362"/>
                  <a:gd name="connsiteX7" fmla="*/ 48 w 84725"/>
                  <a:gd name="connsiteY7" fmla="*/ 63409 h 72362"/>
                  <a:gd name="connsiteX8" fmla="*/ 9097 w 84725"/>
                  <a:gd name="connsiteY8" fmla="*/ 72363 h 72362"/>
                  <a:gd name="connsiteX9" fmla="*/ 75772 w 84725"/>
                  <a:gd name="connsiteY9" fmla="*/ 72363 h 72362"/>
                  <a:gd name="connsiteX10" fmla="*/ 84725 w 84725"/>
                  <a:gd name="connsiteY10" fmla="*/ 63409 h 72362"/>
                  <a:gd name="connsiteX11" fmla="*/ 75772 w 84725"/>
                  <a:gd name="connsiteY11" fmla="*/ 54456 h 723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725" h="72362">
                    <a:moveTo>
                      <a:pt x="75962" y="54075"/>
                    </a:moveTo>
                    <a:lnTo>
                      <a:pt x="22432" y="54075"/>
                    </a:lnTo>
                    <a:cubicBezTo>
                      <a:pt x="20033" y="54027"/>
                      <a:pt x="18101" y="52093"/>
                      <a:pt x="18050" y="49693"/>
                    </a:cubicBezTo>
                    <a:lnTo>
                      <a:pt x="18050" y="9974"/>
                    </a:lnTo>
                    <a:cubicBezTo>
                      <a:pt x="18563" y="5002"/>
                      <a:pt x="14947" y="554"/>
                      <a:pt x="9976" y="49"/>
                    </a:cubicBezTo>
                    <a:cubicBezTo>
                      <a:pt x="5005" y="-465"/>
                      <a:pt x="560" y="3145"/>
                      <a:pt x="48" y="8116"/>
                    </a:cubicBezTo>
                    <a:cubicBezTo>
                      <a:pt x="-16" y="8736"/>
                      <a:pt x="-16" y="9355"/>
                      <a:pt x="48" y="9974"/>
                    </a:cubicBezTo>
                    <a:lnTo>
                      <a:pt x="48" y="63409"/>
                    </a:lnTo>
                    <a:cubicBezTo>
                      <a:pt x="335" y="68267"/>
                      <a:pt x="4236" y="72124"/>
                      <a:pt x="9097" y="72363"/>
                    </a:cubicBezTo>
                    <a:lnTo>
                      <a:pt x="75772" y="72363"/>
                    </a:lnTo>
                    <a:cubicBezTo>
                      <a:pt x="80716" y="72363"/>
                      <a:pt x="84725" y="68353"/>
                      <a:pt x="84725" y="63409"/>
                    </a:cubicBezTo>
                    <a:cubicBezTo>
                      <a:pt x="84725" y="58466"/>
                      <a:pt x="80716" y="54456"/>
                      <a:pt x="75772" y="544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230" name="Group 229">
            <a:extLst>
              <a:ext uri="{FF2B5EF4-FFF2-40B4-BE49-F238E27FC236}">
                <a16:creationId xmlns:a16="http://schemas.microsoft.com/office/drawing/2014/main" id="{B6641D4F-771D-221A-622B-F2E49FC1DE2A}"/>
              </a:ext>
            </a:extLst>
          </p:cNvPr>
          <p:cNvGrpSpPr/>
          <p:nvPr/>
        </p:nvGrpSpPr>
        <p:grpSpPr>
          <a:xfrm>
            <a:off x="644475" y="4348329"/>
            <a:ext cx="924825" cy="694800"/>
            <a:chOff x="713196" y="5038546"/>
            <a:chExt cx="924825" cy="694800"/>
          </a:xfrm>
        </p:grpSpPr>
        <p:sp>
          <p:nvSpPr>
            <p:cNvPr id="231" name="Rectangle 230">
              <a:extLst>
                <a:ext uri="{FF2B5EF4-FFF2-40B4-BE49-F238E27FC236}">
                  <a16:creationId xmlns:a16="http://schemas.microsoft.com/office/drawing/2014/main" id="{FABCA6E4-F1CA-8F8E-23CA-4FBB3903A5AD}"/>
                </a:ext>
              </a:extLst>
            </p:cNvPr>
            <p:cNvSpPr>
              <a:spLocks/>
            </p:cNvSpPr>
            <p:nvPr/>
          </p:nvSpPr>
          <p:spPr>
            <a:xfrm>
              <a:off x="713196" y="5038546"/>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32" name="Group 231">
              <a:extLst>
                <a:ext uri="{FF2B5EF4-FFF2-40B4-BE49-F238E27FC236}">
                  <a16:creationId xmlns:a16="http://schemas.microsoft.com/office/drawing/2014/main" id="{92B195FB-605F-113A-2251-C2B26F98C8AA}"/>
                </a:ext>
              </a:extLst>
            </p:cNvPr>
            <p:cNvGrpSpPr/>
            <p:nvPr/>
          </p:nvGrpSpPr>
          <p:grpSpPr>
            <a:xfrm>
              <a:off x="901736" y="5121767"/>
              <a:ext cx="541616" cy="543550"/>
              <a:chOff x="1153096" y="2885848"/>
              <a:chExt cx="418528" cy="420024"/>
            </a:xfrm>
          </p:grpSpPr>
          <p:sp>
            <p:nvSpPr>
              <p:cNvPr id="233" name="Graphic 2">
                <a:extLst>
                  <a:ext uri="{FF2B5EF4-FFF2-40B4-BE49-F238E27FC236}">
                    <a16:creationId xmlns:a16="http://schemas.microsoft.com/office/drawing/2014/main" id="{56DF1BAD-315A-2746-386F-CF242F97D77A}"/>
                  </a:ext>
                </a:extLst>
              </p:cNvPr>
              <p:cNvSpPr/>
              <p:nvPr/>
            </p:nvSpPr>
            <p:spPr>
              <a:xfrm>
                <a:off x="1160335" y="2922111"/>
                <a:ext cx="295560" cy="294608"/>
              </a:xfrm>
              <a:custGeom>
                <a:avLst/>
                <a:gdLst>
                  <a:gd name="connsiteX0" fmla="*/ 0 w 295560"/>
                  <a:gd name="connsiteY0" fmla="*/ 0 h 294608"/>
                  <a:gd name="connsiteX1" fmla="*/ 295561 w 295560"/>
                  <a:gd name="connsiteY1" fmla="*/ 0 h 294608"/>
                  <a:gd name="connsiteX2" fmla="*/ 295561 w 295560"/>
                  <a:gd name="connsiteY2" fmla="*/ 294608 h 294608"/>
                  <a:gd name="connsiteX3" fmla="*/ 0 w 295560"/>
                  <a:gd name="connsiteY3" fmla="*/ 294608 h 294608"/>
                </a:gdLst>
                <a:ahLst/>
                <a:cxnLst>
                  <a:cxn ang="0">
                    <a:pos x="connsiteX0" y="connsiteY0"/>
                  </a:cxn>
                  <a:cxn ang="0">
                    <a:pos x="connsiteX1" y="connsiteY1"/>
                  </a:cxn>
                  <a:cxn ang="0">
                    <a:pos x="connsiteX2" y="connsiteY2"/>
                  </a:cxn>
                  <a:cxn ang="0">
                    <a:pos x="connsiteX3" y="connsiteY3"/>
                  </a:cxn>
                </a:cxnLst>
                <a:rect l="l" t="t" r="r" b="b"/>
                <a:pathLst>
                  <a:path w="295560" h="294608">
                    <a:moveTo>
                      <a:pt x="0" y="0"/>
                    </a:moveTo>
                    <a:lnTo>
                      <a:pt x="295561" y="0"/>
                    </a:lnTo>
                    <a:lnTo>
                      <a:pt x="295561" y="294608"/>
                    </a:lnTo>
                    <a:lnTo>
                      <a:pt x="0" y="294608"/>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4" name="Graphic 2">
                <a:extLst>
                  <a:ext uri="{FF2B5EF4-FFF2-40B4-BE49-F238E27FC236}">
                    <a16:creationId xmlns:a16="http://schemas.microsoft.com/office/drawing/2014/main" id="{01F56C73-F414-F662-272E-966FFBA96956}"/>
                  </a:ext>
                </a:extLst>
              </p:cNvPr>
              <p:cNvSpPr/>
              <p:nvPr/>
            </p:nvSpPr>
            <p:spPr>
              <a:xfrm>
                <a:off x="1353502" y="3087560"/>
                <a:ext cx="204787" cy="204787"/>
              </a:xfrm>
              <a:custGeom>
                <a:avLst/>
                <a:gdLst>
                  <a:gd name="connsiteX0" fmla="*/ 204787 w 204787"/>
                  <a:gd name="connsiteY0" fmla="*/ 102394 h 204787"/>
                  <a:gd name="connsiteX1" fmla="*/ 102394 w 204787"/>
                  <a:gd name="connsiteY1" fmla="*/ 204788 h 204787"/>
                  <a:gd name="connsiteX2" fmla="*/ 0 w 204787"/>
                  <a:gd name="connsiteY2" fmla="*/ 102394 h 204787"/>
                  <a:gd name="connsiteX3" fmla="*/ 102394 w 204787"/>
                  <a:gd name="connsiteY3" fmla="*/ 0 h 204787"/>
                  <a:gd name="connsiteX4" fmla="*/ 204787 w 204787"/>
                  <a:gd name="connsiteY4" fmla="*/ 102394 h 2047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787" h="204787">
                    <a:moveTo>
                      <a:pt x="204787" y="102394"/>
                    </a:moveTo>
                    <a:cubicBezTo>
                      <a:pt x="204787" y="158944"/>
                      <a:pt x="158944" y="204788"/>
                      <a:pt x="102394" y="204788"/>
                    </a:cubicBezTo>
                    <a:cubicBezTo>
                      <a:pt x="45843" y="204788"/>
                      <a:pt x="0" y="158944"/>
                      <a:pt x="0" y="102394"/>
                    </a:cubicBezTo>
                    <a:cubicBezTo>
                      <a:pt x="0" y="45843"/>
                      <a:pt x="45843" y="0"/>
                      <a:pt x="102394" y="0"/>
                    </a:cubicBezTo>
                    <a:cubicBezTo>
                      <a:pt x="158944" y="0"/>
                      <a:pt x="204787" y="45843"/>
                      <a:pt x="204787" y="102394"/>
                    </a:cubicBez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5" name="Graphic 2">
                <a:extLst>
                  <a:ext uri="{FF2B5EF4-FFF2-40B4-BE49-F238E27FC236}">
                    <a16:creationId xmlns:a16="http://schemas.microsoft.com/office/drawing/2014/main" id="{3DC0A4AE-892E-4CDC-E9C1-7EA79FF44BB1}"/>
                  </a:ext>
                </a:extLst>
              </p:cNvPr>
              <p:cNvSpPr/>
              <p:nvPr/>
            </p:nvSpPr>
            <p:spPr>
              <a:xfrm>
                <a:off x="1219581"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6" name="Graphic 2">
                <a:extLst>
                  <a:ext uri="{FF2B5EF4-FFF2-40B4-BE49-F238E27FC236}">
                    <a16:creationId xmlns:a16="http://schemas.microsoft.com/office/drawing/2014/main" id="{61AB5468-ACB2-D97D-CACA-85EF35C03C0B}"/>
                  </a:ext>
                </a:extLst>
              </p:cNvPr>
              <p:cNvSpPr/>
              <p:nvPr/>
            </p:nvSpPr>
            <p:spPr>
              <a:xfrm>
                <a:off x="1273016"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7" name="Graphic 2">
                <a:extLst>
                  <a:ext uri="{FF2B5EF4-FFF2-40B4-BE49-F238E27FC236}">
                    <a16:creationId xmlns:a16="http://schemas.microsoft.com/office/drawing/2014/main" id="{1AE339C8-98FE-3FA7-5246-8118A39AC95B}"/>
                  </a:ext>
                </a:extLst>
              </p:cNvPr>
              <p:cNvSpPr/>
              <p:nvPr/>
            </p:nvSpPr>
            <p:spPr>
              <a:xfrm>
                <a:off x="1326546"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8" name="Graphic 2">
                <a:extLst>
                  <a:ext uri="{FF2B5EF4-FFF2-40B4-BE49-F238E27FC236}">
                    <a16:creationId xmlns:a16="http://schemas.microsoft.com/office/drawing/2014/main" id="{EC51808D-C6E8-A18B-4A88-7BA3D75963A9}"/>
                  </a:ext>
                </a:extLst>
              </p:cNvPr>
              <p:cNvSpPr/>
              <p:nvPr/>
            </p:nvSpPr>
            <p:spPr>
              <a:xfrm>
                <a:off x="1380077"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39" name="Graphic 2">
                <a:extLst>
                  <a:ext uri="{FF2B5EF4-FFF2-40B4-BE49-F238E27FC236}">
                    <a16:creationId xmlns:a16="http://schemas.microsoft.com/office/drawing/2014/main" id="{6BFFE90A-A10F-81D7-1B77-72FCA92AF773}"/>
                  </a:ext>
                </a:extLst>
              </p:cNvPr>
              <p:cNvSpPr/>
              <p:nvPr/>
            </p:nvSpPr>
            <p:spPr>
              <a:xfrm>
                <a:off x="1219581"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0" name="Graphic 2">
                <a:extLst>
                  <a:ext uri="{FF2B5EF4-FFF2-40B4-BE49-F238E27FC236}">
                    <a16:creationId xmlns:a16="http://schemas.microsoft.com/office/drawing/2014/main" id="{10DD83CB-A8DF-0952-0E82-A0F0ED1CFBD4}"/>
                  </a:ext>
                </a:extLst>
              </p:cNvPr>
              <p:cNvSpPr/>
              <p:nvPr/>
            </p:nvSpPr>
            <p:spPr>
              <a:xfrm>
                <a:off x="1273016"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1" name="Graphic 2">
                <a:extLst>
                  <a:ext uri="{FF2B5EF4-FFF2-40B4-BE49-F238E27FC236}">
                    <a16:creationId xmlns:a16="http://schemas.microsoft.com/office/drawing/2014/main" id="{33A4539F-F851-5830-A3B6-CD81B0FAC690}"/>
                  </a:ext>
                </a:extLst>
              </p:cNvPr>
              <p:cNvSpPr/>
              <p:nvPr/>
            </p:nvSpPr>
            <p:spPr>
              <a:xfrm>
                <a:off x="1326546"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2" name="Graphic 2">
                <a:extLst>
                  <a:ext uri="{FF2B5EF4-FFF2-40B4-BE49-F238E27FC236}">
                    <a16:creationId xmlns:a16="http://schemas.microsoft.com/office/drawing/2014/main" id="{32B4A87E-B71A-FB67-EDD7-0A306641CC5A}"/>
                  </a:ext>
                </a:extLst>
              </p:cNvPr>
              <p:cNvSpPr/>
              <p:nvPr/>
            </p:nvSpPr>
            <p:spPr>
              <a:xfrm>
                <a:off x="1380077"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3" name="Graphic 2">
                <a:extLst>
                  <a:ext uri="{FF2B5EF4-FFF2-40B4-BE49-F238E27FC236}">
                    <a16:creationId xmlns:a16="http://schemas.microsoft.com/office/drawing/2014/main" id="{C07E82E2-0D58-F954-E764-686C4B026E25}"/>
                  </a:ext>
                </a:extLst>
              </p:cNvPr>
              <p:cNvSpPr/>
              <p:nvPr/>
            </p:nvSpPr>
            <p:spPr>
              <a:xfrm>
                <a:off x="1219581"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4" name="Graphic 2">
                <a:extLst>
                  <a:ext uri="{FF2B5EF4-FFF2-40B4-BE49-F238E27FC236}">
                    <a16:creationId xmlns:a16="http://schemas.microsoft.com/office/drawing/2014/main" id="{5ED794E6-B274-8211-7145-7390B2A96108}"/>
                  </a:ext>
                </a:extLst>
              </p:cNvPr>
              <p:cNvSpPr/>
              <p:nvPr/>
            </p:nvSpPr>
            <p:spPr>
              <a:xfrm>
                <a:off x="1273016"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5" name="Graphic 2">
                <a:extLst>
                  <a:ext uri="{FF2B5EF4-FFF2-40B4-BE49-F238E27FC236}">
                    <a16:creationId xmlns:a16="http://schemas.microsoft.com/office/drawing/2014/main" id="{A217163F-D478-706D-DA53-AED79639BEBC}"/>
                  </a:ext>
                </a:extLst>
              </p:cNvPr>
              <p:cNvSpPr/>
              <p:nvPr/>
            </p:nvSpPr>
            <p:spPr>
              <a:xfrm>
                <a:off x="1219581"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6" name="Graphic 2">
                <a:extLst>
                  <a:ext uri="{FF2B5EF4-FFF2-40B4-BE49-F238E27FC236}">
                    <a16:creationId xmlns:a16="http://schemas.microsoft.com/office/drawing/2014/main" id="{EA2322A4-8158-988C-0CE6-3E26BAA1C1B6}"/>
                  </a:ext>
                </a:extLst>
              </p:cNvPr>
              <p:cNvSpPr/>
              <p:nvPr/>
            </p:nvSpPr>
            <p:spPr>
              <a:xfrm>
                <a:off x="1273016"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7" name="Graphic 2">
                <a:extLst>
                  <a:ext uri="{FF2B5EF4-FFF2-40B4-BE49-F238E27FC236}">
                    <a16:creationId xmlns:a16="http://schemas.microsoft.com/office/drawing/2014/main" id="{AF851ECC-9019-1C7D-6285-3038C61A498C}"/>
                  </a:ext>
                </a:extLst>
              </p:cNvPr>
              <p:cNvSpPr/>
              <p:nvPr/>
            </p:nvSpPr>
            <p:spPr>
              <a:xfrm>
                <a:off x="1326546" y="3100705"/>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8" name="Graphic 2">
                <a:extLst>
                  <a:ext uri="{FF2B5EF4-FFF2-40B4-BE49-F238E27FC236}">
                    <a16:creationId xmlns:a16="http://schemas.microsoft.com/office/drawing/2014/main" id="{DAD6CB3F-82AA-7306-CD08-0BA72A26AE23}"/>
                  </a:ext>
                </a:extLst>
              </p:cNvPr>
              <p:cNvSpPr/>
              <p:nvPr/>
            </p:nvSpPr>
            <p:spPr>
              <a:xfrm>
                <a:off x="1153096" y="2885848"/>
                <a:ext cx="311753" cy="339824"/>
              </a:xfrm>
              <a:custGeom>
                <a:avLst/>
                <a:gdLst>
                  <a:gd name="connsiteX0" fmla="*/ 200216 w 311753"/>
                  <a:gd name="connsiteY0" fmla="*/ 50074 h 339824"/>
                  <a:gd name="connsiteX1" fmla="*/ 200216 w 311753"/>
                  <a:gd name="connsiteY1" fmla="*/ 63409 h 339824"/>
                  <a:gd name="connsiteX2" fmla="*/ 209169 w 311753"/>
                  <a:gd name="connsiteY2" fmla="*/ 72363 h 339824"/>
                  <a:gd name="connsiteX3" fmla="*/ 218122 w 311753"/>
                  <a:gd name="connsiteY3" fmla="*/ 63409 h 339824"/>
                  <a:gd name="connsiteX4" fmla="*/ 218122 w 311753"/>
                  <a:gd name="connsiteY4" fmla="*/ 50074 h 339824"/>
                  <a:gd name="connsiteX5" fmla="*/ 222504 w 311753"/>
                  <a:gd name="connsiteY5" fmla="*/ 45693 h 339824"/>
                  <a:gd name="connsiteX6" fmla="*/ 249269 w 311753"/>
                  <a:gd name="connsiteY6" fmla="*/ 45693 h 339824"/>
                  <a:gd name="connsiteX7" fmla="*/ 253651 w 311753"/>
                  <a:gd name="connsiteY7" fmla="*/ 49884 h 339824"/>
                  <a:gd name="connsiteX8" fmla="*/ 253651 w 311753"/>
                  <a:gd name="connsiteY8" fmla="*/ 50074 h 339824"/>
                  <a:gd name="connsiteX9" fmla="*/ 253651 w 311753"/>
                  <a:gd name="connsiteY9" fmla="*/ 63409 h 339824"/>
                  <a:gd name="connsiteX10" fmla="*/ 261725 w 311753"/>
                  <a:gd name="connsiteY10" fmla="*/ 73334 h 339824"/>
                  <a:gd name="connsiteX11" fmla="*/ 271653 w 311753"/>
                  <a:gd name="connsiteY11" fmla="*/ 65266 h 339824"/>
                  <a:gd name="connsiteX12" fmla="*/ 271653 w 311753"/>
                  <a:gd name="connsiteY12" fmla="*/ 63409 h 339824"/>
                  <a:gd name="connsiteX13" fmla="*/ 271653 w 311753"/>
                  <a:gd name="connsiteY13" fmla="*/ 50074 h 339824"/>
                  <a:gd name="connsiteX14" fmla="*/ 276035 w 311753"/>
                  <a:gd name="connsiteY14" fmla="*/ 45693 h 339824"/>
                  <a:gd name="connsiteX15" fmla="*/ 289370 w 311753"/>
                  <a:gd name="connsiteY15" fmla="*/ 45693 h 339824"/>
                  <a:gd name="connsiteX16" fmla="*/ 293751 w 311753"/>
                  <a:gd name="connsiteY16" fmla="*/ 49884 h 339824"/>
                  <a:gd name="connsiteX17" fmla="*/ 293751 w 311753"/>
                  <a:gd name="connsiteY17" fmla="*/ 50074 h 339824"/>
                  <a:gd name="connsiteX18" fmla="*/ 293751 w 311753"/>
                  <a:gd name="connsiteY18" fmla="*/ 157040 h 339824"/>
                  <a:gd name="connsiteX19" fmla="*/ 303679 w 311753"/>
                  <a:gd name="connsiteY19" fmla="*/ 165117 h 339824"/>
                  <a:gd name="connsiteX20" fmla="*/ 311753 w 311753"/>
                  <a:gd name="connsiteY20" fmla="*/ 157040 h 339824"/>
                  <a:gd name="connsiteX21" fmla="*/ 311753 w 311753"/>
                  <a:gd name="connsiteY21" fmla="*/ 36644 h 339824"/>
                  <a:gd name="connsiteX22" fmla="*/ 302800 w 311753"/>
                  <a:gd name="connsiteY22" fmla="*/ 27690 h 339824"/>
                  <a:gd name="connsiteX23" fmla="*/ 275654 w 311753"/>
                  <a:gd name="connsiteY23" fmla="*/ 27690 h 339824"/>
                  <a:gd name="connsiteX24" fmla="*/ 271272 w 311753"/>
                  <a:gd name="connsiteY24" fmla="*/ 23309 h 339824"/>
                  <a:gd name="connsiteX25" fmla="*/ 271272 w 311753"/>
                  <a:gd name="connsiteY25" fmla="*/ 9974 h 339824"/>
                  <a:gd name="connsiteX26" fmla="*/ 263198 w 311753"/>
                  <a:gd name="connsiteY26" fmla="*/ 49 h 339824"/>
                  <a:gd name="connsiteX27" fmla="*/ 253270 w 311753"/>
                  <a:gd name="connsiteY27" fmla="*/ 8116 h 339824"/>
                  <a:gd name="connsiteX28" fmla="*/ 253270 w 311753"/>
                  <a:gd name="connsiteY28" fmla="*/ 9974 h 339824"/>
                  <a:gd name="connsiteX29" fmla="*/ 253270 w 311753"/>
                  <a:gd name="connsiteY29" fmla="*/ 23309 h 339824"/>
                  <a:gd name="connsiteX30" fmla="*/ 248888 w 311753"/>
                  <a:gd name="connsiteY30" fmla="*/ 27690 h 339824"/>
                  <a:gd name="connsiteX31" fmla="*/ 222504 w 311753"/>
                  <a:gd name="connsiteY31" fmla="*/ 27690 h 339824"/>
                  <a:gd name="connsiteX32" fmla="*/ 218122 w 311753"/>
                  <a:gd name="connsiteY32" fmla="*/ 23309 h 339824"/>
                  <a:gd name="connsiteX33" fmla="*/ 218122 w 311753"/>
                  <a:gd name="connsiteY33" fmla="*/ 9974 h 339824"/>
                  <a:gd name="connsiteX34" fmla="*/ 209169 w 311753"/>
                  <a:gd name="connsiteY34" fmla="*/ 1020 h 339824"/>
                  <a:gd name="connsiteX35" fmla="*/ 200216 w 311753"/>
                  <a:gd name="connsiteY35" fmla="*/ 9974 h 339824"/>
                  <a:gd name="connsiteX36" fmla="*/ 200216 w 311753"/>
                  <a:gd name="connsiteY36" fmla="*/ 23309 h 339824"/>
                  <a:gd name="connsiteX37" fmla="*/ 195834 w 311753"/>
                  <a:gd name="connsiteY37" fmla="*/ 27690 h 339824"/>
                  <a:gd name="connsiteX38" fmla="*/ 169069 w 311753"/>
                  <a:gd name="connsiteY38" fmla="*/ 27690 h 339824"/>
                  <a:gd name="connsiteX39" fmla="*/ 164687 w 311753"/>
                  <a:gd name="connsiteY39" fmla="*/ 23309 h 339824"/>
                  <a:gd name="connsiteX40" fmla="*/ 164687 w 311753"/>
                  <a:gd name="connsiteY40" fmla="*/ 9974 h 339824"/>
                  <a:gd name="connsiteX41" fmla="*/ 156613 w 311753"/>
                  <a:gd name="connsiteY41" fmla="*/ 49 h 339824"/>
                  <a:gd name="connsiteX42" fmla="*/ 146685 w 311753"/>
                  <a:gd name="connsiteY42" fmla="*/ 8116 h 339824"/>
                  <a:gd name="connsiteX43" fmla="*/ 146685 w 311753"/>
                  <a:gd name="connsiteY43" fmla="*/ 9974 h 339824"/>
                  <a:gd name="connsiteX44" fmla="*/ 146685 w 311753"/>
                  <a:gd name="connsiteY44" fmla="*/ 23309 h 339824"/>
                  <a:gd name="connsiteX45" fmla="*/ 142303 w 311753"/>
                  <a:gd name="connsiteY45" fmla="*/ 27690 h 339824"/>
                  <a:gd name="connsiteX46" fmla="*/ 115538 w 311753"/>
                  <a:gd name="connsiteY46" fmla="*/ 27690 h 339824"/>
                  <a:gd name="connsiteX47" fmla="*/ 111157 w 311753"/>
                  <a:gd name="connsiteY47" fmla="*/ 23309 h 339824"/>
                  <a:gd name="connsiteX48" fmla="*/ 111157 w 311753"/>
                  <a:gd name="connsiteY48" fmla="*/ 9974 h 339824"/>
                  <a:gd name="connsiteX49" fmla="*/ 102203 w 311753"/>
                  <a:gd name="connsiteY49" fmla="*/ 1020 h 339824"/>
                  <a:gd name="connsiteX50" fmla="*/ 93250 w 311753"/>
                  <a:gd name="connsiteY50" fmla="*/ 9974 h 339824"/>
                  <a:gd name="connsiteX51" fmla="*/ 93250 w 311753"/>
                  <a:gd name="connsiteY51" fmla="*/ 23309 h 339824"/>
                  <a:gd name="connsiteX52" fmla="*/ 88868 w 311753"/>
                  <a:gd name="connsiteY52" fmla="*/ 27690 h 339824"/>
                  <a:gd name="connsiteX53" fmla="*/ 62103 w 311753"/>
                  <a:gd name="connsiteY53" fmla="*/ 27690 h 339824"/>
                  <a:gd name="connsiteX54" fmla="*/ 57721 w 311753"/>
                  <a:gd name="connsiteY54" fmla="*/ 23309 h 339824"/>
                  <a:gd name="connsiteX55" fmla="*/ 57721 w 311753"/>
                  <a:gd name="connsiteY55" fmla="*/ 9974 h 339824"/>
                  <a:gd name="connsiteX56" fmla="*/ 49647 w 311753"/>
                  <a:gd name="connsiteY56" fmla="*/ 49 h 339824"/>
                  <a:gd name="connsiteX57" fmla="*/ 39719 w 311753"/>
                  <a:gd name="connsiteY57" fmla="*/ 8116 h 339824"/>
                  <a:gd name="connsiteX58" fmla="*/ 39719 w 311753"/>
                  <a:gd name="connsiteY58" fmla="*/ 9974 h 339824"/>
                  <a:gd name="connsiteX59" fmla="*/ 39719 w 311753"/>
                  <a:gd name="connsiteY59" fmla="*/ 23309 h 339824"/>
                  <a:gd name="connsiteX60" fmla="*/ 35338 w 311753"/>
                  <a:gd name="connsiteY60" fmla="*/ 27690 h 339824"/>
                  <a:gd name="connsiteX61" fmla="*/ 8953 w 311753"/>
                  <a:gd name="connsiteY61" fmla="*/ 27690 h 339824"/>
                  <a:gd name="connsiteX62" fmla="*/ 0 w 311753"/>
                  <a:gd name="connsiteY62" fmla="*/ 36644 h 339824"/>
                  <a:gd name="connsiteX63" fmla="*/ 0 w 311753"/>
                  <a:gd name="connsiteY63" fmla="*/ 330871 h 339824"/>
                  <a:gd name="connsiteX64" fmla="*/ 8953 w 311753"/>
                  <a:gd name="connsiteY64" fmla="*/ 339825 h 339824"/>
                  <a:gd name="connsiteX65" fmla="*/ 155734 w 311753"/>
                  <a:gd name="connsiteY65" fmla="*/ 339825 h 339824"/>
                  <a:gd name="connsiteX66" fmla="*/ 163808 w 311753"/>
                  <a:gd name="connsiteY66" fmla="*/ 329900 h 339824"/>
                  <a:gd name="connsiteX67" fmla="*/ 155734 w 311753"/>
                  <a:gd name="connsiteY67" fmla="*/ 321822 h 339824"/>
                  <a:gd name="connsiteX68" fmla="*/ 22384 w 311753"/>
                  <a:gd name="connsiteY68" fmla="*/ 321822 h 339824"/>
                  <a:gd name="connsiteX69" fmla="*/ 18002 w 311753"/>
                  <a:gd name="connsiteY69" fmla="*/ 317631 h 339824"/>
                  <a:gd name="connsiteX70" fmla="*/ 18002 w 311753"/>
                  <a:gd name="connsiteY70" fmla="*/ 317441 h 339824"/>
                  <a:gd name="connsiteX71" fmla="*/ 18002 w 311753"/>
                  <a:gd name="connsiteY71" fmla="*/ 50074 h 339824"/>
                  <a:gd name="connsiteX72" fmla="*/ 22191 w 311753"/>
                  <a:gd name="connsiteY72" fmla="*/ 45693 h 339824"/>
                  <a:gd name="connsiteX73" fmla="*/ 22384 w 311753"/>
                  <a:gd name="connsiteY73" fmla="*/ 45693 h 339824"/>
                  <a:gd name="connsiteX74" fmla="*/ 35719 w 311753"/>
                  <a:gd name="connsiteY74" fmla="*/ 45693 h 339824"/>
                  <a:gd name="connsiteX75" fmla="*/ 40100 w 311753"/>
                  <a:gd name="connsiteY75" fmla="*/ 49884 h 339824"/>
                  <a:gd name="connsiteX76" fmla="*/ 40100 w 311753"/>
                  <a:gd name="connsiteY76" fmla="*/ 50074 h 339824"/>
                  <a:gd name="connsiteX77" fmla="*/ 40100 w 311753"/>
                  <a:gd name="connsiteY77" fmla="*/ 63409 h 339824"/>
                  <a:gd name="connsiteX78" fmla="*/ 48175 w 311753"/>
                  <a:gd name="connsiteY78" fmla="*/ 73334 h 339824"/>
                  <a:gd name="connsiteX79" fmla="*/ 58102 w 311753"/>
                  <a:gd name="connsiteY79" fmla="*/ 65266 h 339824"/>
                  <a:gd name="connsiteX80" fmla="*/ 58102 w 311753"/>
                  <a:gd name="connsiteY80" fmla="*/ 63409 h 339824"/>
                  <a:gd name="connsiteX81" fmla="*/ 58102 w 311753"/>
                  <a:gd name="connsiteY81" fmla="*/ 50074 h 339824"/>
                  <a:gd name="connsiteX82" fmla="*/ 62292 w 311753"/>
                  <a:gd name="connsiteY82" fmla="*/ 45693 h 339824"/>
                  <a:gd name="connsiteX83" fmla="*/ 62484 w 311753"/>
                  <a:gd name="connsiteY83" fmla="*/ 45693 h 339824"/>
                  <a:gd name="connsiteX84" fmla="*/ 89249 w 311753"/>
                  <a:gd name="connsiteY84" fmla="*/ 45693 h 339824"/>
                  <a:gd name="connsiteX85" fmla="*/ 93631 w 311753"/>
                  <a:gd name="connsiteY85" fmla="*/ 50074 h 339824"/>
                  <a:gd name="connsiteX86" fmla="*/ 93631 w 311753"/>
                  <a:gd name="connsiteY86" fmla="*/ 63409 h 339824"/>
                  <a:gd name="connsiteX87" fmla="*/ 102584 w 311753"/>
                  <a:gd name="connsiteY87" fmla="*/ 72363 h 339824"/>
                  <a:gd name="connsiteX88" fmla="*/ 111538 w 311753"/>
                  <a:gd name="connsiteY88" fmla="*/ 63409 h 339824"/>
                  <a:gd name="connsiteX89" fmla="*/ 111538 w 311753"/>
                  <a:gd name="connsiteY89" fmla="*/ 50074 h 339824"/>
                  <a:gd name="connsiteX90" fmla="*/ 115919 w 311753"/>
                  <a:gd name="connsiteY90" fmla="*/ 45693 h 339824"/>
                  <a:gd name="connsiteX91" fmla="*/ 142303 w 311753"/>
                  <a:gd name="connsiteY91" fmla="*/ 45693 h 339824"/>
                  <a:gd name="connsiteX92" fmla="*/ 146685 w 311753"/>
                  <a:gd name="connsiteY92" fmla="*/ 49884 h 339824"/>
                  <a:gd name="connsiteX93" fmla="*/ 146685 w 311753"/>
                  <a:gd name="connsiteY93" fmla="*/ 50074 h 339824"/>
                  <a:gd name="connsiteX94" fmla="*/ 146685 w 311753"/>
                  <a:gd name="connsiteY94" fmla="*/ 63409 h 339824"/>
                  <a:gd name="connsiteX95" fmla="*/ 154759 w 311753"/>
                  <a:gd name="connsiteY95" fmla="*/ 73334 h 339824"/>
                  <a:gd name="connsiteX96" fmla="*/ 164687 w 311753"/>
                  <a:gd name="connsiteY96" fmla="*/ 65266 h 339824"/>
                  <a:gd name="connsiteX97" fmla="*/ 164687 w 311753"/>
                  <a:gd name="connsiteY97" fmla="*/ 63409 h 339824"/>
                  <a:gd name="connsiteX98" fmla="*/ 164687 w 311753"/>
                  <a:gd name="connsiteY98" fmla="*/ 50074 h 339824"/>
                  <a:gd name="connsiteX99" fmla="*/ 169069 w 311753"/>
                  <a:gd name="connsiteY99" fmla="*/ 45693 h 339824"/>
                  <a:gd name="connsiteX100" fmla="*/ 195834 w 311753"/>
                  <a:gd name="connsiteY100" fmla="*/ 45693 h 339824"/>
                  <a:gd name="connsiteX101" fmla="*/ 200216 w 311753"/>
                  <a:gd name="connsiteY101" fmla="*/ 50074 h 3398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311753" h="339824">
                    <a:moveTo>
                      <a:pt x="200216" y="50074"/>
                    </a:moveTo>
                    <a:lnTo>
                      <a:pt x="200216" y="63409"/>
                    </a:lnTo>
                    <a:cubicBezTo>
                      <a:pt x="200216" y="68353"/>
                      <a:pt x="204225" y="72363"/>
                      <a:pt x="209169" y="72363"/>
                    </a:cubicBezTo>
                    <a:cubicBezTo>
                      <a:pt x="214114" y="72363"/>
                      <a:pt x="218122" y="68353"/>
                      <a:pt x="218122" y="63409"/>
                    </a:cubicBezTo>
                    <a:lnTo>
                      <a:pt x="218122" y="50074"/>
                    </a:lnTo>
                    <a:cubicBezTo>
                      <a:pt x="218122" y="47655"/>
                      <a:pt x="220084" y="45693"/>
                      <a:pt x="222504" y="45693"/>
                    </a:cubicBezTo>
                    <a:lnTo>
                      <a:pt x="249269" y="45693"/>
                    </a:lnTo>
                    <a:cubicBezTo>
                      <a:pt x="251636" y="45636"/>
                      <a:pt x="253597" y="47512"/>
                      <a:pt x="253651" y="49884"/>
                    </a:cubicBezTo>
                    <a:cubicBezTo>
                      <a:pt x="253653" y="49950"/>
                      <a:pt x="253653" y="50008"/>
                      <a:pt x="253651" y="50074"/>
                    </a:cubicBezTo>
                    <a:lnTo>
                      <a:pt x="253651" y="63409"/>
                    </a:lnTo>
                    <a:cubicBezTo>
                      <a:pt x="253138" y="68381"/>
                      <a:pt x="256754" y="72829"/>
                      <a:pt x="261725" y="73334"/>
                    </a:cubicBezTo>
                    <a:cubicBezTo>
                      <a:pt x="266696" y="73849"/>
                      <a:pt x="271141" y="70239"/>
                      <a:pt x="271653" y="65266"/>
                    </a:cubicBezTo>
                    <a:cubicBezTo>
                      <a:pt x="271717" y="64647"/>
                      <a:pt x="271717" y="64028"/>
                      <a:pt x="271653" y="63409"/>
                    </a:cubicBezTo>
                    <a:lnTo>
                      <a:pt x="271653" y="50074"/>
                    </a:lnTo>
                    <a:cubicBezTo>
                      <a:pt x="271653" y="47655"/>
                      <a:pt x="273614" y="45693"/>
                      <a:pt x="276035" y="45693"/>
                    </a:cubicBezTo>
                    <a:lnTo>
                      <a:pt x="289370" y="45693"/>
                    </a:lnTo>
                    <a:cubicBezTo>
                      <a:pt x="291736" y="45636"/>
                      <a:pt x="293698" y="47512"/>
                      <a:pt x="293751" y="49884"/>
                    </a:cubicBezTo>
                    <a:cubicBezTo>
                      <a:pt x="293753" y="49950"/>
                      <a:pt x="293753" y="50008"/>
                      <a:pt x="293751" y="50074"/>
                    </a:cubicBezTo>
                    <a:lnTo>
                      <a:pt x="293751" y="157040"/>
                    </a:lnTo>
                    <a:cubicBezTo>
                      <a:pt x="294263" y="162012"/>
                      <a:pt x="298708" y="165622"/>
                      <a:pt x="303679" y="165117"/>
                    </a:cubicBezTo>
                    <a:cubicBezTo>
                      <a:pt x="307943" y="164679"/>
                      <a:pt x="311314" y="161307"/>
                      <a:pt x="311753" y="157040"/>
                    </a:cubicBezTo>
                    <a:lnTo>
                      <a:pt x="311753" y="36644"/>
                    </a:lnTo>
                    <a:cubicBezTo>
                      <a:pt x="311753" y="31700"/>
                      <a:pt x="307744" y="27690"/>
                      <a:pt x="302800" y="27690"/>
                    </a:cubicBezTo>
                    <a:lnTo>
                      <a:pt x="275654" y="27690"/>
                    </a:lnTo>
                    <a:cubicBezTo>
                      <a:pt x="273255" y="27643"/>
                      <a:pt x="271323" y="25709"/>
                      <a:pt x="271272" y="23309"/>
                    </a:cubicBezTo>
                    <a:lnTo>
                      <a:pt x="271272" y="9974"/>
                    </a:lnTo>
                    <a:cubicBezTo>
                      <a:pt x="271784" y="5002"/>
                      <a:pt x="268169" y="554"/>
                      <a:pt x="263198" y="49"/>
                    </a:cubicBezTo>
                    <a:cubicBezTo>
                      <a:pt x="258227" y="-466"/>
                      <a:pt x="253782" y="3145"/>
                      <a:pt x="253270" y="8116"/>
                    </a:cubicBezTo>
                    <a:cubicBezTo>
                      <a:pt x="253206" y="8736"/>
                      <a:pt x="253206" y="9355"/>
                      <a:pt x="253270" y="9974"/>
                    </a:cubicBezTo>
                    <a:lnTo>
                      <a:pt x="253270" y="23309"/>
                    </a:lnTo>
                    <a:cubicBezTo>
                      <a:pt x="253270" y="25728"/>
                      <a:pt x="251309" y="27690"/>
                      <a:pt x="248888" y="27690"/>
                    </a:cubicBezTo>
                    <a:lnTo>
                      <a:pt x="222504" y="27690"/>
                    </a:lnTo>
                    <a:cubicBezTo>
                      <a:pt x="220106" y="27643"/>
                      <a:pt x="218173" y="25709"/>
                      <a:pt x="218122" y="23309"/>
                    </a:cubicBezTo>
                    <a:lnTo>
                      <a:pt x="218122" y="9974"/>
                    </a:lnTo>
                    <a:cubicBezTo>
                      <a:pt x="218122" y="5030"/>
                      <a:pt x="214113" y="1020"/>
                      <a:pt x="209169" y="1020"/>
                    </a:cubicBezTo>
                    <a:cubicBezTo>
                      <a:pt x="204224" y="1020"/>
                      <a:pt x="200216" y="5030"/>
                      <a:pt x="200216" y="9974"/>
                    </a:cubicBezTo>
                    <a:lnTo>
                      <a:pt x="200216" y="23309"/>
                    </a:lnTo>
                    <a:cubicBezTo>
                      <a:pt x="200165" y="25709"/>
                      <a:pt x="198232" y="27643"/>
                      <a:pt x="195834" y="27690"/>
                    </a:cubicBezTo>
                    <a:lnTo>
                      <a:pt x="169069" y="27690"/>
                    </a:lnTo>
                    <a:cubicBezTo>
                      <a:pt x="166670" y="27643"/>
                      <a:pt x="164738" y="25709"/>
                      <a:pt x="164687" y="23309"/>
                    </a:cubicBezTo>
                    <a:lnTo>
                      <a:pt x="164687" y="9974"/>
                    </a:lnTo>
                    <a:cubicBezTo>
                      <a:pt x="165200" y="5002"/>
                      <a:pt x="161584" y="554"/>
                      <a:pt x="156613" y="49"/>
                    </a:cubicBezTo>
                    <a:cubicBezTo>
                      <a:pt x="151642" y="-466"/>
                      <a:pt x="147197" y="3145"/>
                      <a:pt x="146685" y="8116"/>
                    </a:cubicBezTo>
                    <a:cubicBezTo>
                      <a:pt x="146621" y="8736"/>
                      <a:pt x="146621" y="9355"/>
                      <a:pt x="146685" y="9974"/>
                    </a:cubicBezTo>
                    <a:lnTo>
                      <a:pt x="146685" y="23309"/>
                    </a:lnTo>
                    <a:cubicBezTo>
                      <a:pt x="146685" y="25728"/>
                      <a:pt x="144724" y="27690"/>
                      <a:pt x="142303" y="27690"/>
                    </a:cubicBezTo>
                    <a:lnTo>
                      <a:pt x="115538" y="27690"/>
                    </a:lnTo>
                    <a:cubicBezTo>
                      <a:pt x="113140" y="27643"/>
                      <a:pt x="111207" y="25709"/>
                      <a:pt x="111157" y="23309"/>
                    </a:cubicBezTo>
                    <a:lnTo>
                      <a:pt x="111157" y="9974"/>
                    </a:lnTo>
                    <a:cubicBezTo>
                      <a:pt x="111157" y="5030"/>
                      <a:pt x="107148" y="1020"/>
                      <a:pt x="102203" y="1020"/>
                    </a:cubicBezTo>
                    <a:cubicBezTo>
                      <a:pt x="97259" y="1020"/>
                      <a:pt x="93250" y="5030"/>
                      <a:pt x="93250" y="9974"/>
                    </a:cubicBezTo>
                    <a:lnTo>
                      <a:pt x="93250" y="23309"/>
                    </a:lnTo>
                    <a:cubicBezTo>
                      <a:pt x="93199" y="25709"/>
                      <a:pt x="91267" y="27643"/>
                      <a:pt x="88868" y="27690"/>
                    </a:cubicBezTo>
                    <a:lnTo>
                      <a:pt x="62103" y="27690"/>
                    </a:lnTo>
                    <a:cubicBezTo>
                      <a:pt x="59684" y="27690"/>
                      <a:pt x="57721" y="25728"/>
                      <a:pt x="57721" y="23309"/>
                    </a:cubicBezTo>
                    <a:lnTo>
                      <a:pt x="57721" y="9974"/>
                    </a:lnTo>
                    <a:cubicBezTo>
                      <a:pt x="58234" y="5002"/>
                      <a:pt x="54618" y="554"/>
                      <a:pt x="49647" y="49"/>
                    </a:cubicBezTo>
                    <a:cubicBezTo>
                      <a:pt x="44676" y="-466"/>
                      <a:pt x="40232" y="3145"/>
                      <a:pt x="39719" y="8116"/>
                    </a:cubicBezTo>
                    <a:cubicBezTo>
                      <a:pt x="39655" y="8736"/>
                      <a:pt x="39655" y="9355"/>
                      <a:pt x="39719" y="9974"/>
                    </a:cubicBezTo>
                    <a:lnTo>
                      <a:pt x="39719" y="23309"/>
                    </a:lnTo>
                    <a:cubicBezTo>
                      <a:pt x="39719" y="25728"/>
                      <a:pt x="37758" y="27690"/>
                      <a:pt x="35338" y="27690"/>
                    </a:cubicBezTo>
                    <a:lnTo>
                      <a:pt x="8953" y="27690"/>
                    </a:lnTo>
                    <a:cubicBezTo>
                      <a:pt x="4009" y="27690"/>
                      <a:pt x="0" y="31700"/>
                      <a:pt x="0" y="36644"/>
                    </a:cubicBezTo>
                    <a:lnTo>
                      <a:pt x="0" y="330871"/>
                    </a:lnTo>
                    <a:cubicBezTo>
                      <a:pt x="0" y="335815"/>
                      <a:pt x="4009" y="339825"/>
                      <a:pt x="8953" y="339825"/>
                    </a:cubicBezTo>
                    <a:lnTo>
                      <a:pt x="155734" y="339825"/>
                    </a:lnTo>
                    <a:cubicBezTo>
                      <a:pt x="160705" y="339310"/>
                      <a:pt x="164320" y="334872"/>
                      <a:pt x="163808" y="329900"/>
                    </a:cubicBezTo>
                    <a:cubicBezTo>
                      <a:pt x="163369" y="325632"/>
                      <a:pt x="159998" y="322261"/>
                      <a:pt x="155734" y="321822"/>
                    </a:cubicBezTo>
                    <a:lnTo>
                      <a:pt x="22384" y="321822"/>
                    </a:lnTo>
                    <a:cubicBezTo>
                      <a:pt x="20017" y="321880"/>
                      <a:pt x="18056" y="320003"/>
                      <a:pt x="18002" y="317631"/>
                    </a:cubicBezTo>
                    <a:cubicBezTo>
                      <a:pt x="18000" y="317565"/>
                      <a:pt x="18000" y="317508"/>
                      <a:pt x="18002" y="317441"/>
                    </a:cubicBezTo>
                    <a:lnTo>
                      <a:pt x="18002" y="50074"/>
                    </a:lnTo>
                    <a:cubicBezTo>
                      <a:pt x="17949" y="47712"/>
                      <a:pt x="19824" y="45750"/>
                      <a:pt x="22191" y="45693"/>
                    </a:cubicBezTo>
                    <a:cubicBezTo>
                      <a:pt x="22255" y="45693"/>
                      <a:pt x="22320" y="45693"/>
                      <a:pt x="22384" y="45693"/>
                    </a:cubicBezTo>
                    <a:lnTo>
                      <a:pt x="35719" y="45693"/>
                    </a:lnTo>
                    <a:cubicBezTo>
                      <a:pt x="38086" y="45636"/>
                      <a:pt x="40047" y="47512"/>
                      <a:pt x="40100" y="49884"/>
                    </a:cubicBezTo>
                    <a:cubicBezTo>
                      <a:pt x="40102" y="49950"/>
                      <a:pt x="40102" y="50008"/>
                      <a:pt x="40100" y="50074"/>
                    </a:cubicBezTo>
                    <a:lnTo>
                      <a:pt x="40100" y="63409"/>
                    </a:lnTo>
                    <a:cubicBezTo>
                      <a:pt x="39588" y="68381"/>
                      <a:pt x="43203" y="72829"/>
                      <a:pt x="48175" y="73334"/>
                    </a:cubicBezTo>
                    <a:cubicBezTo>
                      <a:pt x="53146" y="73849"/>
                      <a:pt x="57590" y="70239"/>
                      <a:pt x="58102" y="65266"/>
                    </a:cubicBezTo>
                    <a:cubicBezTo>
                      <a:pt x="58166" y="64647"/>
                      <a:pt x="58166" y="64028"/>
                      <a:pt x="58102" y="63409"/>
                    </a:cubicBezTo>
                    <a:lnTo>
                      <a:pt x="58102" y="50074"/>
                    </a:lnTo>
                    <a:cubicBezTo>
                      <a:pt x="58049" y="47712"/>
                      <a:pt x="59925" y="45750"/>
                      <a:pt x="62292" y="45693"/>
                    </a:cubicBezTo>
                    <a:cubicBezTo>
                      <a:pt x="62355" y="45693"/>
                      <a:pt x="62420" y="45693"/>
                      <a:pt x="62484" y="45693"/>
                    </a:cubicBezTo>
                    <a:lnTo>
                      <a:pt x="89249" y="45693"/>
                    </a:lnTo>
                    <a:cubicBezTo>
                      <a:pt x="91670" y="45693"/>
                      <a:pt x="93631" y="47655"/>
                      <a:pt x="93631" y="50074"/>
                    </a:cubicBezTo>
                    <a:lnTo>
                      <a:pt x="93631" y="63409"/>
                    </a:lnTo>
                    <a:cubicBezTo>
                      <a:pt x="93631" y="68353"/>
                      <a:pt x="97640" y="72363"/>
                      <a:pt x="102584" y="72363"/>
                    </a:cubicBezTo>
                    <a:cubicBezTo>
                      <a:pt x="107529" y="72363"/>
                      <a:pt x="111538" y="68353"/>
                      <a:pt x="111538" y="63409"/>
                    </a:cubicBezTo>
                    <a:lnTo>
                      <a:pt x="111538" y="50074"/>
                    </a:lnTo>
                    <a:cubicBezTo>
                      <a:pt x="111538" y="47655"/>
                      <a:pt x="113499" y="45693"/>
                      <a:pt x="115919" y="45693"/>
                    </a:cubicBezTo>
                    <a:lnTo>
                      <a:pt x="142303" y="45693"/>
                    </a:lnTo>
                    <a:cubicBezTo>
                      <a:pt x="144670" y="45636"/>
                      <a:pt x="146632" y="47512"/>
                      <a:pt x="146685" y="49884"/>
                    </a:cubicBezTo>
                    <a:cubicBezTo>
                      <a:pt x="146687" y="49950"/>
                      <a:pt x="146687" y="50008"/>
                      <a:pt x="146685" y="50074"/>
                    </a:cubicBezTo>
                    <a:lnTo>
                      <a:pt x="146685" y="63409"/>
                    </a:lnTo>
                    <a:cubicBezTo>
                      <a:pt x="146173" y="68381"/>
                      <a:pt x="149788" y="72829"/>
                      <a:pt x="154759" y="73334"/>
                    </a:cubicBezTo>
                    <a:cubicBezTo>
                      <a:pt x="159730" y="73849"/>
                      <a:pt x="164175" y="70239"/>
                      <a:pt x="164687" y="65266"/>
                    </a:cubicBezTo>
                    <a:cubicBezTo>
                      <a:pt x="164751" y="64647"/>
                      <a:pt x="164751" y="64028"/>
                      <a:pt x="164687" y="63409"/>
                    </a:cubicBezTo>
                    <a:lnTo>
                      <a:pt x="164687" y="50074"/>
                    </a:lnTo>
                    <a:cubicBezTo>
                      <a:pt x="164687" y="47655"/>
                      <a:pt x="166648" y="45693"/>
                      <a:pt x="169069" y="45693"/>
                    </a:cubicBezTo>
                    <a:lnTo>
                      <a:pt x="195834" y="45693"/>
                    </a:lnTo>
                    <a:cubicBezTo>
                      <a:pt x="198254" y="45693"/>
                      <a:pt x="200216" y="47655"/>
                      <a:pt x="200216" y="5007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49" name="Graphic 2">
                <a:extLst>
                  <a:ext uri="{FF2B5EF4-FFF2-40B4-BE49-F238E27FC236}">
                    <a16:creationId xmlns:a16="http://schemas.microsoft.com/office/drawing/2014/main" id="{E68C55C3-613A-E7E4-2A05-58C71EB2967E}"/>
                  </a:ext>
                </a:extLst>
              </p:cNvPr>
              <p:cNvSpPr/>
              <p:nvPr/>
            </p:nvSpPr>
            <p:spPr>
              <a:xfrm>
                <a:off x="1339786" y="3074034"/>
                <a:ext cx="231838" cy="231838"/>
              </a:xfrm>
              <a:custGeom>
                <a:avLst/>
                <a:gdLst>
                  <a:gd name="connsiteX0" fmla="*/ 116110 w 231838"/>
                  <a:gd name="connsiteY0" fmla="*/ 0 h 231838"/>
                  <a:gd name="connsiteX1" fmla="*/ 0 w 231838"/>
                  <a:gd name="connsiteY1" fmla="*/ 115729 h 231838"/>
                  <a:gd name="connsiteX2" fmla="*/ 115729 w 231838"/>
                  <a:gd name="connsiteY2" fmla="*/ 231839 h 231838"/>
                  <a:gd name="connsiteX3" fmla="*/ 231839 w 231838"/>
                  <a:gd name="connsiteY3" fmla="*/ 116110 h 231838"/>
                  <a:gd name="connsiteX4" fmla="*/ 231839 w 231838"/>
                  <a:gd name="connsiteY4" fmla="*/ 115920 h 231838"/>
                  <a:gd name="connsiteX5" fmla="*/ 116110 w 231838"/>
                  <a:gd name="connsiteY5" fmla="*/ 0 h 231838"/>
                  <a:gd name="connsiteX6" fmla="*/ 116110 w 231838"/>
                  <a:gd name="connsiteY6" fmla="*/ 213932 h 231838"/>
                  <a:gd name="connsiteX7" fmla="*/ 18002 w 231838"/>
                  <a:gd name="connsiteY7" fmla="*/ 116015 h 231838"/>
                  <a:gd name="connsiteX8" fmla="*/ 115919 w 231838"/>
                  <a:gd name="connsiteY8" fmla="*/ 17907 h 231838"/>
                  <a:gd name="connsiteX9" fmla="*/ 214027 w 231838"/>
                  <a:gd name="connsiteY9" fmla="*/ 115824 h 231838"/>
                  <a:gd name="connsiteX10" fmla="*/ 214027 w 231838"/>
                  <a:gd name="connsiteY10" fmla="*/ 115920 h 231838"/>
                  <a:gd name="connsiteX11" fmla="*/ 116110 w 231838"/>
                  <a:gd name="connsiteY11" fmla="*/ 213932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31838" h="231838">
                    <a:moveTo>
                      <a:pt x="116110" y="0"/>
                    </a:moveTo>
                    <a:cubicBezTo>
                      <a:pt x="52089" y="-104"/>
                      <a:pt x="106" y="51711"/>
                      <a:pt x="0" y="115729"/>
                    </a:cubicBezTo>
                    <a:cubicBezTo>
                      <a:pt x="-105" y="179746"/>
                      <a:pt x="51708" y="231734"/>
                      <a:pt x="115729" y="231839"/>
                    </a:cubicBezTo>
                    <a:cubicBezTo>
                      <a:pt x="179749" y="231944"/>
                      <a:pt x="231733" y="180128"/>
                      <a:pt x="231839" y="116110"/>
                    </a:cubicBezTo>
                    <a:cubicBezTo>
                      <a:pt x="231839" y="116043"/>
                      <a:pt x="231839" y="115986"/>
                      <a:pt x="231839" y="115920"/>
                    </a:cubicBezTo>
                    <a:cubicBezTo>
                      <a:pt x="231734" y="52016"/>
                      <a:pt x="180012" y="210"/>
                      <a:pt x="116110" y="0"/>
                    </a:cubicBezTo>
                    <a:close/>
                    <a:moveTo>
                      <a:pt x="116110" y="213932"/>
                    </a:moveTo>
                    <a:cubicBezTo>
                      <a:pt x="61979" y="213989"/>
                      <a:pt x="18055" y="170145"/>
                      <a:pt x="18002" y="116015"/>
                    </a:cubicBezTo>
                    <a:cubicBezTo>
                      <a:pt x="17950" y="61884"/>
                      <a:pt x="61789" y="17964"/>
                      <a:pt x="115919" y="17907"/>
                    </a:cubicBezTo>
                    <a:cubicBezTo>
                      <a:pt x="170050" y="17850"/>
                      <a:pt x="213974" y="61694"/>
                      <a:pt x="214027" y="115824"/>
                    </a:cubicBezTo>
                    <a:cubicBezTo>
                      <a:pt x="214027" y="115853"/>
                      <a:pt x="214027" y="115891"/>
                      <a:pt x="214027" y="115920"/>
                    </a:cubicBezTo>
                    <a:cubicBezTo>
                      <a:pt x="213974" y="169993"/>
                      <a:pt x="170181" y="213827"/>
                      <a:pt x="116110" y="21393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0" name="Graphic 2">
                <a:extLst>
                  <a:ext uri="{FF2B5EF4-FFF2-40B4-BE49-F238E27FC236}">
                    <a16:creationId xmlns:a16="http://schemas.microsoft.com/office/drawing/2014/main" id="{42144B74-6B64-17C4-CEAB-0281E50466C6}"/>
                  </a:ext>
                </a:extLst>
              </p:cNvPr>
              <p:cNvSpPr/>
              <p:nvPr/>
            </p:nvSpPr>
            <p:spPr>
              <a:xfrm>
                <a:off x="1446799" y="3126926"/>
                <a:ext cx="84725" cy="72362"/>
              </a:xfrm>
              <a:custGeom>
                <a:avLst/>
                <a:gdLst>
                  <a:gd name="connsiteX0" fmla="*/ 75962 w 84725"/>
                  <a:gd name="connsiteY0" fmla="*/ 54075 h 72362"/>
                  <a:gd name="connsiteX1" fmla="*/ 22432 w 84725"/>
                  <a:gd name="connsiteY1" fmla="*/ 54075 h 72362"/>
                  <a:gd name="connsiteX2" fmla="*/ 18050 w 84725"/>
                  <a:gd name="connsiteY2" fmla="*/ 49693 h 72362"/>
                  <a:gd name="connsiteX3" fmla="*/ 18050 w 84725"/>
                  <a:gd name="connsiteY3" fmla="*/ 9974 h 72362"/>
                  <a:gd name="connsiteX4" fmla="*/ 9976 w 84725"/>
                  <a:gd name="connsiteY4" fmla="*/ 49 h 72362"/>
                  <a:gd name="connsiteX5" fmla="*/ 48 w 84725"/>
                  <a:gd name="connsiteY5" fmla="*/ 8116 h 72362"/>
                  <a:gd name="connsiteX6" fmla="*/ 48 w 84725"/>
                  <a:gd name="connsiteY6" fmla="*/ 9974 h 72362"/>
                  <a:gd name="connsiteX7" fmla="*/ 48 w 84725"/>
                  <a:gd name="connsiteY7" fmla="*/ 63409 h 72362"/>
                  <a:gd name="connsiteX8" fmla="*/ 9097 w 84725"/>
                  <a:gd name="connsiteY8" fmla="*/ 72363 h 72362"/>
                  <a:gd name="connsiteX9" fmla="*/ 75772 w 84725"/>
                  <a:gd name="connsiteY9" fmla="*/ 72363 h 72362"/>
                  <a:gd name="connsiteX10" fmla="*/ 84725 w 84725"/>
                  <a:gd name="connsiteY10" fmla="*/ 63409 h 72362"/>
                  <a:gd name="connsiteX11" fmla="*/ 75772 w 84725"/>
                  <a:gd name="connsiteY11" fmla="*/ 54456 h 723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725" h="72362">
                    <a:moveTo>
                      <a:pt x="75962" y="54075"/>
                    </a:moveTo>
                    <a:lnTo>
                      <a:pt x="22432" y="54075"/>
                    </a:lnTo>
                    <a:cubicBezTo>
                      <a:pt x="20033" y="54027"/>
                      <a:pt x="18101" y="52093"/>
                      <a:pt x="18050" y="49693"/>
                    </a:cubicBezTo>
                    <a:lnTo>
                      <a:pt x="18050" y="9974"/>
                    </a:lnTo>
                    <a:cubicBezTo>
                      <a:pt x="18563" y="5002"/>
                      <a:pt x="14947" y="554"/>
                      <a:pt x="9976" y="49"/>
                    </a:cubicBezTo>
                    <a:cubicBezTo>
                      <a:pt x="5005" y="-465"/>
                      <a:pt x="560" y="3145"/>
                      <a:pt x="48" y="8116"/>
                    </a:cubicBezTo>
                    <a:cubicBezTo>
                      <a:pt x="-16" y="8736"/>
                      <a:pt x="-16" y="9355"/>
                      <a:pt x="48" y="9974"/>
                    </a:cubicBezTo>
                    <a:lnTo>
                      <a:pt x="48" y="63409"/>
                    </a:lnTo>
                    <a:cubicBezTo>
                      <a:pt x="335" y="68267"/>
                      <a:pt x="4236" y="72124"/>
                      <a:pt x="9097" y="72363"/>
                    </a:cubicBezTo>
                    <a:lnTo>
                      <a:pt x="75772" y="72363"/>
                    </a:lnTo>
                    <a:cubicBezTo>
                      <a:pt x="80716" y="72363"/>
                      <a:pt x="84725" y="68353"/>
                      <a:pt x="84725" y="63409"/>
                    </a:cubicBezTo>
                    <a:cubicBezTo>
                      <a:pt x="84725" y="58466"/>
                      <a:pt x="80716" y="54456"/>
                      <a:pt x="75772" y="544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251" name="Group 250">
            <a:extLst>
              <a:ext uri="{FF2B5EF4-FFF2-40B4-BE49-F238E27FC236}">
                <a16:creationId xmlns:a16="http://schemas.microsoft.com/office/drawing/2014/main" id="{5B8B69CC-2F9B-C629-454D-1F6EC35FBFB4}"/>
              </a:ext>
            </a:extLst>
          </p:cNvPr>
          <p:cNvGrpSpPr/>
          <p:nvPr/>
        </p:nvGrpSpPr>
        <p:grpSpPr>
          <a:xfrm>
            <a:off x="644475" y="3525880"/>
            <a:ext cx="924825" cy="694800"/>
            <a:chOff x="713196" y="5038546"/>
            <a:chExt cx="924825" cy="694800"/>
          </a:xfrm>
        </p:grpSpPr>
        <p:sp>
          <p:nvSpPr>
            <p:cNvPr id="252" name="Rectangle 251">
              <a:extLst>
                <a:ext uri="{FF2B5EF4-FFF2-40B4-BE49-F238E27FC236}">
                  <a16:creationId xmlns:a16="http://schemas.microsoft.com/office/drawing/2014/main" id="{E4E22F44-29B6-1AE3-5B9D-A9736EBEEC8B}"/>
                </a:ext>
              </a:extLst>
            </p:cNvPr>
            <p:cNvSpPr>
              <a:spLocks/>
            </p:cNvSpPr>
            <p:nvPr/>
          </p:nvSpPr>
          <p:spPr>
            <a:xfrm>
              <a:off x="713196" y="5038546"/>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53" name="Group 252">
              <a:extLst>
                <a:ext uri="{FF2B5EF4-FFF2-40B4-BE49-F238E27FC236}">
                  <a16:creationId xmlns:a16="http://schemas.microsoft.com/office/drawing/2014/main" id="{DF120266-8639-5016-3BD5-4B33F47E2542}"/>
                </a:ext>
              </a:extLst>
            </p:cNvPr>
            <p:cNvGrpSpPr/>
            <p:nvPr/>
          </p:nvGrpSpPr>
          <p:grpSpPr>
            <a:xfrm>
              <a:off x="901736" y="5121767"/>
              <a:ext cx="541616" cy="543550"/>
              <a:chOff x="1153096" y="2885848"/>
              <a:chExt cx="418528" cy="420024"/>
            </a:xfrm>
          </p:grpSpPr>
          <p:sp>
            <p:nvSpPr>
              <p:cNvPr id="254" name="Graphic 2">
                <a:extLst>
                  <a:ext uri="{FF2B5EF4-FFF2-40B4-BE49-F238E27FC236}">
                    <a16:creationId xmlns:a16="http://schemas.microsoft.com/office/drawing/2014/main" id="{60FF923B-BFAB-093E-2F61-C4D006DC24BD}"/>
                  </a:ext>
                </a:extLst>
              </p:cNvPr>
              <p:cNvSpPr/>
              <p:nvPr/>
            </p:nvSpPr>
            <p:spPr>
              <a:xfrm>
                <a:off x="1160335" y="2922111"/>
                <a:ext cx="295560" cy="294608"/>
              </a:xfrm>
              <a:custGeom>
                <a:avLst/>
                <a:gdLst>
                  <a:gd name="connsiteX0" fmla="*/ 0 w 295560"/>
                  <a:gd name="connsiteY0" fmla="*/ 0 h 294608"/>
                  <a:gd name="connsiteX1" fmla="*/ 295561 w 295560"/>
                  <a:gd name="connsiteY1" fmla="*/ 0 h 294608"/>
                  <a:gd name="connsiteX2" fmla="*/ 295561 w 295560"/>
                  <a:gd name="connsiteY2" fmla="*/ 294608 h 294608"/>
                  <a:gd name="connsiteX3" fmla="*/ 0 w 295560"/>
                  <a:gd name="connsiteY3" fmla="*/ 294608 h 294608"/>
                </a:gdLst>
                <a:ahLst/>
                <a:cxnLst>
                  <a:cxn ang="0">
                    <a:pos x="connsiteX0" y="connsiteY0"/>
                  </a:cxn>
                  <a:cxn ang="0">
                    <a:pos x="connsiteX1" y="connsiteY1"/>
                  </a:cxn>
                  <a:cxn ang="0">
                    <a:pos x="connsiteX2" y="connsiteY2"/>
                  </a:cxn>
                  <a:cxn ang="0">
                    <a:pos x="connsiteX3" y="connsiteY3"/>
                  </a:cxn>
                </a:cxnLst>
                <a:rect l="l" t="t" r="r" b="b"/>
                <a:pathLst>
                  <a:path w="295560" h="294608">
                    <a:moveTo>
                      <a:pt x="0" y="0"/>
                    </a:moveTo>
                    <a:lnTo>
                      <a:pt x="295561" y="0"/>
                    </a:lnTo>
                    <a:lnTo>
                      <a:pt x="295561" y="294608"/>
                    </a:lnTo>
                    <a:lnTo>
                      <a:pt x="0" y="294608"/>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5" name="Graphic 2">
                <a:extLst>
                  <a:ext uri="{FF2B5EF4-FFF2-40B4-BE49-F238E27FC236}">
                    <a16:creationId xmlns:a16="http://schemas.microsoft.com/office/drawing/2014/main" id="{27B9A6D5-1263-3ABE-6DDD-5E4B0329AEC1}"/>
                  </a:ext>
                </a:extLst>
              </p:cNvPr>
              <p:cNvSpPr/>
              <p:nvPr/>
            </p:nvSpPr>
            <p:spPr>
              <a:xfrm>
                <a:off x="1353502" y="3087560"/>
                <a:ext cx="204787" cy="204787"/>
              </a:xfrm>
              <a:custGeom>
                <a:avLst/>
                <a:gdLst>
                  <a:gd name="connsiteX0" fmla="*/ 204787 w 204787"/>
                  <a:gd name="connsiteY0" fmla="*/ 102394 h 204787"/>
                  <a:gd name="connsiteX1" fmla="*/ 102394 w 204787"/>
                  <a:gd name="connsiteY1" fmla="*/ 204788 h 204787"/>
                  <a:gd name="connsiteX2" fmla="*/ 0 w 204787"/>
                  <a:gd name="connsiteY2" fmla="*/ 102394 h 204787"/>
                  <a:gd name="connsiteX3" fmla="*/ 102394 w 204787"/>
                  <a:gd name="connsiteY3" fmla="*/ 0 h 204787"/>
                  <a:gd name="connsiteX4" fmla="*/ 204787 w 204787"/>
                  <a:gd name="connsiteY4" fmla="*/ 102394 h 2047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787" h="204787">
                    <a:moveTo>
                      <a:pt x="204787" y="102394"/>
                    </a:moveTo>
                    <a:cubicBezTo>
                      <a:pt x="204787" y="158944"/>
                      <a:pt x="158944" y="204788"/>
                      <a:pt x="102394" y="204788"/>
                    </a:cubicBezTo>
                    <a:cubicBezTo>
                      <a:pt x="45843" y="204788"/>
                      <a:pt x="0" y="158944"/>
                      <a:pt x="0" y="102394"/>
                    </a:cubicBezTo>
                    <a:cubicBezTo>
                      <a:pt x="0" y="45843"/>
                      <a:pt x="45843" y="0"/>
                      <a:pt x="102394" y="0"/>
                    </a:cubicBezTo>
                    <a:cubicBezTo>
                      <a:pt x="158944" y="0"/>
                      <a:pt x="204787" y="45843"/>
                      <a:pt x="204787" y="102394"/>
                    </a:cubicBez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6" name="Graphic 2">
                <a:extLst>
                  <a:ext uri="{FF2B5EF4-FFF2-40B4-BE49-F238E27FC236}">
                    <a16:creationId xmlns:a16="http://schemas.microsoft.com/office/drawing/2014/main" id="{D80BD498-8E08-694E-13DD-F055F737A85E}"/>
                  </a:ext>
                </a:extLst>
              </p:cNvPr>
              <p:cNvSpPr/>
              <p:nvPr/>
            </p:nvSpPr>
            <p:spPr>
              <a:xfrm>
                <a:off x="1219581"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7" name="Graphic 2">
                <a:extLst>
                  <a:ext uri="{FF2B5EF4-FFF2-40B4-BE49-F238E27FC236}">
                    <a16:creationId xmlns:a16="http://schemas.microsoft.com/office/drawing/2014/main" id="{291463D2-9150-3F76-3728-4CDD4C18479E}"/>
                  </a:ext>
                </a:extLst>
              </p:cNvPr>
              <p:cNvSpPr/>
              <p:nvPr/>
            </p:nvSpPr>
            <p:spPr>
              <a:xfrm>
                <a:off x="1273016"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8" name="Graphic 2">
                <a:extLst>
                  <a:ext uri="{FF2B5EF4-FFF2-40B4-BE49-F238E27FC236}">
                    <a16:creationId xmlns:a16="http://schemas.microsoft.com/office/drawing/2014/main" id="{245E4CAD-9F5E-C9F5-2D95-132D9A990BE9}"/>
                  </a:ext>
                </a:extLst>
              </p:cNvPr>
              <p:cNvSpPr/>
              <p:nvPr/>
            </p:nvSpPr>
            <p:spPr>
              <a:xfrm>
                <a:off x="1326546"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59" name="Graphic 2">
                <a:extLst>
                  <a:ext uri="{FF2B5EF4-FFF2-40B4-BE49-F238E27FC236}">
                    <a16:creationId xmlns:a16="http://schemas.microsoft.com/office/drawing/2014/main" id="{BB862DDC-A4D3-A623-2B62-15B323EB6E80}"/>
                  </a:ext>
                </a:extLst>
              </p:cNvPr>
              <p:cNvSpPr/>
              <p:nvPr/>
            </p:nvSpPr>
            <p:spPr>
              <a:xfrm>
                <a:off x="1380077"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0" name="Graphic 2">
                <a:extLst>
                  <a:ext uri="{FF2B5EF4-FFF2-40B4-BE49-F238E27FC236}">
                    <a16:creationId xmlns:a16="http://schemas.microsoft.com/office/drawing/2014/main" id="{AF544BF2-20D8-D1E2-A922-6AD41DC422F4}"/>
                  </a:ext>
                </a:extLst>
              </p:cNvPr>
              <p:cNvSpPr/>
              <p:nvPr/>
            </p:nvSpPr>
            <p:spPr>
              <a:xfrm>
                <a:off x="1219581"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1" name="Graphic 2">
                <a:extLst>
                  <a:ext uri="{FF2B5EF4-FFF2-40B4-BE49-F238E27FC236}">
                    <a16:creationId xmlns:a16="http://schemas.microsoft.com/office/drawing/2014/main" id="{FEA1D37C-5014-330E-204D-55AB6B868115}"/>
                  </a:ext>
                </a:extLst>
              </p:cNvPr>
              <p:cNvSpPr/>
              <p:nvPr/>
            </p:nvSpPr>
            <p:spPr>
              <a:xfrm>
                <a:off x="1273016"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2" name="Graphic 2">
                <a:extLst>
                  <a:ext uri="{FF2B5EF4-FFF2-40B4-BE49-F238E27FC236}">
                    <a16:creationId xmlns:a16="http://schemas.microsoft.com/office/drawing/2014/main" id="{C4462402-3943-89A9-D0DA-A7A1D1376B35}"/>
                  </a:ext>
                </a:extLst>
              </p:cNvPr>
              <p:cNvSpPr/>
              <p:nvPr/>
            </p:nvSpPr>
            <p:spPr>
              <a:xfrm>
                <a:off x="1326546"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3" name="Graphic 2">
                <a:extLst>
                  <a:ext uri="{FF2B5EF4-FFF2-40B4-BE49-F238E27FC236}">
                    <a16:creationId xmlns:a16="http://schemas.microsoft.com/office/drawing/2014/main" id="{756A07D2-966D-B6CE-B62A-F713243D3A35}"/>
                  </a:ext>
                </a:extLst>
              </p:cNvPr>
              <p:cNvSpPr/>
              <p:nvPr/>
            </p:nvSpPr>
            <p:spPr>
              <a:xfrm>
                <a:off x="1380077"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4" name="Graphic 2">
                <a:extLst>
                  <a:ext uri="{FF2B5EF4-FFF2-40B4-BE49-F238E27FC236}">
                    <a16:creationId xmlns:a16="http://schemas.microsoft.com/office/drawing/2014/main" id="{2D275C27-C510-1141-A356-1ED4CC0D0795}"/>
                  </a:ext>
                </a:extLst>
              </p:cNvPr>
              <p:cNvSpPr/>
              <p:nvPr/>
            </p:nvSpPr>
            <p:spPr>
              <a:xfrm>
                <a:off x="1219581"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5" name="Graphic 2">
                <a:extLst>
                  <a:ext uri="{FF2B5EF4-FFF2-40B4-BE49-F238E27FC236}">
                    <a16:creationId xmlns:a16="http://schemas.microsoft.com/office/drawing/2014/main" id="{7EED85D1-B2F5-0DDB-B1B7-C0A446FA5AEB}"/>
                  </a:ext>
                </a:extLst>
              </p:cNvPr>
              <p:cNvSpPr/>
              <p:nvPr/>
            </p:nvSpPr>
            <p:spPr>
              <a:xfrm>
                <a:off x="1273016"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6" name="Graphic 2">
                <a:extLst>
                  <a:ext uri="{FF2B5EF4-FFF2-40B4-BE49-F238E27FC236}">
                    <a16:creationId xmlns:a16="http://schemas.microsoft.com/office/drawing/2014/main" id="{9E5B5195-4D25-38DA-6F81-B5C17EF3FC4F}"/>
                  </a:ext>
                </a:extLst>
              </p:cNvPr>
              <p:cNvSpPr/>
              <p:nvPr/>
            </p:nvSpPr>
            <p:spPr>
              <a:xfrm>
                <a:off x="1219581"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7" name="Graphic 2">
                <a:extLst>
                  <a:ext uri="{FF2B5EF4-FFF2-40B4-BE49-F238E27FC236}">
                    <a16:creationId xmlns:a16="http://schemas.microsoft.com/office/drawing/2014/main" id="{468E4EA9-2206-0033-BAE6-08DF108E6740}"/>
                  </a:ext>
                </a:extLst>
              </p:cNvPr>
              <p:cNvSpPr/>
              <p:nvPr/>
            </p:nvSpPr>
            <p:spPr>
              <a:xfrm>
                <a:off x="1273016"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8" name="Graphic 2">
                <a:extLst>
                  <a:ext uri="{FF2B5EF4-FFF2-40B4-BE49-F238E27FC236}">
                    <a16:creationId xmlns:a16="http://schemas.microsoft.com/office/drawing/2014/main" id="{38FF6BC1-B8D7-ACB7-3494-571CD5F90738}"/>
                  </a:ext>
                </a:extLst>
              </p:cNvPr>
              <p:cNvSpPr/>
              <p:nvPr/>
            </p:nvSpPr>
            <p:spPr>
              <a:xfrm>
                <a:off x="1326546" y="3100705"/>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69" name="Graphic 2">
                <a:extLst>
                  <a:ext uri="{FF2B5EF4-FFF2-40B4-BE49-F238E27FC236}">
                    <a16:creationId xmlns:a16="http://schemas.microsoft.com/office/drawing/2014/main" id="{CFE3BAA5-CEDF-AD5A-6BF6-7918CE33D677}"/>
                  </a:ext>
                </a:extLst>
              </p:cNvPr>
              <p:cNvSpPr/>
              <p:nvPr/>
            </p:nvSpPr>
            <p:spPr>
              <a:xfrm>
                <a:off x="1153096" y="2885848"/>
                <a:ext cx="311753" cy="339824"/>
              </a:xfrm>
              <a:custGeom>
                <a:avLst/>
                <a:gdLst>
                  <a:gd name="connsiteX0" fmla="*/ 200216 w 311753"/>
                  <a:gd name="connsiteY0" fmla="*/ 50074 h 339824"/>
                  <a:gd name="connsiteX1" fmla="*/ 200216 w 311753"/>
                  <a:gd name="connsiteY1" fmla="*/ 63409 h 339824"/>
                  <a:gd name="connsiteX2" fmla="*/ 209169 w 311753"/>
                  <a:gd name="connsiteY2" fmla="*/ 72363 h 339824"/>
                  <a:gd name="connsiteX3" fmla="*/ 218122 w 311753"/>
                  <a:gd name="connsiteY3" fmla="*/ 63409 h 339824"/>
                  <a:gd name="connsiteX4" fmla="*/ 218122 w 311753"/>
                  <a:gd name="connsiteY4" fmla="*/ 50074 h 339824"/>
                  <a:gd name="connsiteX5" fmla="*/ 222504 w 311753"/>
                  <a:gd name="connsiteY5" fmla="*/ 45693 h 339824"/>
                  <a:gd name="connsiteX6" fmla="*/ 249269 w 311753"/>
                  <a:gd name="connsiteY6" fmla="*/ 45693 h 339824"/>
                  <a:gd name="connsiteX7" fmla="*/ 253651 w 311753"/>
                  <a:gd name="connsiteY7" fmla="*/ 49884 h 339824"/>
                  <a:gd name="connsiteX8" fmla="*/ 253651 w 311753"/>
                  <a:gd name="connsiteY8" fmla="*/ 50074 h 339824"/>
                  <a:gd name="connsiteX9" fmla="*/ 253651 w 311753"/>
                  <a:gd name="connsiteY9" fmla="*/ 63409 h 339824"/>
                  <a:gd name="connsiteX10" fmla="*/ 261725 w 311753"/>
                  <a:gd name="connsiteY10" fmla="*/ 73334 h 339824"/>
                  <a:gd name="connsiteX11" fmla="*/ 271653 w 311753"/>
                  <a:gd name="connsiteY11" fmla="*/ 65266 h 339824"/>
                  <a:gd name="connsiteX12" fmla="*/ 271653 w 311753"/>
                  <a:gd name="connsiteY12" fmla="*/ 63409 h 339824"/>
                  <a:gd name="connsiteX13" fmla="*/ 271653 w 311753"/>
                  <a:gd name="connsiteY13" fmla="*/ 50074 h 339824"/>
                  <a:gd name="connsiteX14" fmla="*/ 276035 w 311753"/>
                  <a:gd name="connsiteY14" fmla="*/ 45693 h 339824"/>
                  <a:gd name="connsiteX15" fmla="*/ 289370 w 311753"/>
                  <a:gd name="connsiteY15" fmla="*/ 45693 h 339824"/>
                  <a:gd name="connsiteX16" fmla="*/ 293751 w 311753"/>
                  <a:gd name="connsiteY16" fmla="*/ 49884 h 339824"/>
                  <a:gd name="connsiteX17" fmla="*/ 293751 w 311753"/>
                  <a:gd name="connsiteY17" fmla="*/ 50074 h 339824"/>
                  <a:gd name="connsiteX18" fmla="*/ 293751 w 311753"/>
                  <a:gd name="connsiteY18" fmla="*/ 157040 h 339824"/>
                  <a:gd name="connsiteX19" fmla="*/ 303679 w 311753"/>
                  <a:gd name="connsiteY19" fmla="*/ 165117 h 339824"/>
                  <a:gd name="connsiteX20" fmla="*/ 311753 w 311753"/>
                  <a:gd name="connsiteY20" fmla="*/ 157040 h 339824"/>
                  <a:gd name="connsiteX21" fmla="*/ 311753 w 311753"/>
                  <a:gd name="connsiteY21" fmla="*/ 36644 h 339824"/>
                  <a:gd name="connsiteX22" fmla="*/ 302800 w 311753"/>
                  <a:gd name="connsiteY22" fmla="*/ 27690 h 339824"/>
                  <a:gd name="connsiteX23" fmla="*/ 275654 w 311753"/>
                  <a:gd name="connsiteY23" fmla="*/ 27690 h 339824"/>
                  <a:gd name="connsiteX24" fmla="*/ 271272 w 311753"/>
                  <a:gd name="connsiteY24" fmla="*/ 23309 h 339824"/>
                  <a:gd name="connsiteX25" fmla="*/ 271272 w 311753"/>
                  <a:gd name="connsiteY25" fmla="*/ 9974 h 339824"/>
                  <a:gd name="connsiteX26" fmla="*/ 263198 w 311753"/>
                  <a:gd name="connsiteY26" fmla="*/ 49 h 339824"/>
                  <a:gd name="connsiteX27" fmla="*/ 253270 w 311753"/>
                  <a:gd name="connsiteY27" fmla="*/ 8116 h 339824"/>
                  <a:gd name="connsiteX28" fmla="*/ 253270 w 311753"/>
                  <a:gd name="connsiteY28" fmla="*/ 9974 h 339824"/>
                  <a:gd name="connsiteX29" fmla="*/ 253270 w 311753"/>
                  <a:gd name="connsiteY29" fmla="*/ 23309 h 339824"/>
                  <a:gd name="connsiteX30" fmla="*/ 248888 w 311753"/>
                  <a:gd name="connsiteY30" fmla="*/ 27690 h 339824"/>
                  <a:gd name="connsiteX31" fmla="*/ 222504 w 311753"/>
                  <a:gd name="connsiteY31" fmla="*/ 27690 h 339824"/>
                  <a:gd name="connsiteX32" fmla="*/ 218122 w 311753"/>
                  <a:gd name="connsiteY32" fmla="*/ 23309 h 339824"/>
                  <a:gd name="connsiteX33" fmla="*/ 218122 w 311753"/>
                  <a:gd name="connsiteY33" fmla="*/ 9974 h 339824"/>
                  <a:gd name="connsiteX34" fmla="*/ 209169 w 311753"/>
                  <a:gd name="connsiteY34" fmla="*/ 1020 h 339824"/>
                  <a:gd name="connsiteX35" fmla="*/ 200216 w 311753"/>
                  <a:gd name="connsiteY35" fmla="*/ 9974 h 339824"/>
                  <a:gd name="connsiteX36" fmla="*/ 200216 w 311753"/>
                  <a:gd name="connsiteY36" fmla="*/ 23309 h 339824"/>
                  <a:gd name="connsiteX37" fmla="*/ 195834 w 311753"/>
                  <a:gd name="connsiteY37" fmla="*/ 27690 h 339824"/>
                  <a:gd name="connsiteX38" fmla="*/ 169069 w 311753"/>
                  <a:gd name="connsiteY38" fmla="*/ 27690 h 339824"/>
                  <a:gd name="connsiteX39" fmla="*/ 164687 w 311753"/>
                  <a:gd name="connsiteY39" fmla="*/ 23309 h 339824"/>
                  <a:gd name="connsiteX40" fmla="*/ 164687 w 311753"/>
                  <a:gd name="connsiteY40" fmla="*/ 9974 h 339824"/>
                  <a:gd name="connsiteX41" fmla="*/ 156613 w 311753"/>
                  <a:gd name="connsiteY41" fmla="*/ 49 h 339824"/>
                  <a:gd name="connsiteX42" fmla="*/ 146685 w 311753"/>
                  <a:gd name="connsiteY42" fmla="*/ 8116 h 339824"/>
                  <a:gd name="connsiteX43" fmla="*/ 146685 w 311753"/>
                  <a:gd name="connsiteY43" fmla="*/ 9974 h 339824"/>
                  <a:gd name="connsiteX44" fmla="*/ 146685 w 311753"/>
                  <a:gd name="connsiteY44" fmla="*/ 23309 h 339824"/>
                  <a:gd name="connsiteX45" fmla="*/ 142303 w 311753"/>
                  <a:gd name="connsiteY45" fmla="*/ 27690 h 339824"/>
                  <a:gd name="connsiteX46" fmla="*/ 115538 w 311753"/>
                  <a:gd name="connsiteY46" fmla="*/ 27690 h 339824"/>
                  <a:gd name="connsiteX47" fmla="*/ 111157 w 311753"/>
                  <a:gd name="connsiteY47" fmla="*/ 23309 h 339824"/>
                  <a:gd name="connsiteX48" fmla="*/ 111157 w 311753"/>
                  <a:gd name="connsiteY48" fmla="*/ 9974 h 339824"/>
                  <a:gd name="connsiteX49" fmla="*/ 102203 w 311753"/>
                  <a:gd name="connsiteY49" fmla="*/ 1020 h 339824"/>
                  <a:gd name="connsiteX50" fmla="*/ 93250 w 311753"/>
                  <a:gd name="connsiteY50" fmla="*/ 9974 h 339824"/>
                  <a:gd name="connsiteX51" fmla="*/ 93250 w 311753"/>
                  <a:gd name="connsiteY51" fmla="*/ 23309 h 339824"/>
                  <a:gd name="connsiteX52" fmla="*/ 88868 w 311753"/>
                  <a:gd name="connsiteY52" fmla="*/ 27690 h 339824"/>
                  <a:gd name="connsiteX53" fmla="*/ 62103 w 311753"/>
                  <a:gd name="connsiteY53" fmla="*/ 27690 h 339824"/>
                  <a:gd name="connsiteX54" fmla="*/ 57721 w 311753"/>
                  <a:gd name="connsiteY54" fmla="*/ 23309 h 339824"/>
                  <a:gd name="connsiteX55" fmla="*/ 57721 w 311753"/>
                  <a:gd name="connsiteY55" fmla="*/ 9974 h 339824"/>
                  <a:gd name="connsiteX56" fmla="*/ 49647 w 311753"/>
                  <a:gd name="connsiteY56" fmla="*/ 49 h 339824"/>
                  <a:gd name="connsiteX57" fmla="*/ 39719 w 311753"/>
                  <a:gd name="connsiteY57" fmla="*/ 8116 h 339824"/>
                  <a:gd name="connsiteX58" fmla="*/ 39719 w 311753"/>
                  <a:gd name="connsiteY58" fmla="*/ 9974 h 339824"/>
                  <a:gd name="connsiteX59" fmla="*/ 39719 w 311753"/>
                  <a:gd name="connsiteY59" fmla="*/ 23309 h 339824"/>
                  <a:gd name="connsiteX60" fmla="*/ 35338 w 311753"/>
                  <a:gd name="connsiteY60" fmla="*/ 27690 h 339824"/>
                  <a:gd name="connsiteX61" fmla="*/ 8953 w 311753"/>
                  <a:gd name="connsiteY61" fmla="*/ 27690 h 339824"/>
                  <a:gd name="connsiteX62" fmla="*/ 0 w 311753"/>
                  <a:gd name="connsiteY62" fmla="*/ 36644 h 339824"/>
                  <a:gd name="connsiteX63" fmla="*/ 0 w 311753"/>
                  <a:gd name="connsiteY63" fmla="*/ 330871 h 339824"/>
                  <a:gd name="connsiteX64" fmla="*/ 8953 w 311753"/>
                  <a:gd name="connsiteY64" fmla="*/ 339825 h 339824"/>
                  <a:gd name="connsiteX65" fmla="*/ 155734 w 311753"/>
                  <a:gd name="connsiteY65" fmla="*/ 339825 h 339824"/>
                  <a:gd name="connsiteX66" fmla="*/ 163808 w 311753"/>
                  <a:gd name="connsiteY66" fmla="*/ 329900 h 339824"/>
                  <a:gd name="connsiteX67" fmla="*/ 155734 w 311753"/>
                  <a:gd name="connsiteY67" fmla="*/ 321822 h 339824"/>
                  <a:gd name="connsiteX68" fmla="*/ 22384 w 311753"/>
                  <a:gd name="connsiteY68" fmla="*/ 321822 h 339824"/>
                  <a:gd name="connsiteX69" fmla="*/ 18002 w 311753"/>
                  <a:gd name="connsiteY69" fmla="*/ 317631 h 339824"/>
                  <a:gd name="connsiteX70" fmla="*/ 18002 w 311753"/>
                  <a:gd name="connsiteY70" fmla="*/ 317441 h 339824"/>
                  <a:gd name="connsiteX71" fmla="*/ 18002 w 311753"/>
                  <a:gd name="connsiteY71" fmla="*/ 50074 h 339824"/>
                  <a:gd name="connsiteX72" fmla="*/ 22191 w 311753"/>
                  <a:gd name="connsiteY72" fmla="*/ 45693 h 339824"/>
                  <a:gd name="connsiteX73" fmla="*/ 22384 w 311753"/>
                  <a:gd name="connsiteY73" fmla="*/ 45693 h 339824"/>
                  <a:gd name="connsiteX74" fmla="*/ 35719 w 311753"/>
                  <a:gd name="connsiteY74" fmla="*/ 45693 h 339824"/>
                  <a:gd name="connsiteX75" fmla="*/ 40100 w 311753"/>
                  <a:gd name="connsiteY75" fmla="*/ 49884 h 339824"/>
                  <a:gd name="connsiteX76" fmla="*/ 40100 w 311753"/>
                  <a:gd name="connsiteY76" fmla="*/ 50074 h 339824"/>
                  <a:gd name="connsiteX77" fmla="*/ 40100 w 311753"/>
                  <a:gd name="connsiteY77" fmla="*/ 63409 h 339824"/>
                  <a:gd name="connsiteX78" fmla="*/ 48175 w 311753"/>
                  <a:gd name="connsiteY78" fmla="*/ 73334 h 339824"/>
                  <a:gd name="connsiteX79" fmla="*/ 58102 w 311753"/>
                  <a:gd name="connsiteY79" fmla="*/ 65266 h 339824"/>
                  <a:gd name="connsiteX80" fmla="*/ 58102 w 311753"/>
                  <a:gd name="connsiteY80" fmla="*/ 63409 h 339824"/>
                  <a:gd name="connsiteX81" fmla="*/ 58102 w 311753"/>
                  <a:gd name="connsiteY81" fmla="*/ 50074 h 339824"/>
                  <a:gd name="connsiteX82" fmla="*/ 62292 w 311753"/>
                  <a:gd name="connsiteY82" fmla="*/ 45693 h 339824"/>
                  <a:gd name="connsiteX83" fmla="*/ 62484 w 311753"/>
                  <a:gd name="connsiteY83" fmla="*/ 45693 h 339824"/>
                  <a:gd name="connsiteX84" fmla="*/ 89249 w 311753"/>
                  <a:gd name="connsiteY84" fmla="*/ 45693 h 339824"/>
                  <a:gd name="connsiteX85" fmla="*/ 93631 w 311753"/>
                  <a:gd name="connsiteY85" fmla="*/ 50074 h 339824"/>
                  <a:gd name="connsiteX86" fmla="*/ 93631 w 311753"/>
                  <a:gd name="connsiteY86" fmla="*/ 63409 h 339824"/>
                  <a:gd name="connsiteX87" fmla="*/ 102584 w 311753"/>
                  <a:gd name="connsiteY87" fmla="*/ 72363 h 339824"/>
                  <a:gd name="connsiteX88" fmla="*/ 111538 w 311753"/>
                  <a:gd name="connsiteY88" fmla="*/ 63409 h 339824"/>
                  <a:gd name="connsiteX89" fmla="*/ 111538 w 311753"/>
                  <a:gd name="connsiteY89" fmla="*/ 50074 h 339824"/>
                  <a:gd name="connsiteX90" fmla="*/ 115919 w 311753"/>
                  <a:gd name="connsiteY90" fmla="*/ 45693 h 339824"/>
                  <a:gd name="connsiteX91" fmla="*/ 142303 w 311753"/>
                  <a:gd name="connsiteY91" fmla="*/ 45693 h 339824"/>
                  <a:gd name="connsiteX92" fmla="*/ 146685 w 311753"/>
                  <a:gd name="connsiteY92" fmla="*/ 49884 h 339824"/>
                  <a:gd name="connsiteX93" fmla="*/ 146685 w 311753"/>
                  <a:gd name="connsiteY93" fmla="*/ 50074 h 339824"/>
                  <a:gd name="connsiteX94" fmla="*/ 146685 w 311753"/>
                  <a:gd name="connsiteY94" fmla="*/ 63409 h 339824"/>
                  <a:gd name="connsiteX95" fmla="*/ 154759 w 311753"/>
                  <a:gd name="connsiteY95" fmla="*/ 73334 h 339824"/>
                  <a:gd name="connsiteX96" fmla="*/ 164687 w 311753"/>
                  <a:gd name="connsiteY96" fmla="*/ 65266 h 339824"/>
                  <a:gd name="connsiteX97" fmla="*/ 164687 w 311753"/>
                  <a:gd name="connsiteY97" fmla="*/ 63409 h 339824"/>
                  <a:gd name="connsiteX98" fmla="*/ 164687 w 311753"/>
                  <a:gd name="connsiteY98" fmla="*/ 50074 h 339824"/>
                  <a:gd name="connsiteX99" fmla="*/ 169069 w 311753"/>
                  <a:gd name="connsiteY99" fmla="*/ 45693 h 339824"/>
                  <a:gd name="connsiteX100" fmla="*/ 195834 w 311753"/>
                  <a:gd name="connsiteY100" fmla="*/ 45693 h 339824"/>
                  <a:gd name="connsiteX101" fmla="*/ 200216 w 311753"/>
                  <a:gd name="connsiteY101" fmla="*/ 50074 h 3398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311753" h="339824">
                    <a:moveTo>
                      <a:pt x="200216" y="50074"/>
                    </a:moveTo>
                    <a:lnTo>
                      <a:pt x="200216" y="63409"/>
                    </a:lnTo>
                    <a:cubicBezTo>
                      <a:pt x="200216" y="68353"/>
                      <a:pt x="204225" y="72363"/>
                      <a:pt x="209169" y="72363"/>
                    </a:cubicBezTo>
                    <a:cubicBezTo>
                      <a:pt x="214114" y="72363"/>
                      <a:pt x="218122" y="68353"/>
                      <a:pt x="218122" y="63409"/>
                    </a:cubicBezTo>
                    <a:lnTo>
                      <a:pt x="218122" y="50074"/>
                    </a:lnTo>
                    <a:cubicBezTo>
                      <a:pt x="218122" y="47655"/>
                      <a:pt x="220084" y="45693"/>
                      <a:pt x="222504" y="45693"/>
                    </a:cubicBezTo>
                    <a:lnTo>
                      <a:pt x="249269" y="45693"/>
                    </a:lnTo>
                    <a:cubicBezTo>
                      <a:pt x="251636" y="45636"/>
                      <a:pt x="253597" y="47512"/>
                      <a:pt x="253651" y="49884"/>
                    </a:cubicBezTo>
                    <a:cubicBezTo>
                      <a:pt x="253653" y="49950"/>
                      <a:pt x="253653" y="50008"/>
                      <a:pt x="253651" y="50074"/>
                    </a:cubicBezTo>
                    <a:lnTo>
                      <a:pt x="253651" y="63409"/>
                    </a:lnTo>
                    <a:cubicBezTo>
                      <a:pt x="253138" y="68381"/>
                      <a:pt x="256754" y="72829"/>
                      <a:pt x="261725" y="73334"/>
                    </a:cubicBezTo>
                    <a:cubicBezTo>
                      <a:pt x="266696" y="73849"/>
                      <a:pt x="271141" y="70239"/>
                      <a:pt x="271653" y="65266"/>
                    </a:cubicBezTo>
                    <a:cubicBezTo>
                      <a:pt x="271717" y="64647"/>
                      <a:pt x="271717" y="64028"/>
                      <a:pt x="271653" y="63409"/>
                    </a:cubicBezTo>
                    <a:lnTo>
                      <a:pt x="271653" y="50074"/>
                    </a:lnTo>
                    <a:cubicBezTo>
                      <a:pt x="271653" y="47655"/>
                      <a:pt x="273614" y="45693"/>
                      <a:pt x="276035" y="45693"/>
                    </a:cubicBezTo>
                    <a:lnTo>
                      <a:pt x="289370" y="45693"/>
                    </a:lnTo>
                    <a:cubicBezTo>
                      <a:pt x="291736" y="45636"/>
                      <a:pt x="293698" y="47512"/>
                      <a:pt x="293751" y="49884"/>
                    </a:cubicBezTo>
                    <a:cubicBezTo>
                      <a:pt x="293753" y="49950"/>
                      <a:pt x="293753" y="50008"/>
                      <a:pt x="293751" y="50074"/>
                    </a:cubicBezTo>
                    <a:lnTo>
                      <a:pt x="293751" y="157040"/>
                    </a:lnTo>
                    <a:cubicBezTo>
                      <a:pt x="294263" y="162012"/>
                      <a:pt x="298708" y="165622"/>
                      <a:pt x="303679" y="165117"/>
                    </a:cubicBezTo>
                    <a:cubicBezTo>
                      <a:pt x="307943" y="164679"/>
                      <a:pt x="311314" y="161307"/>
                      <a:pt x="311753" y="157040"/>
                    </a:cubicBezTo>
                    <a:lnTo>
                      <a:pt x="311753" y="36644"/>
                    </a:lnTo>
                    <a:cubicBezTo>
                      <a:pt x="311753" y="31700"/>
                      <a:pt x="307744" y="27690"/>
                      <a:pt x="302800" y="27690"/>
                    </a:cubicBezTo>
                    <a:lnTo>
                      <a:pt x="275654" y="27690"/>
                    </a:lnTo>
                    <a:cubicBezTo>
                      <a:pt x="273255" y="27643"/>
                      <a:pt x="271323" y="25709"/>
                      <a:pt x="271272" y="23309"/>
                    </a:cubicBezTo>
                    <a:lnTo>
                      <a:pt x="271272" y="9974"/>
                    </a:lnTo>
                    <a:cubicBezTo>
                      <a:pt x="271784" y="5002"/>
                      <a:pt x="268169" y="554"/>
                      <a:pt x="263198" y="49"/>
                    </a:cubicBezTo>
                    <a:cubicBezTo>
                      <a:pt x="258227" y="-466"/>
                      <a:pt x="253782" y="3145"/>
                      <a:pt x="253270" y="8116"/>
                    </a:cubicBezTo>
                    <a:cubicBezTo>
                      <a:pt x="253206" y="8736"/>
                      <a:pt x="253206" y="9355"/>
                      <a:pt x="253270" y="9974"/>
                    </a:cubicBezTo>
                    <a:lnTo>
                      <a:pt x="253270" y="23309"/>
                    </a:lnTo>
                    <a:cubicBezTo>
                      <a:pt x="253270" y="25728"/>
                      <a:pt x="251309" y="27690"/>
                      <a:pt x="248888" y="27690"/>
                    </a:cubicBezTo>
                    <a:lnTo>
                      <a:pt x="222504" y="27690"/>
                    </a:lnTo>
                    <a:cubicBezTo>
                      <a:pt x="220106" y="27643"/>
                      <a:pt x="218173" y="25709"/>
                      <a:pt x="218122" y="23309"/>
                    </a:cubicBezTo>
                    <a:lnTo>
                      <a:pt x="218122" y="9974"/>
                    </a:lnTo>
                    <a:cubicBezTo>
                      <a:pt x="218122" y="5030"/>
                      <a:pt x="214113" y="1020"/>
                      <a:pt x="209169" y="1020"/>
                    </a:cubicBezTo>
                    <a:cubicBezTo>
                      <a:pt x="204224" y="1020"/>
                      <a:pt x="200216" y="5030"/>
                      <a:pt x="200216" y="9974"/>
                    </a:cubicBezTo>
                    <a:lnTo>
                      <a:pt x="200216" y="23309"/>
                    </a:lnTo>
                    <a:cubicBezTo>
                      <a:pt x="200165" y="25709"/>
                      <a:pt x="198232" y="27643"/>
                      <a:pt x="195834" y="27690"/>
                    </a:cubicBezTo>
                    <a:lnTo>
                      <a:pt x="169069" y="27690"/>
                    </a:lnTo>
                    <a:cubicBezTo>
                      <a:pt x="166670" y="27643"/>
                      <a:pt x="164738" y="25709"/>
                      <a:pt x="164687" y="23309"/>
                    </a:cubicBezTo>
                    <a:lnTo>
                      <a:pt x="164687" y="9974"/>
                    </a:lnTo>
                    <a:cubicBezTo>
                      <a:pt x="165200" y="5002"/>
                      <a:pt x="161584" y="554"/>
                      <a:pt x="156613" y="49"/>
                    </a:cubicBezTo>
                    <a:cubicBezTo>
                      <a:pt x="151642" y="-466"/>
                      <a:pt x="147197" y="3145"/>
                      <a:pt x="146685" y="8116"/>
                    </a:cubicBezTo>
                    <a:cubicBezTo>
                      <a:pt x="146621" y="8736"/>
                      <a:pt x="146621" y="9355"/>
                      <a:pt x="146685" y="9974"/>
                    </a:cubicBezTo>
                    <a:lnTo>
                      <a:pt x="146685" y="23309"/>
                    </a:lnTo>
                    <a:cubicBezTo>
                      <a:pt x="146685" y="25728"/>
                      <a:pt x="144724" y="27690"/>
                      <a:pt x="142303" y="27690"/>
                    </a:cubicBezTo>
                    <a:lnTo>
                      <a:pt x="115538" y="27690"/>
                    </a:lnTo>
                    <a:cubicBezTo>
                      <a:pt x="113140" y="27643"/>
                      <a:pt x="111207" y="25709"/>
                      <a:pt x="111157" y="23309"/>
                    </a:cubicBezTo>
                    <a:lnTo>
                      <a:pt x="111157" y="9974"/>
                    </a:lnTo>
                    <a:cubicBezTo>
                      <a:pt x="111157" y="5030"/>
                      <a:pt x="107148" y="1020"/>
                      <a:pt x="102203" y="1020"/>
                    </a:cubicBezTo>
                    <a:cubicBezTo>
                      <a:pt x="97259" y="1020"/>
                      <a:pt x="93250" y="5030"/>
                      <a:pt x="93250" y="9974"/>
                    </a:cubicBezTo>
                    <a:lnTo>
                      <a:pt x="93250" y="23309"/>
                    </a:lnTo>
                    <a:cubicBezTo>
                      <a:pt x="93199" y="25709"/>
                      <a:pt x="91267" y="27643"/>
                      <a:pt x="88868" y="27690"/>
                    </a:cubicBezTo>
                    <a:lnTo>
                      <a:pt x="62103" y="27690"/>
                    </a:lnTo>
                    <a:cubicBezTo>
                      <a:pt x="59684" y="27690"/>
                      <a:pt x="57721" y="25728"/>
                      <a:pt x="57721" y="23309"/>
                    </a:cubicBezTo>
                    <a:lnTo>
                      <a:pt x="57721" y="9974"/>
                    </a:lnTo>
                    <a:cubicBezTo>
                      <a:pt x="58234" y="5002"/>
                      <a:pt x="54618" y="554"/>
                      <a:pt x="49647" y="49"/>
                    </a:cubicBezTo>
                    <a:cubicBezTo>
                      <a:pt x="44676" y="-466"/>
                      <a:pt x="40232" y="3145"/>
                      <a:pt x="39719" y="8116"/>
                    </a:cubicBezTo>
                    <a:cubicBezTo>
                      <a:pt x="39655" y="8736"/>
                      <a:pt x="39655" y="9355"/>
                      <a:pt x="39719" y="9974"/>
                    </a:cubicBezTo>
                    <a:lnTo>
                      <a:pt x="39719" y="23309"/>
                    </a:lnTo>
                    <a:cubicBezTo>
                      <a:pt x="39719" y="25728"/>
                      <a:pt x="37758" y="27690"/>
                      <a:pt x="35338" y="27690"/>
                    </a:cubicBezTo>
                    <a:lnTo>
                      <a:pt x="8953" y="27690"/>
                    </a:lnTo>
                    <a:cubicBezTo>
                      <a:pt x="4009" y="27690"/>
                      <a:pt x="0" y="31700"/>
                      <a:pt x="0" y="36644"/>
                    </a:cubicBezTo>
                    <a:lnTo>
                      <a:pt x="0" y="330871"/>
                    </a:lnTo>
                    <a:cubicBezTo>
                      <a:pt x="0" y="335815"/>
                      <a:pt x="4009" y="339825"/>
                      <a:pt x="8953" y="339825"/>
                    </a:cubicBezTo>
                    <a:lnTo>
                      <a:pt x="155734" y="339825"/>
                    </a:lnTo>
                    <a:cubicBezTo>
                      <a:pt x="160705" y="339310"/>
                      <a:pt x="164320" y="334872"/>
                      <a:pt x="163808" y="329900"/>
                    </a:cubicBezTo>
                    <a:cubicBezTo>
                      <a:pt x="163369" y="325632"/>
                      <a:pt x="159998" y="322261"/>
                      <a:pt x="155734" y="321822"/>
                    </a:cubicBezTo>
                    <a:lnTo>
                      <a:pt x="22384" y="321822"/>
                    </a:lnTo>
                    <a:cubicBezTo>
                      <a:pt x="20017" y="321880"/>
                      <a:pt x="18056" y="320003"/>
                      <a:pt x="18002" y="317631"/>
                    </a:cubicBezTo>
                    <a:cubicBezTo>
                      <a:pt x="18000" y="317565"/>
                      <a:pt x="18000" y="317508"/>
                      <a:pt x="18002" y="317441"/>
                    </a:cubicBezTo>
                    <a:lnTo>
                      <a:pt x="18002" y="50074"/>
                    </a:lnTo>
                    <a:cubicBezTo>
                      <a:pt x="17949" y="47712"/>
                      <a:pt x="19824" y="45750"/>
                      <a:pt x="22191" y="45693"/>
                    </a:cubicBezTo>
                    <a:cubicBezTo>
                      <a:pt x="22255" y="45693"/>
                      <a:pt x="22320" y="45693"/>
                      <a:pt x="22384" y="45693"/>
                    </a:cubicBezTo>
                    <a:lnTo>
                      <a:pt x="35719" y="45693"/>
                    </a:lnTo>
                    <a:cubicBezTo>
                      <a:pt x="38086" y="45636"/>
                      <a:pt x="40047" y="47512"/>
                      <a:pt x="40100" y="49884"/>
                    </a:cubicBezTo>
                    <a:cubicBezTo>
                      <a:pt x="40102" y="49950"/>
                      <a:pt x="40102" y="50008"/>
                      <a:pt x="40100" y="50074"/>
                    </a:cubicBezTo>
                    <a:lnTo>
                      <a:pt x="40100" y="63409"/>
                    </a:lnTo>
                    <a:cubicBezTo>
                      <a:pt x="39588" y="68381"/>
                      <a:pt x="43203" y="72829"/>
                      <a:pt x="48175" y="73334"/>
                    </a:cubicBezTo>
                    <a:cubicBezTo>
                      <a:pt x="53146" y="73849"/>
                      <a:pt x="57590" y="70239"/>
                      <a:pt x="58102" y="65266"/>
                    </a:cubicBezTo>
                    <a:cubicBezTo>
                      <a:pt x="58166" y="64647"/>
                      <a:pt x="58166" y="64028"/>
                      <a:pt x="58102" y="63409"/>
                    </a:cubicBezTo>
                    <a:lnTo>
                      <a:pt x="58102" y="50074"/>
                    </a:lnTo>
                    <a:cubicBezTo>
                      <a:pt x="58049" y="47712"/>
                      <a:pt x="59925" y="45750"/>
                      <a:pt x="62292" y="45693"/>
                    </a:cubicBezTo>
                    <a:cubicBezTo>
                      <a:pt x="62355" y="45693"/>
                      <a:pt x="62420" y="45693"/>
                      <a:pt x="62484" y="45693"/>
                    </a:cubicBezTo>
                    <a:lnTo>
                      <a:pt x="89249" y="45693"/>
                    </a:lnTo>
                    <a:cubicBezTo>
                      <a:pt x="91670" y="45693"/>
                      <a:pt x="93631" y="47655"/>
                      <a:pt x="93631" y="50074"/>
                    </a:cubicBezTo>
                    <a:lnTo>
                      <a:pt x="93631" y="63409"/>
                    </a:lnTo>
                    <a:cubicBezTo>
                      <a:pt x="93631" y="68353"/>
                      <a:pt x="97640" y="72363"/>
                      <a:pt x="102584" y="72363"/>
                    </a:cubicBezTo>
                    <a:cubicBezTo>
                      <a:pt x="107529" y="72363"/>
                      <a:pt x="111538" y="68353"/>
                      <a:pt x="111538" y="63409"/>
                    </a:cubicBezTo>
                    <a:lnTo>
                      <a:pt x="111538" y="50074"/>
                    </a:lnTo>
                    <a:cubicBezTo>
                      <a:pt x="111538" y="47655"/>
                      <a:pt x="113499" y="45693"/>
                      <a:pt x="115919" y="45693"/>
                    </a:cubicBezTo>
                    <a:lnTo>
                      <a:pt x="142303" y="45693"/>
                    </a:lnTo>
                    <a:cubicBezTo>
                      <a:pt x="144670" y="45636"/>
                      <a:pt x="146632" y="47512"/>
                      <a:pt x="146685" y="49884"/>
                    </a:cubicBezTo>
                    <a:cubicBezTo>
                      <a:pt x="146687" y="49950"/>
                      <a:pt x="146687" y="50008"/>
                      <a:pt x="146685" y="50074"/>
                    </a:cubicBezTo>
                    <a:lnTo>
                      <a:pt x="146685" y="63409"/>
                    </a:lnTo>
                    <a:cubicBezTo>
                      <a:pt x="146173" y="68381"/>
                      <a:pt x="149788" y="72829"/>
                      <a:pt x="154759" y="73334"/>
                    </a:cubicBezTo>
                    <a:cubicBezTo>
                      <a:pt x="159730" y="73849"/>
                      <a:pt x="164175" y="70239"/>
                      <a:pt x="164687" y="65266"/>
                    </a:cubicBezTo>
                    <a:cubicBezTo>
                      <a:pt x="164751" y="64647"/>
                      <a:pt x="164751" y="64028"/>
                      <a:pt x="164687" y="63409"/>
                    </a:cubicBezTo>
                    <a:lnTo>
                      <a:pt x="164687" y="50074"/>
                    </a:lnTo>
                    <a:cubicBezTo>
                      <a:pt x="164687" y="47655"/>
                      <a:pt x="166648" y="45693"/>
                      <a:pt x="169069" y="45693"/>
                    </a:cubicBezTo>
                    <a:lnTo>
                      <a:pt x="195834" y="45693"/>
                    </a:lnTo>
                    <a:cubicBezTo>
                      <a:pt x="198254" y="45693"/>
                      <a:pt x="200216" y="47655"/>
                      <a:pt x="200216" y="5007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0" name="Graphic 2">
                <a:extLst>
                  <a:ext uri="{FF2B5EF4-FFF2-40B4-BE49-F238E27FC236}">
                    <a16:creationId xmlns:a16="http://schemas.microsoft.com/office/drawing/2014/main" id="{26A85C33-6628-14AA-67C8-86F648145E11}"/>
                  </a:ext>
                </a:extLst>
              </p:cNvPr>
              <p:cNvSpPr/>
              <p:nvPr/>
            </p:nvSpPr>
            <p:spPr>
              <a:xfrm>
                <a:off x="1339786" y="3074034"/>
                <a:ext cx="231838" cy="231838"/>
              </a:xfrm>
              <a:custGeom>
                <a:avLst/>
                <a:gdLst>
                  <a:gd name="connsiteX0" fmla="*/ 116110 w 231838"/>
                  <a:gd name="connsiteY0" fmla="*/ 0 h 231838"/>
                  <a:gd name="connsiteX1" fmla="*/ 0 w 231838"/>
                  <a:gd name="connsiteY1" fmla="*/ 115729 h 231838"/>
                  <a:gd name="connsiteX2" fmla="*/ 115729 w 231838"/>
                  <a:gd name="connsiteY2" fmla="*/ 231839 h 231838"/>
                  <a:gd name="connsiteX3" fmla="*/ 231839 w 231838"/>
                  <a:gd name="connsiteY3" fmla="*/ 116110 h 231838"/>
                  <a:gd name="connsiteX4" fmla="*/ 231839 w 231838"/>
                  <a:gd name="connsiteY4" fmla="*/ 115920 h 231838"/>
                  <a:gd name="connsiteX5" fmla="*/ 116110 w 231838"/>
                  <a:gd name="connsiteY5" fmla="*/ 0 h 231838"/>
                  <a:gd name="connsiteX6" fmla="*/ 116110 w 231838"/>
                  <a:gd name="connsiteY6" fmla="*/ 213932 h 231838"/>
                  <a:gd name="connsiteX7" fmla="*/ 18002 w 231838"/>
                  <a:gd name="connsiteY7" fmla="*/ 116015 h 231838"/>
                  <a:gd name="connsiteX8" fmla="*/ 115919 w 231838"/>
                  <a:gd name="connsiteY8" fmla="*/ 17907 h 231838"/>
                  <a:gd name="connsiteX9" fmla="*/ 214027 w 231838"/>
                  <a:gd name="connsiteY9" fmla="*/ 115824 h 231838"/>
                  <a:gd name="connsiteX10" fmla="*/ 214027 w 231838"/>
                  <a:gd name="connsiteY10" fmla="*/ 115920 h 231838"/>
                  <a:gd name="connsiteX11" fmla="*/ 116110 w 231838"/>
                  <a:gd name="connsiteY11" fmla="*/ 213932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31838" h="231838">
                    <a:moveTo>
                      <a:pt x="116110" y="0"/>
                    </a:moveTo>
                    <a:cubicBezTo>
                      <a:pt x="52089" y="-104"/>
                      <a:pt x="106" y="51711"/>
                      <a:pt x="0" y="115729"/>
                    </a:cubicBezTo>
                    <a:cubicBezTo>
                      <a:pt x="-105" y="179746"/>
                      <a:pt x="51708" y="231734"/>
                      <a:pt x="115729" y="231839"/>
                    </a:cubicBezTo>
                    <a:cubicBezTo>
                      <a:pt x="179749" y="231944"/>
                      <a:pt x="231733" y="180128"/>
                      <a:pt x="231839" y="116110"/>
                    </a:cubicBezTo>
                    <a:cubicBezTo>
                      <a:pt x="231839" y="116043"/>
                      <a:pt x="231839" y="115986"/>
                      <a:pt x="231839" y="115920"/>
                    </a:cubicBezTo>
                    <a:cubicBezTo>
                      <a:pt x="231734" y="52016"/>
                      <a:pt x="180012" y="210"/>
                      <a:pt x="116110" y="0"/>
                    </a:cubicBezTo>
                    <a:close/>
                    <a:moveTo>
                      <a:pt x="116110" y="213932"/>
                    </a:moveTo>
                    <a:cubicBezTo>
                      <a:pt x="61979" y="213989"/>
                      <a:pt x="18055" y="170145"/>
                      <a:pt x="18002" y="116015"/>
                    </a:cubicBezTo>
                    <a:cubicBezTo>
                      <a:pt x="17950" y="61884"/>
                      <a:pt x="61789" y="17964"/>
                      <a:pt x="115919" y="17907"/>
                    </a:cubicBezTo>
                    <a:cubicBezTo>
                      <a:pt x="170050" y="17850"/>
                      <a:pt x="213974" y="61694"/>
                      <a:pt x="214027" y="115824"/>
                    </a:cubicBezTo>
                    <a:cubicBezTo>
                      <a:pt x="214027" y="115853"/>
                      <a:pt x="214027" y="115891"/>
                      <a:pt x="214027" y="115920"/>
                    </a:cubicBezTo>
                    <a:cubicBezTo>
                      <a:pt x="213974" y="169993"/>
                      <a:pt x="170181" y="213827"/>
                      <a:pt x="116110" y="21393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1" name="Graphic 2">
                <a:extLst>
                  <a:ext uri="{FF2B5EF4-FFF2-40B4-BE49-F238E27FC236}">
                    <a16:creationId xmlns:a16="http://schemas.microsoft.com/office/drawing/2014/main" id="{C0CB9DD0-34B8-A0A8-9353-EF4535915BAC}"/>
                  </a:ext>
                </a:extLst>
              </p:cNvPr>
              <p:cNvSpPr/>
              <p:nvPr/>
            </p:nvSpPr>
            <p:spPr>
              <a:xfrm>
                <a:off x="1446799" y="3126926"/>
                <a:ext cx="84725" cy="72362"/>
              </a:xfrm>
              <a:custGeom>
                <a:avLst/>
                <a:gdLst>
                  <a:gd name="connsiteX0" fmla="*/ 75962 w 84725"/>
                  <a:gd name="connsiteY0" fmla="*/ 54075 h 72362"/>
                  <a:gd name="connsiteX1" fmla="*/ 22432 w 84725"/>
                  <a:gd name="connsiteY1" fmla="*/ 54075 h 72362"/>
                  <a:gd name="connsiteX2" fmla="*/ 18050 w 84725"/>
                  <a:gd name="connsiteY2" fmla="*/ 49693 h 72362"/>
                  <a:gd name="connsiteX3" fmla="*/ 18050 w 84725"/>
                  <a:gd name="connsiteY3" fmla="*/ 9974 h 72362"/>
                  <a:gd name="connsiteX4" fmla="*/ 9976 w 84725"/>
                  <a:gd name="connsiteY4" fmla="*/ 49 h 72362"/>
                  <a:gd name="connsiteX5" fmla="*/ 48 w 84725"/>
                  <a:gd name="connsiteY5" fmla="*/ 8116 h 72362"/>
                  <a:gd name="connsiteX6" fmla="*/ 48 w 84725"/>
                  <a:gd name="connsiteY6" fmla="*/ 9974 h 72362"/>
                  <a:gd name="connsiteX7" fmla="*/ 48 w 84725"/>
                  <a:gd name="connsiteY7" fmla="*/ 63409 h 72362"/>
                  <a:gd name="connsiteX8" fmla="*/ 9097 w 84725"/>
                  <a:gd name="connsiteY8" fmla="*/ 72363 h 72362"/>
                  <a:gd name="connsiteX9" fmla="*/ 75772 w 84725"/>
                  <a:gd name="connsiteY9" fmla="*/ 72363 h 72362"/>
                  <a:gd name="connsiteX10" fmla="*/ 84725 w 84725"/>
                  <a:gd name="connsiteY10" fmla="*/ 63409 h 72362"/>
                  <a:gd name="connsiteX11" fmla="*/ 75772 w 84725"/>
                  <a:gd name="connsiteY11" fmla="*/ 54456 h 723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725" h="72362">
                    <a:moveTo>
                      <a:pt x="75962" y="54075"/>
                    </a:moveTo>
                    <a:lnTo>
                      <a:pt x="22432" y="54075"/>
                    </a:lnTo>
                    <a:cubicBezTo>
                      <a:pt x="20033" y="54027"/>
                      <a:pt x="18101" y="52093"/>
                      <a:pt x="18050" y="49693"/>
                    </a:cubicBezTo>
                    <a:lnTo>
                      <a:pt x="18050" y="9974"/>
                    </a:lnTo>
                    <a:cubicBezTo>
                      <a:pt x="18563" y="5002"/>
                      <a:pt x="14947" y="554"/>
                      <a:pt x="9976" y="49"/>
                    </a:cubicBezTo>
                    <a:cubicBezTo>
                      <a:pt x="5005" y="-465"/>
                      <a:pt x="560" y="3145"/>
                      <a:pt x="48" y="8116"/>
                    </a:cubicBezTo>
                    <a:cubicBezTo>
                      <a:pt x="-16" y="8736"/>
                      <a:pt x="-16" y="9355"/>
                      <a:pt x="48" y="9974"/>
                    </a:cubicBezTo>
                    <a:lnTo>
                      <a:pt x="48" y="63409"/>
                    </a:lnTo>
                    <a:cubicBezTo>
                      <a:pt x="335" y="68267"/>
                      <a:pt x="4236" y="72124"/>
                      <a:pt x="9097" y="72363"/>
                    </a:cubicBezTo>
                    <a:lnTo>
                      <a:pt x="75772" y="72363"/>
                    </a:lnTo>
                    <a:cubicBezTo>
                      <a:pt x="80716" y="72363"/>
                      <a:pt x="84725" y="68353"/>
                      <a:pt x="84725" y="63409"/>
                    </a:cubicBezTo>
                    <a:cubicBezTo>
                      <a:pt x="84725" y="58466"/>
                      <a:pt x="80716" y="54456"/>
                      <a:pt x="75772" y="544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272" name="Group 271">
            <a:extLst>
              <a:ext uri="{FF2B5EF4-FFF2-40B4-BE49-F238E27FC236}">
                <a16:creationId xmlns:a16="http://schemas.microsoft.com/office/drawing/2014/main" id="{81205AB8-0AB4-223E-CF0E-F5065A685A07}"/>
              </a:ext>
            </a:extLst>
          </p:cNvPr>
          <p:cNvGrpSpPr/>
          <p:nvPr/>
        </p:nvGrpSpPr>
        <p:grpSpPr>
          <a:xfrm>
            <a:off x="644475" y="2677513"/>
            <a:ext cx="924825" cy="694800"/>
            <a:chOff x="713196" y="5038546"/>
            <a:chExt cx="924825" cy="694800"/>
          </a:xfrm>
        </p:grpSpPr>
        <p:sp>
          <p:nvSpPr>
            <p:cNvPr id="273" name="Rectangle 272">
              <a:extLst>
                <a:ext uri="{FF2B5EF4-FFF2-40B4-BE49-F238E27FC236}">
                  <a16:creationId xmlns:a16="http://schemas.microsoft.com/office/drawing/2014/main" id="{FCC57FE8-FC7B-487D-E3EF-A44942F7FE42}"/>
                </a:ext>
              </a:extLst>
            </p:cNvPr>
            <p:cNvSpPr>
              <a:spLocks/>
            </p:cNvSpPr>
            <p:nvPr/>
          </p:nvSpPr>
          <p:spPr>
            <a:xfrm>
              <a:off x="713196" y="5038546"/>
              <a:ext cx="924825" cy="694800"/>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74" name="Group 273">
              <a:extLst>
                <a:ext uri="{FF2B5EF4-FFF2-40B4-BE49-F238E27FC236}">
                  <a16:creationId xmlns:a16="http://schemas.microsoft.com/office/drawing/2014/main" id="{38CBB001-9082-EDDC-5A26-67A2B1AE16B8}"/>
                </a:ext>
              </a:extLst>
            </p:cNvPr>
            <p:cNvGrpSpPr/>
            <p:nvPr/>
          </p:nvGrpSpPr>
          <p:grpSpPr>
            <a:xfrm>
              <a:off x="901736" y="5121767"/>
              <a:ext cx="541616" cy="543550"/>
              <a:chOff x="1153096" y="2885848"/>
              <a:chExt cx="418528" cy="420024"/>
            </a:xfrm>
          </p:grpSpPr>
          <p:sp>
            <p:nvSpPr>
              <p:cNvPr id="275" name="Graphic 2">
                <a:extLst>
                  <a:ext uri="{FF2B5EF4-FFF2-40B4-BE49-F238E27FC236}">
                    <a16:creationId xmlns:a16="http://schemas.microsoft.com/office/drawing/2014/main" id="{032488F2-967A-FE11-ADF2-0EDC50F45F83}"/>
                  </a:ext>
                </a:extLst>
              </p:cNvPr>
              <p:cNvSpPr/>
              <p:nvPr/>
            </p:nvSpPr>
            <p:spPr>
              <a:xfrm>
                <a:off x="1160335" y="2922111"/>
                <a:ext cx="295560" cy="294608"/>
              </a:xfrm>
              <a:custGeom>
                <a:avLst/>
                <a:gdLst>
                  <a:gd name="connsiteX0" fmla="*/ 0 w 295560"/>
                  <a:gd name="connsiteY0" fmla="*/ 0 h 294608"/>
                  <a:gd name="connsiteX1" fmla="*/ 295561 w 295560"/>
                  <a:gd name="connsiteY1" fmla="*/ 0 h 294608"/>
                  <a:gd name="connsiteX2" fmla="*/ 295561 w 295560"/>
                  <a:gd name="connsiteY2" fmla="*/ 294608 h 294608"/>
                  <a:gd name="connsiteX3" fmla="*/ 0 w 295560"/>
                  <a:gd name="connsiteY3" fmla="*/ 294608 h 294608"/>
                </a:gdLst>
                <a:ahLst/>
                <a:cxnLst>
                  <a:cxn ang="0">
                    <a:pos x="connsiteX0" y="connsiteY0"/>
                  </a:cxn>
                  <a:cxn ang="0">
                    <a:pos x="connsiteX1" y="connsiteY1"/>
                  </a:cxn>
                  <a:cxn ang="0">
                    <a:pos x="connsiteX2" y="connsiteY2"/>
                  </a:cxn>
                  <a:cxn ang="0">
                    <a:pos x="connsiteX3" y="connsiteY3"/>
                  </a:cxn>
                </a:cxnLst>
                <a:rect l="l" t="t" r="r" b="b"/>
                <a:pathLst>
                  <a:path w="295560" h="294608">
                    <a:moveTo>
                      <a:pt x="0" y="0"/>
                    </a:moveTo>
                    <a:lnTo>
                      <a:pt x="295561" y="0"/>
                    </a:lnTo>
                    <a:lnTo>
                      <a:pt x="295561" y="294608"/>
                    </a:lnTo>
                    <a:lnTo>
                      <a:pt x="0" y="294608"/>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6" name="Graphic 2">
                <a:extLst>
                  <a:ext uri="{FF2B5EF4-FFF2-40B4-BE49-F238E27FC236}">
                    <a16:creationId xmlns:a16="http://schemas.microsoft.com/office/drawing/2014/main" id="{25ACDA38-CD0B-E13F-17C4-5979A6ABE880}"/>
                  </a:ext>
                </a:extLst>
              </p:cNvPr>
              <p:cNvSpPr/>
              <p:nvPr/>
            </p:nvSpPr>
            <p:spPr>
              <a:xfrm>
                <a:off x="1353502" y="3087560"/>
                <a:ext cx="204787" cy="204787"/>
              </a:xfrm>
              <a:custGeom>
                <a:avLst/>
                <a:gdLst>
                  <a:gd name="connsiteX0" fmla="*/ 204787 w 204787"/>
                  <a:gd name="connsiteY0" fmla="*/ 102394 h 204787"/>
                  <a:gd name="connsiteX1" fmla="*/ 102394 w 204787"/>
                  <a:gd name="connsiteY1" fmla="*/ 204788 h 204787"/>
                  <a:gd name="connsiteX2" fmla="*/ 0 w 204787"/>
                  <a:gd name="connsiteY2" fmla="*/ 102394 h 204787"/>
                  <a:gd name="connsiteX3" fmla="*/ 102394 w 204787"/>
                  <a:gd name="connsiteY3" fmla="*/ 0 h 204787"/>
                  <a:gd name="connsiteX4" fmla="*/ 204787 w 204787"/>
                  <a:gd name="connsiteY4" fmla="*/ 102394 h 2047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787" h="204787">
                    <a:moveTo>
                      <a:pt x="204787" y="102394"/>
                    </a:moveTo>
                    <a:cubicBezTo>
                      <a:pt x="204787" y="158944"/>
                      <a:pt x="158944" y="204788"/>
                      <a:pt x="102394" y="204788"/>
                    </a:cubicBezTo>
                    <a:cubicBezTo>
                      <a:pt x="45843" y="204788"/>
                      <a:pt x="0" y="158944"/>
                      <a:pt x="0" y="102394"/>
                    </a:cubicBezTo>
                    <a:cubicBezTo>
                      <a:pt x="0" y="45843"/>
                      <a:pt x="45843" y="0"/>
                      <a:pt x="102394" y="0"/>
                    </a:cubicBezTo>
                    <a:cubicBezTo>
                      <a:pt x="158944" y="0"/>
                      <a:pt x="204787" y="45843"/>
                      <a:pt x="204787" y="102394"/>
                    </a:cubicBez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7" name="Graphic 2">
                <a:extLst>
                  <a:ext uri="{FF2B5EF4-FFF2-40B4-BE49-F238E27FC236}">
                    <a16:creationId xmlns:a16="http://schemas.microsoft.com/office/drawing/2014/main" id="{3AFCF621-3375-A19F-DED5-730D41558857}"/>
                  </a:ext>
                </a:extLst>
              </p:cNvPr>
              <p:cNvSpPr/>
              <p:nvPr/>
            </p:nvSpPr>
            <p:spPr>
              <a:xfrm>
                <a:off x="1219581"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8" name="Graphic 2">
                <a:extLst>
                  <a:ext uri="{FF2B5EF4-FFF2-40B4-BE49-F238E27FC236}">
                    <a16:creationId xmlns:a16="http://schemas.microsoft.com/office/drawing/2014/main" id="{285A4B3A-559E-FDF3-E8E2-AAB00D9E771A}"/>
                  </a:ext>
                </a:extLst>
              </p:cNvPr>
              <p:cNvSpPr/>
              <p:nvPr/>
            </p:nvSpPr>
            <p:spPr>
              <a:xfrm>
                <a:off x="1273016" y="299373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9" name="Graphic 2">
                <a:extLst>
                  <a:ext uri="{FF2B5EF4-FFF2-40B4-BE49-F238E27FC236}">
                    <a16:creationId xmlns:a16="http://schemas.microsoft.com/office/drawing/2014/main" id="{9707772A-9F0B-AF1F-7CD8-0B7FCE9B29DF}"/>
                  </a:ext>
                </a:extLst>
              </p:cNvPr>
              <p:cNvSpPr/>
              <p:nvPr/>
            </p:nvSpPr>
            <p:spPr>
              <a:xfrm>
                <a:off x="1326546"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0" name="Graphic 2">
                <a:extLst>
                  <a:ext uri="{FF2B5EF4-FFF2-40B4-BE49-F238E27FC236}">
                    <a16:creationId xmlns:a16="http://schemas.microsoft.com/office/drawing/2014/main" id="{28F35E0F-D9A3-68F9-B7C5-F6386F2AA89C}"/>
                  </a:ext>
                </a:extLst>
              </p:cNvPr>
              <p:cNvSpPr/>
              <p:nvPr/>
            </p:nvSpPr>
            <p:spPr>
              <a:xfrm>
                <a:off x="1380077" y="299373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1" name="Graphic 2">
                <a:extLst>
                  <a:ext uri="{FF2B5EF4-FFF2-40B4-BE49-F238E27FC236}">
                    <a16:creationId xmlns:a16="http://schemas.microsoft.com/office/drawing/2014/main" id="{86532DB2-19F1-E654-8EAB-8732A704118F}"/>
                  </a:ext>
                </a:extLst>
              </p:cNvPr>
              <p:cNvSpPr/>
              <p:nvPr/>
            </p:nvSpPr>
            <p:spPr>
              <a:xfrm>
                <a:off x="1219581"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2" name="Graphic 2">
                <a:extLst>
                  <a:ext uri="{FF2B5EF4-FFF2-40B4-BE49-F238E27FC236}">
                    <a16:creationId xmlns:a16="http://schemas.microsoft.com/office/drawing/2014/main" id="{05179616-EDA8-56C8-BA6E-2FFF772739CC}"/>
                  </a:ext>
                </a:extLst>
              </p:cNvPr>
              <p:cNvSpPr/>
              <p:nvPr/>
            </p:nvSpPr>
            <p:spPr>
              <a:xfrm>
                <a:off x="1273016" y="3047269"/>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3" name="Graphic 2">
                <a:extLst>
                  <a:ext uri="{FF2B5EF4-FFF2-40B4-BE49-F238E27FC236}">
                    <a16:creationId xmlns:a16="http://schemas.microsoft.com/office/drawing/2014/main" id="{BC18FB00-2666-0ECC-1587-F598F4806E23}"/>
                  </a:ext>
                </a:extLst>
              </p:cNvPr>
              <p:cNvSpPr/>
              <p:nvPr/>
            </p:nvSpPr>
            <p:spPr>
              <a:xfrm>
                <a:off x="1326546"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4" name="Graphic 2">
                <a:extLst>
                  <a:ext uri="{FF2B5EF4-FFF2-40B4-BE49-F238E27FC236}">
                    <a16:creationId xmlns:a16="http://schemas.microsoft.com/office/drawing/2014/main" id="{9383802B-DF71-3D67-0DAD-3C970F87136B}"/>
                  </a:ext>
                </a:extLst>
              </p:cNvPr>
              <p:cNvSpPr/>
              <p:nvPr/>
            </p:nvSpPr>
            <p:spPr>
              <a:xfrm>
                <a:off x="1380077" y="3047269"/>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5" name="Graphic 2">
                <a:extLst>
                  <a:ext uri="{FF2B5EF4-FFF2-40B4-BE49-F238E27FC236}">
                    <a16:creationId xmlns:a16="http://schemas.microsoft.com/office/drawing/2014/main" id="{63CC3377-C3A0-3DB3-D669-B368B25ECD2D}"/>
                  </a:ext>
                </a:extLst>
              </p:cNvPr>
              <p:cNvSpPr/>
              <p:nvPr/>
            </p:nvSpPr>
            <p:spPr>
              <a:xfrm>
                <a:off x="1219581"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6" name="Graphic 2">
                <a:extLst>
                  <a:ext uri="{FF2B5EF4-FFF2-40B4-BE49-F238E27FC236}">
                    <a16:creationId xmlns:a16="http://schemas.microsoft.com/office/drawing/2014/main" id="{A3B99A8E-8308-C001-3130-7F7C6F0667BA}"/>
                  </a:ext>
                </a:extLst>
              </p:cNvPr>
              <p:cNvSpPr/>
              <p:nvPr/>
            </p:nvSpPr>
            <p:spPr>
              <a:xfrm>
                <a:off x="1273016" y="310070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7" name="Graphic 2">
                <a:extLst>
                  <a:ext uri="{FF2B5EF4-FFF2-40B4-BE49-F238E27FC236}">
                    <a16:creationId xmlns:a16="http://schemas.microsoft.com/office/drawing/2014/main" id="{7F7EE05F-FAF5-EFD8-E21E-C3541BE3AE7F}"/>
                  </a:ext>
                </a:extLst>
              </p:cNvPr>
              <p:cNvSpPr/>
              <p:nvPr/>
            </p:nvSpPr>
            <p:spPr>
              <a:xfrm>
                <a:off x="1219581"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8" name="Graphic 2">
                <a:extLst>
                  <a:ext uri="{FF2B5EF4-FFF2-40B4-BE49-F238E27FC236}">
                    <a16:creationId xmlns:a16="http://schemas.microsoft.com/office/drawing/2014/main" id="{10B479D1-FF0A-1462-581C-5E72168B1286}"/>
                  </a:ext>
                </a:extLst>
              </p:cNvPr>
              <p:cNvSpPr/>
              <p:nvPr/>
            </p:nvSpPr>
            <p:spPr>
              <a:xfrm>
                <a:off x="1273016" y="3154235"/>
                <a:ext cx="18002" cy="18002"/>
              </a:xfrm>
              <a:custGeom>
                <a:avLst/>
                <a:gdLst>
                  <a:gd name="connsiteX0" fmla="*/ 17336 w 18002"/>
                  <a:gd name="connsiteY0" fmla="*/ 0 h 18002"/>
                  <a:gd name="connsiteX1" fmla="*/ 18002 w 18002"/>
                  <a:gd name="connsiteY1" fmla="*/ 0 h 18002"/>
                  <a:gd name="connsiteX2" fmla="*/ 18002 w 18002"/>
                  <a:gd name="connsiteY2" fmla="*/ 18002 h 18002"/>
                  <a:gd name="connsiteX3" fmla="*/ 17336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6" y="0"/>
                    </a:moveTo>
                    <a:cubicBezTo>
                      <a:pt x="17704" y="0"/>
                      <a:pt x="18002" y="0"/>
                      <a:pt x="18002" y="0"/>
                    </a:cubicBezTo>
                    <a:lnTo>
                      <a:pt x="18002" y="18002"/>
                    </a:lnTo>
                    <a:cubicBezTo>
                      <a:pt x="18002" y="18002"/>
                      <a:pt x="17704" y="18002"/>
                      <a:pt x="17336" y="18002"/>
                    </a:cubicBezTo>
                    <a:lnTo>
                      <a:pt x="667" y="18002"/>
                    </a:lnTo>
                    <a:cubicBezTo>
                      <a:pt x="299" y="18002"/>
                      <a:pt x="0" y="18002"/>
                      <a:pt x="0" y="18002"/>
                    </a:cubicBezTo>
                    <a:lnTo>
                      <a:pt x="0" y="0"/>
                    </a:lnTo>
                    <a:cubicBezTo>
                      <a:pt x="0" y="0"/>
                      <a:pt x="299"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89" name="Graphic 2">
                <a:extLst>
                  <a:ext uri="{FF2B5EF4-FFF2-40B4-BE49-F238E27FC236}">
                    <a16:creationId xmlns:a16="http://schemas.microsoft.com/office/drawing/2014/main" id="{BD0F7B2C-FEFE-D31D-FBDC-D6390866B979}"/>
                  </a:ext>
                </a:extLst>
              </p:cNvPr>
              <p:cNvSpPr/>
              <p:nvPr/>
            </p:nvSpPr>
            <p:spPr>
              <a:xfrm>
                <a:off x="1326546" y="3100705"/>
                <a:ext cx="18002" cy="18002"/>
              </a:xfrm>
              <a:custGeom>
                <a:avLst/>
                <a:gdLst>
                  <a:gd name="connsiteX0" fmla="*/ 17335 w 18002"/>
                  <a:gd name="connsiteY0" fmla="*/ 0 h 18002"/>
                  <a:gd name="connsiteX1" fmla="*/ 18002 w 18002"/>
                  <a:gd name="connsiteY1" fmla="*/ 0 h 18002"/>
                  <a:gd name="connsiteX2" fmla="*/ 18002 w 18002"/>
                  <a:gd name="connsiteY2" fmla="*/ 18002 h 18002"/>
                  <a:gd name="connsiteX3" fmla="*/ 17335 w 18002"/>
                  <a:gd name="connsiteY3" fmla="*/ 18002 h 18002"/>
                  <a:gd name="connsiteX4" fmla="*/ 667 w 18002"/>
                  <a:gd name="connsiteY4" fmla="*/ 18002 h 18002"/>
                  <a:gd name="connsiteX5" fmla="*/ 0 w 18002"/>
                  <a:gd name="connsiteY5" fmla="*/ 18002 h 18002"/>
                  <a:gd name="connsiteX6" fmla="*/ 0 w 18002"/>
                  <a:gd name="connsiteY6" fmla="*/ 0 h 18002"/>
                  <a:gd name="connsiteX7" fmla="*/ 667 w 18002"/>
                  <a:gd name="connsiteY7"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02" h="18002">
                    <a:moveTo>
                      <a:pt x="17335" y="0"/>
                    </a:moveTo>
                    <a:cubicBezTo>
                      <a:pt x="17704" y="0"/>
                      <a:pt x="18002" y="0"/>
                      <a:pt x="18002" y="0"/>
                    </a:cubicBezTo>
                    <a:lnTo>
                      <a:pt x="18002" y="18002"/>
                    </a:lnTo>
                    <a:cubicBezTo>
                      <a:pt x="18002" y="18002"/>
                      <a:pt x="17704" y="18002"/>
                      <a:pt x="17335" y="18002"/>
                    </a:cubicBezTo>
                    <a:lnTo>
                      <a:pt x="667" y="18002"/>
                    </a:lnTo>
                    <a:cubicBezTo>
                      <a:pt x="298" y="18002"/>
                      <a:pt x="0" y="18002"/>
                      <a:pt x="0" y="18002"/>
                    </a:cubicBezTo>
                    <a:lnTo>
                      <a:pt x="0" y="0"/>
                    </a:lnTo>
                    <a:cubicBezTo>
                      <a:pt x="0" y="0"/>
                      <a:pt x="298" y="0"/>
                      <a:pt x="667" y="0"/>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90" name="Graphic 2">
                <a:extLst>
                  <a:ext uri="{FF2B5EF4-FFF2-40B4-BE49-F238E27FC236}">
                    <a16:creationId xmlns:a16="http://schemas.microsoft.com/office/drawing/2014/main" id="{CA112CC3-A333-090A-F10C-8BF5A0B62649}"/>
                  </a:ext>
                </a:extLst>
              </p:cNvPr>
              <p:cNvSpPr/>
              <p:nvPr/>
            </p:nvSpPr>
            <p:spPr>
              <a:xfrm>
                <a:off x="1153096" y="2885848"/>
                <a:ext cx="311753" cy="339824"/>
              </a:xfrm>
              <a:custGeom>
                <a:avLst/>
                <a:gdLst>
                  <a:gd name="connsiteX0" fmla="*/ 200216 w 311753"/>
                  <a:gd name="connsiteY0" fmla="*/ 50074 h 339824"/>
                  <a:gd name="connsiteX1" fmla="*/ 200216 w 311753"/>
                  <a:gd name="connsiteY1" fmla="*/ 63409 h 339824"/>
                  <a:gd name="connsiteX2" fmla="*/ 209169 w 311753"/>
                  <a:gd name="connsiteY2" fmla="*/ 72363 h 339824"/>
                  <a:gd name="connsiteX3" fmla="*/ 218122 w 311753"/>
                  <a:gd name="connsiteY3" fmla="*/ 63409 h 339824"/>
                  <a:gd name="connsiteX4" fmla="*/ 218122 w 311753"/>
                  <a:gd name="connsiteY4" fmla="*/ 50074 h 339824"/>
                  <a:gd name="connsiteX5" fmla="*/ 222504 w 311753"/>
                  <a:gd name="connsiteY5" fmla="*/ 45693 h 339824"/>
                  <a:gd name="connsiteX6" fmla="*/ 249269 w 311753"/>
                  <a:gd name="connsiteY6" fmla="*/ 45693 h 339824"/>
                  <a:gd name="connsiteX7" fmla="*/ 253651 w 311753"/>
                  <a:gd name="connsiteY7" fmla="*/ 49884 h 339824"/>
                  <a:gd name="connsiteX8" fmla="*/ 253651 w 311753"/>
                  <a:gd name="connsiteY8" fmla="*/ 50074 h 339824"/>
                  <a:gd name="connsiteX9" fmla="*/ 253651 w 311753"/>
                  <a:gd name="connsiteY9" fmla="*/ 63409 h 339824"/>
                  <a:gd name="connsiteX10" fmla="*/ 261725 w 311753"/>
                  <a:gd name="connsiteY10" fmla="*/ 73334 h 339824"/>
                  <a:gd name="connsiteX11" fmla="*/ 271653 w 311753"/>
                  <a:gd name="connsiteY11" fmla="*/ 65266 h 339824"/>
                  <a:gd name="connsiteX12" fmla="*/ 271653 w 311753"/>
                  <a:gd name="connsiteY12" fmla="*/ 63409 h 339824"/>
                  <a:gd name="connsiteX13" fmla="*/ 271653 w 311753"/>
                  <a:gd name="connsiteY13" fmla="*/ 50074 h 339824"/>
                  <a:gd name="connsiteX14" fmla="*/ 276035 w 311753"/>
                  <a:gd name="connsiteY14" fmla="*/ 45693 h 339824"/>
                  <a:gd name="connsiteX15" fmla="*/ 289370 w 311753"/>
                  <a:gd name="connsiteY15" fmla="*/ 45693 h 339824"/>
                  <a:gd name="connsiteX16" fmla="*/ 293751 w 311753"/>
                  <a:gd name="connsiteY16" fmla="*/ 49884 h 339824"/>
                  <a:gd name="connsiteX17" fmla="*/ 293751 w 311753"/>
                  <a:gd name="connsiteY17" fmla="*/ 50074 h 339824"/>
                  <a:gd name="connsiteX18" fmla="*/ 293751 w 311753"/>
                  <a:gd name="connsiteY18" fmla="*/ 157040 h 339824"/>
                  <a:gd name="connsiteX19" fmla="*/ 303679 w 311753"/>
                  <a:gd name="connsiteY19" fmla="*/ 165117 h 339824"/>
                  <a:gd name="connsiteX20" fmla="*/ 311753 w 311753"/>
                  <a:gd name="connsiteY20" fmla="*/ 157040 h 339824"/>
                  <a:gd name="connsiteX21" fmla="*/ 311753 w 311753"/>
                  <a:gd name="connsiteY21" fmla="*/ 36644 h 339824"/>
                  <a:gd name="connsiteX22" fmla="*/ 302800 w 311753"/>
                  <a:gd name="connsiteY22" fmla="*/ 27690 h 339824"/>
                  <a:gd name="connsiteX23" fmla="*/ 275654 w 311753"/>
                  <a:gd name="connsiteY23" fmla="*/ 27690 h 339824"/>
                  <a:gd name="connsiteX24" fmla="*/ 271272 w 311753"/>
                  <a:gd name="connsiteY24" fmla="*/ 23309 h 339824"/>
                  <a:gd name="connsiteX25" fmla="*/ 271272 w 311753"/>
                  <a:gd name="connsiteY25" fmla="*/ 9974 h 339824"/>
                  <a:gd name="connsiteX26" fmla="*/ 263198 w 311753"/>
                  <a:gd name="connsiteY26" fmla="*/ 49 h 339824"/>
                  <a:gd name="connsiteX27" fmla="*/ 253270 w 311753"/>
                  <a:gd name="connsiteY27" fmla="*/ 8116 h 339824"/>
                  <a:gd name="connsiteX28" fmla="*/ 253270 w 311753"/>
                  <a:gd name="connsiteY28" fmla="*/ 9974 h 339824"/>
                  <a:gd name="connsiteX29" fmla="*/ 253270 w 311753"/>
                  <a:gd name="connsiteY29" fmla="*/ 23309 h 339824"/>
                  <a:gd name="connsiteX30" fmla="*/ 248888 w 311753"/>
                  <a:gd name="connsiteY30" fmla="*/ 27690 h 339824"/>
                  <a:gd name="connsiteX31" fmla="*/ 222504 w 311753"/>
                  <a:gd name="connsiteY31" fmla="*/ 27690 h 339824"/>
                  <a:gd name="connsiteX32" fmla="*/ 218122 w 311753"/>
                  <a:gd name="connsiteY32" fmla="*/ 23309 h 339824"/>
                  <a:gd name="connsiteX33" fmla="*/ 218122 w 311753"/>
                  <a:gd name="connsiteY33" fmla="*/ 9974 h 339824"/>
                  <a:gd name="connsiteX34" fmla="*/ 209169 w 311753"/>
                  <a:gd name="connsiteY34" fmla="*/ 1020 h 339824"/>
                  <a:gd name="connsiteX35" fmla="*/ 200216 w 311753"/>
                  <a:gd name="connsiteY35" fmla="*/ 9974 h 339824"/>
                  <a:gd name="connsiteX36" fmla="*/ 200216 w 311753"/>
                  <a:gd name="connsiteY36" fmla="*/ 23309 h 339824"/>
                  <a:gd name="connsiteX37" fmla="*/ 195834 w 311753"/>
                  <a:gd name="connsiteY37" fmla="*/ 27690 h 339824"/>
                  <a:gd name="connsiteX38" fmla="*/ 169069 w 311753"/>
                  <a:gd name="connsiteY38" fmla="*/ 27690 h 339824"/>
                  <a:gd name="connsiteX39" fmla="*/ 164687 w 311753"/>
                  <a:gd name="connsiteY39" fmla="*/ 23309 h 339824"/>
                  <a:gd name="connsiteX40" fmla="*/ 164687 w 311753"/>
                  <a:gd name="connsiteY40" fmla="*/ 9974 h 339824"/>
                  <a:gd name="connsiteX41" fmla="*/ 156613 w 311753"/>
                  <a:gd name="connsiteY41" fmla="*/ 49 h 339824"/>
                  <a:gd name="connsiteX42" fmla="*/ 146685 w 311753"/>
                  <a:gd name="connsiteY42" fmla="*/ 8116 h 339824"/>
                  <a:gd name="connsiteX43" fmla="*/ 146685 w 311753"/>
                  <a:gd name="connsiteY43" fmla="*/ 9974 h 339824"/>
                  <a:gd name="connsiteX44" fmla="*/ 146685 w 311753"/>
                  <a:gd name="connsiteY44" fmla="*/ 23309 h 339824"/>
                  <a:gd name="connsiteX45" fmla="*/ 142303 w 311753"/>
                  <a:gd name="connsiteY45" fmla="*/ 27690 h 339824"/>
                  <a:gd name="connsiteX46" fmla="*/ 115538 w 311753"/>
                  <a:gd name="connsiteY46" fmla="*/ 27690 h 339824"/>
                  <a:gd name="connsiteX47" fmla="*/ 111157 w 311753"/>
                  <a:gd name="connsiteY47" fmla="*/ 23309 h 339824"/>
                  <a:gd name="connsiteX48" fmla="*/ 111157 w 311753"/>
                  <a:gd name="connsiteY48" fmla="*/ 9974 h 339824"/>
                  <a:gd name="connsiteX49" fmla="*/ 102203 w 311753"/>
                  <a:gd name="connsiteY49" fmla="*/ 1020 h 339824"/>
                  <a:gd name="connsiteX50" fmla="*/ 93250 w 311753"/>
                  <a:gd name="connsiteY50" fmla="*/ 9974 h 339824"/>
                  <a:gd name="connsiteX51" fmla="*/ 93250 w 311753"/>
                  <a:gd name="connsiteY51" fmla="*/ 23309 h 339824"/>
                  <a:gd name="connsiteX52" fmla="*/ 88868 w 311753"/>
                  <a:gd name="connsiteY52" fmla="*/ 27690 h 339824"/>
                  <a:gd name="connsiteX53" fmla="*/ 62103 w 311753"/>
                  <a:gd name="connsiteY53" fmla="*/ 27690 h 339824"/>
                  <a:gd name="connsiteX54" fmla="*/ 57721 w 311753"/>
                  <a:gd name="connsiteY54" fmla="*/ 23309 h 339824"/>
                  <a:gd name="connsiteX55" fmla="*/ 57721 w 311753"/>
                  <a:gd name="connsiteY55" fmla="*/ 9974 h 339824"/>
                  <a:gd name="connsiteX56" fmla="*/ 49647 w 311753"/>
                  <a:gd name="connsiteY56" fmla="*/ 49 h 339824"/>
                  <a:gd name="connsiteX57" fmla="*/ 39719 w 311753"/>
                  <a:gd name="connsiteY57" fmla="*/ 8116 h 339824"/>
                  <a:gd name="connsiteX58" fmla="*/ 39719 w 311753"/>
                  <a:gd name="connsiteY58" fmla="*/ 9974 h 339824"/>
                  <a:gd name="connsiteX59" fmla="*/ 39719 w 311753"/>
                  <a:gd name="connsiteY59" fmla="*/ 23309 h 339824"/>
                  <a:gd name="connsiteX60" fmla="*/ 35338 w 311753"/>
                  <a:gd name="connsiteY60" fmla="*/ 27690 h 339824"/>
                  <a:gd name="connsiteX61" fmla="*/ 8953 w 311753"/>
                  <a:gd name="connsiteY61" fmla="*/ 27690 h 339824"/>
                  <a:gd name="connsiteX62" fmla="*/ 0 w 311753"/>
                  <a:gd name="connsiteY62" fmla="*/ 36644 h 339824"/>
                  <a:gd name="connsiteX63" fmla="*/ 0 w 311753"/>
                  <a:gd name="connsiteY63" fmla="*/ 330871 h 339824"/>
                  <a:gd name="connsiteX64" fmla="*/ 8953 w 311753"/>
                  <a:gd name="connsiteY64" fmla="*/ 339825 h 339824"/>
                  <a:gd name="connsiteX65" fmla="*/ 155734 w 311753"/>
                  <a:gd name="connsiteY65" fmla="*/ 339825 h 339824"/>
                  <a:gd name="connsiteX66" fmla="*/ 163808 w 311753"/>
                  <a:gd name="connsiteY66" fmla="*/ 329900 h 339824"/>
                  <a:gd name="connsiteX67" fmla="*/ 155734 w 311753"/>
                  <a:gd name="connsiteY67" fmla="*/ 321822 h 339824"/>
                  <a:gd name="connsiteX68" fmla="*/ 22384 w 311753"/>
                  <a:gd name="connsiteY68" fmla="*/ 321822 h 339824"/>
                  <a:gd name="connsiteX69" fmla="*/ 18002 w 311753"/>
                  <a:gd name="connsiteY69" fmla="*/ 317631 h 339824"/>
                  <a:gd name="connsiteX70" fmla="*/ 18002 w 311753"/>
                  <a:gd name="connsiteY70" fmla="*/ 317441 h 339824"/>
                  <a:gd name="connsiteX71" fmla="*/ 18002 w 311753"/>
                  <a:gd name="connsiteY71" fmla="*/ 50074 h 339824"/>
                  <a:gd name="connsiteX72" fmla="*/ 22191 w 311753"/>
                  <a:gd name="connsiteY72" fmla="*/ 45693 h 339824"/>
                  <a:gd name="connsiteX73" fmla="*/ 22384 w 311753"/>
                  <a:gd name="connsiteY73" fmla="*/ 45693 h 339824"/>
                  <a:gd name="connsiteX74" fmla="*/ 35719 w 311753"/>
                  <a:gd name="connsiteY74" fmla="*/ 45693 h 339824"/>
                  <a:gd name="connsiteX75" fmla="*/ 40100 w 311753"/>
                  <a:gd name="connsiteY75" fmla="*/ 49884 h 339824"/>
                  <a:gd name="connsiteX76" fmla="*/ 40100 w 311753"/>
                  <a:gd name="connsiteY76" fmla="*/ 50074 h 339824"/>
                  <a:gd name="connsiteX77" fmla="*/ 40100 w 311753"/>
                  <a:gd name="connsiteY77" fmla="*/ 63409 h 339824"/>
                  <a:gd name="connsiteX78" fmla="*/ 48175 w 311753"/>
                  <a:gd name="connsiteY78" fmla="*/ 73334 h 339824"/>
                  <a:gd name="connsiteX79" fmla="*/ 58102 w 311753"/>
                  <a:gd name="connsiteY79" fmla="*/ 65266 h 339824"/>
                  <a:gd name="connsiteX80" fmla="*/ 58102 w 311753"/>
                  <a:gd name="connsiteY80" fmla="*/ 63409 h 339824"/>
                  <a:gd name="connsiteX81" fmla="*/ 58102 w 311753"/>
                  <a:gd name="connsiteY81" fmla="*/ 50074 h 339824"/>
                  <a:gd name="connsiteX82" fmla="*/ 62292 w 311753"/>
                  <a:gd name="connsiteY82" fmla="*/ 45693 h 339824"/>
                  <a:gd name="connsiteX83" fmla="*/ 62484 w 311753"/>
                  <a:gd name="connsiteY83" fmla="*/ 45693 h 339824"/>
                  <a:gd name="connsiteX84" fmla="*/ 89249 w 311753"/>
                  <a:gd name="connsiteY84" fmla="*/ 45693 h 339824"/>
                  <a:gd name="connsiteX85" fmla="*/ 93631 w 311753"/>
                  <a:gd name="connsiteY85" fmla="*/ 50074 h 339824"/>
                  <a:gd name="connsiteX86" fmla="*/ 93631 w 311753"/>
                  <a:gd name="connsiteY86" fmla="*/ 63409 h 339824"/>
                  <a:gd name="connsiteX87" fmla="*/ 102584 w 311753"/>
                  <a:gd name="connsiteY87" fmla="*/ 72363 h 339824"/>
                  <a:gd name="connsiteX88" fmla="*/ 111538 w 311753"/>
                  <a:gd name="connsiteY88" fmla="*/ 63409 h 339824"/>
                  <a:gd name="connsiteX89" fmla="*/ 111538 w 311753"/>
                  <a:gd name="connsiteY89" fmla="*/ 50074 h 339824"/>
                  <a:gd name="connsiteX90" fmla="*/ 115919 w 311753"/>
                  <a:gd name="connsiteY90" fmla="*/ 45693 h 339824"/>
                  <a:gd name="connsiteX91" fmla="*/ 142303 w 311753"/>
                  <a:gd name="connsiteY91" fmla="*/ 45693 h 339824"/>
                  <a:gd name="connsiteX92" fmla="*/ 146685 w 311753"/>
                  <a:gd name="connsiteY92" fmla="*/ 49884 h 339824"/>
                  <a:gd name="connsiteX93" fmla="*/ 146685 w 311753"/>
                  <a:gd name="connsiteY93" fmla="*/ 50074 h 339824"/>
                  <a:gd name="connsiteX94" fmla="*/ 146685 w 311753"/>
                  <a:gd name="connsiteY94" fmla="*/ 63409 h 339824"/>
                  <a:gd name="connsiteX95" fmla="*/ 154759 w 311753"/>
                  <a:gd name="connsiteY95" fmla="*/ 73334 h 339824"/>
                  <a:gd name="connsiteX96" fmla="*/ 164687 w 311753"/>
                  <a:gd name="connsiteY96" fmla="*/ 65266 h 339824"/>
                  <a:gd name="connsiteX97" fmla="*/ 164687 w 311753"/>
                  <a:gd name="connsiteY97" fmla="*/ 63409 h 339824"/>
                  <a:gd name="connsiteX98" fmla="*/ 164687 w 311753"/>
                  <a:gd name="connsiteY98" fmla="*/ 50074 h 339824"/>
                  <a:gd name="connsiteX99" fmla="*/ 169069 w 311753"/>
                  <a:gd name="connsiteY99" fmla="*/ 45693 h 339824"/>
                  <a:gd name="connsiteX100" fmla="*/ 195834 w 311753"/>
                  <a:gd name="connsiteY100" fmla="*/ 45693 h 339824"/>
                  <a:gd name="connsiteX101" fmla="*/ 200216 w 311753"/>
                  <a:gd name="connsiteY101" fmla="*/ 50074 h 3398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311753" h="339824">
                    <a:moveTo>
                      <a:pt x="200216" y="50074"/>
                    </a:moveTo>
                    <a:lnTo>
                      <a:pt x="200216" y="63409"/>
                    </a:lnTo>
                    <a:cubicBezTo>
                      <a:pt x="200216" y="68353"/>
                      <a:pt x="204225" y="72363"/>
                      <a:pt x="209169" y="72363"/>
                    </a:cubicBezTo>
                    <a:cubicBezTo>
                      <a:pt x="214114" y="72363"/>
                      <a:pt x="218122" y="68353"/>
                      <a:pt x="218122" y="63409"/>
                    </a:cubicBezTo>
                    <a:lnTo>
                      <a:pt x="218122" y="50074"/>
                    </a:lnTo>
                    <a:cubicBezTo>
                      <a:pt x="218122" y="47655"/>
                      <a:pt x="220084" y="45693"/>
                      <a:pt x="222504" y="45693"/>
                    </a:cubicBezTo>
                    <a:lnTo>
                      <a:pt x="249269" y="45693"/>
                    </a:lnTo>
                    <a:cubicBezTo>
                      <a:pt x="251636" y="45636"/>
                      <a:pt x="253597" y="47512"/>
                      <a:pt x="253651" y="49884"/>
                    </a:cubicBezTo>
                    <a:cubicBezTo>
                      <a:pt x="253653" y="49950"/>
                      <a:pt x="253653" y="50008"/>
                      <a:pt x="253651" y="50074"/>
                    </a:cubicBezTo>
                    <a:lnTo>
                      <a:pt x="253651" y="63409"/>
                    </a:lnTo>
                    <a:cubicBezTo>
                      <a:pt x="253138" y="68381"/>
                      <a:pt x="256754" y="72829"/>
                      <a:pt x="261725" y="73334"/>
                    </a:cubicBezTo>
                    <a:cubicBezTo>
                      <a:pt x="266696" y="73849"/>
                      <a:pt x="271141" y="70239"/>
                      <a:pt x="271653" y="65266"/>
                    </a:cubicBezTo>
                    <a:cubicBezTo>
                      <a:pt x="271717" y="64647"/>
                      <a:pt x="271717" y="64028"/>
                      <a:pt x="271653" y="63409"/>
                    </a:cubicBezTo>
                    <a:lnTo>
                      <a:pt x="271653" y="50074"/>
                    </a:lnTo>
                    <a:cubicBezTo>
                      <a:pt x="271653" y="47655"/>
                      <a:pt x="273614" y="45693"/>
                      <a:pt x="276035" y="45693"/>
                    </a:cubicBezTo>
                    <a:lnTo>
                      <a:pt x="289370" y="45693"/>
                    </a:lnTo>
                    <a:cubicBezTo>
                      <a:pt x="291736" y="45636"/>
                      <a:pt x="293698" y="47512"/>
                      <a:pt x="293751" y="49884"/>
                    </a:cubicBezTo>
                    <a:cubicBezTo>
                      <a:pt x="293753" y="49950"/>
                      <a:pt x="293753" y="50008"/>
                      <a:pt x="293751" y="50074"/>
                    </a:cubicBezTo>
                    <a:lnTo>
                      <a:pt x="293751" y="157040"/>
                    </a:lnTo>
                    <a:cubicBezTo>
                      <a:pt x="294263" y="162012"/>
                      <a:pt x="298708" y="165622"/>
                      <a:pt x="303679" y="165117"/>
                    </a:cubicBezTo>
                    <a:cubicBezTo>
                      <a:pt x="307943" y="164679"/>
                      <a:pt x="311314" y="161307"/>
                      <a:pt x="311753" y="157040"/>
                    </a:cubicBezTo>
                    <a:lnTo>
                      <a:pt x="311753" y="36644"/>
                    </a:lnTo>
                    <a:cubicBezTo>
                      <a:pt x="311753" y="31700"/>
                      <a:pt x="307744" y="27690"/>
                      <a:pt x="302800" y="27690"/>
                    </a:cubicBezTo>
                    <a:lnTo>
                      <a:pt x="275654" y="27690"/>
                    </a:lnTo>
                    <a:cubicBezTo>
                      <a:pt x="273255" y="27643"/>
                      <a:pt x="271323" y="25709"/>
                      <a:pt x="271272" y="23309"/>
                    </a:cubicBezTo>
                    <a:lnTo>
                      <a:pt x="271272" y="9974"/>
                    </a:lnTo>
                    <a:cubicBezTo>
                      <a:pt x="271784" y="5002"/>
                      <a:pt x="268169" y="554"/>
                      <a:pt x="263198" y="49"/>
                    </a:cubicBezTo>
                    <a:cubicBezTo>
                      <a:pt x="258227" y="-466"/>
                      <a:pt x="253782" y="3145"/>
                      <a:pt x="253270" y="8116"/>
                    </a:cubicBezTo>
                    <a:cubicBezTo>
                      <a:pt x="253206" y="8736"/>
                      <a:pt x="253206" y="9355"/>
                      <a:pt x="253270" y="9974"/>
                    </a:cubicBezTo>
                    <a:lnTo>
                      <a:pt x="253270" y="23309"/>
                    </a:lnTo>
                    <a:cubicBezTo>
                      <a:pt x="253270" y="25728"/>
                      <a:pt x="251309" y="27690"/>
                      <a:pt x="248888" y="27690"/>
                    </a:cubicBezTo>
                    <a:lnTo>
                      <a:pt x="222504" y="27690"/>
                    </a:lnTo>
                    <a:cubicBezTo>
                      <a:pt x="220106" y="27643"/>
                      <a:pt x="218173" y="25709"/>
                      <a:pt x="218122" y="23309"/>
                    </a:cubicBezTo>
                    <a:lnTo>
                      <a:pt x="218122" y="9974"/>
                    </a:lnTo>
                    <a:cubicBezTo>
                      <a:pt x="218122" y="5030"/>
                      <a:pt x="214113" y="1020"/>
                      <a:pt x="209169" y="1020"/>
                    </a:cubicBezTo>
                    <a:cubicBezTo>
                      <a:pt x="204224" y="1020"/>
                      <a:pt x="200216" y="5030"/>
                      <a:pt x="200216" y="9974"/>
                    </a:cubicBezTo>
                    <a:lnTo>
                      <a:pt x="200216" y="23309"/>
                    </a:lnTo>
                    <a:cubicBezTo>
                      <a:pt x="200165" y="25709"/>
                      <a:pt x="198232" y="27643"/>
                      <a:pt x="195834" y="27690"/>
                    </a:cubicBezTo>
                    <a:lnTo>
                      <a:pt x="169069" y="27690"/>
                    </a:lnTo>
                    <a:cubicBezTo>
                      <a:pt x="166670" y="27643"/>
                      <a:pt x="164738" y="25709"/>
                      <a:pt x="164687" y="23309"/>
                    </a:cubicBezTo>
                    <a:lnTo>
                      <a:pt x="164687" y="9974"/>
                    </a:lnTo>
                    <a:cubicBezTo>
                      <a:pt x="165200" y="5002"/>
                      <a:pt x="161584" y="554"/>
                      <a:pt x="156613" y="49"/>
                    </a:cubicBezTo>
                    <a:cubicBezTo>
                      <a:pt x="151642" y="-466"/>
                      <a:pt x="147197" y="3145"/>
                      <a:pt x="146685" y="8116"/>
                    </a:cubicBezTo>
                    <a:cubicBezTo>
                      <a:pt x="146621" y="8736"/>
                      <a:pt x="146621" y="9355"/>
                      <a:pt x="146685" y="9974"/>
                    </a:cubicBezTo>
                    <a:lnTo>
                      <a:pt x="146685" y="23309"/>
                    </a:lnTo>
                    <a:cubicBezTo>
                      <a:pt x="146685" y="25728"/>
                      <a:pt x="144724" y="27690"/>
                      <a:pt x="142303" y="27690"/>
                    </a:cubicBezTo>
                    <a:lnTo>
                      <a:pt x="115538" y="27690"/>
                    </a:lnTo>
                    <a:cubicBezTo>
                      <a:pt x="113140" y="27643"/>
                      <a:pt x="111207" y="25709"/>
                      <a:pt x="111157" y="23309"/>
                    </a:cubicBezTo>
                    <a:lnTo>
                      <a:pt x="111157" y="9974"/>
                    </a:lnTo>
                    <a:cubicBezTo>
                      <a:pt x="111157" y="5030"/>
                      <a:pt x="107148" y="1020"/>
                      <a:pt x="102203" y="1020"/>
                    </a:cubicBezTo>
                    <a:cubicBezTo>
                      <a:pt x="97259" y="1020"/>
                      <a:pt x="93250" y="5030"/>
                      <a:pt x="93250" y="9974"/>
                    </a:cubicBezTo>
                    <a:lnTo>
                      <a:pt x="93250" y="23309"/>
                    </a:lnTo>
                    <a:cubicBezTo>
                      <a:pt x="93199" y="25709"/>
                      <a:pt x="91267" y="27643"/>
                      <a:pt x="88868" y="27690"/>
                    </a:cubicBezTo>
                    <a:lnTo>
                      <a:pt x="62103" y="27690"/>
                    </a:lnTo>
                    <a:cubicBezTo>
                      <a:pt x="59684" y="27690"/>
                      <a:pt x="57721" y="25728"/>
                      <a:pt x="57721" y="23309"/>
                    </a:cubicBezTo>
                    <a:lnTo>
                      <a:pt x="57721" y="9974"/>
                    </a:lnTo>
                    <a:cubicBezTo>
                      <a:pt x="58234" y="5002"/>
                      <a:pt x="54618" y="554"/>
                      <a:pt x="49647" y="49"/>
                    </a:cubicBezTo>
                    <a:cubicBezTo>
                      <a:pt x="44676" y="-466"/>
                      <a:pt x="40232" y="3145"/>
                      <a:pt x="39719" y="8116"/>
                    </a:cubicBezTo>
                    <a:cubicBezTo>
                      <a:pt x="39655" y="8736"/>
                      <a:pt x="39655" y="9355"/>
                      <a:pt x="39719" y="9974"/>
                    </a:cubicBezTo>
                    <a:lnTo>
                      <a:pt x="39719" y="23309"/>
                    </a:lnTo>
                    <a:cubicBezTo>
                      <a:pt x="39719" y="25728"/>
                      <a:pt x="37758" y="27690"/>
                      <a:pt x="35338" y="27690"/>
                    </a:cubicBezTo>
                    <a:lnTo>
                      <a:pt x="8953" y="27690"/>
                    </a:lnTo>
                    <a:cubicBezTo>
                      <a:pt x="4009" y="27690"/>
                      <a:pt x="0" y="31700"/>
                      <a:pt x="0" y="36644"/>
                    </a:cubicBezTo>
                    <a:lnTo>
                      <a:pt x="0" y="330871"/>
                    </a:lnTo>
                    <a:cubicBezTo>
                      <a:pt x="0" y="335815"/>
                      <a:pt x="4009" y="339825"/>
                      <a:pt x="8953" y="339825"/>
                    </a:cubicBezTo>
                    <a:lnTo>
                      <a:pt x="155734" y="339825"/>
                    </a:lnTo>
                    <a:cubicBezTo>
                      <a:pt x="160705" y="339310"/>
                      <a:pt x="164320" y="334872"/>
                      <a:pt x="163808" y="329900"/>
                    </a:cubicBezTo>
                    <a:cubicBezTo>
                      <a:pt x="163369" y="325632"/>
                      <a:pt x="159998" y="322261"/>
                      <a:pt x="155734" y="321822"/>
                    </a:cubicBezTo>
                    <a:lnTo>
                      <a:pt x="22384" y="321822"/>
                    </a:lnTo>
                    <a:cubicBezTo>
                      <a:pt x="20017" y="321880"/>
                      <a:pt x="18056" y="320003"/>
                      <a:pt x="18002" y="317631"/>
                    </a:cubicBezTo>
                    <a:cubicBezTo>
                      <a:pt x="18000" y="317565"/>
                      <a:pt x="18000" y="317508"/>
                      <a:pt x="18002" y="317441"/>
                    </a:cubicBezTo>
                    <a:lnTo>
                      <a:pt x="18002" y="50074"/>
                    </a:lnTo>
                    <a:cubicBezTo>
                      <a:pt x="17949" y="47712"/>
                      <a:pt x="19824" y="45750"/>
                      <a:pt x="22191" y="45693"/>
                    </a:cubicBezTo>
                    <a:cubicBezTo>
                      <a:pt x="22255" y="45693"/>
                      <a:pt x="22320" y="45693"/>
                      <a:pt x="22384" y="45693"/>
                    </a:cubicBezTo>
                    <a:lnTo>
                      <a:pt x="35719" y="45693"/>
                    </a:lnTo>
                    <a:cubicBezTo>
                      <a:pt x="38086" y="45636"/>
                      <a:pt x="40047" y="47512"/>
                      <a:pt x="40100" y="49884"/>
                    </a:cubicBezTo>
                    <a:cubicBezTo>
                      <a:pt x="40102" y="49950"/>
                      <a:pt x="40102" y="50008"/>
                      <a:pt x="40100" y="50074"/>
                    </a:cubicBezTo>
                    <a:lnTo>
                      <a:pt x="40100" y="63409"/>
                    </a:lnTo>
                    <a:cubicBezTo>
                      <a:pt x="39588" y="68381"/>
                      <a:pt x="43203" y="72829"/>
                      <a:pt x="48175" y="73334"/>
                    </a:cubicBezTo>
                    <a:cubicBezTo>
                      <a:pt x="53146" y="73849"/>
                      <a:pt x="57590" y="70239"/>
                      <a:pt x="58102" y="65266"/>
                    </a:cubicBezTo>
                    <a:cubicBezTo>
                      <a:pt x="58166" y="64647"/>
                      <a:pt x="58166" y="64028"/>
                      <a:pt x="58102" y="63409"/>
                    </a:cubicBezTo>
                    <a:lnTo>
                      <a:pt x="58102" y="50074"/>
                    </a:lnTo>
                    <a:cubicBezTo>
                      <a:pt x="58049" y="47712"/>
                      <a:pt x="59925" y="45750"/>
                      <a:pt x="62292" y="45693"/>
                    </a:cubicBezTo>
                    <a:cubicBezTo>
                      <a:pt x="62355" y="45693"/>
                      <a:pt x="62420" y="45693"/>
                      <a:pt x="62484" y="45693"/>
                    </a:cubicBezTo>
                    <a:lnTo>
                      <a:pt x="89249" y="45693"/>
                    </a:lnTo>
                    <a:cubicBezTo>
                      <a:pt x="91670" y="45693"/>
                      <a:pt x="93631" y="47655"/>
                      <a:pt x="93631" y="50074"/>
                    </a:cubicBezTo>
                    <a:lnTo>
                      <a:pt x="93631" y="63409"/>
                    </a:lnTo>
                    <a:cubicBezTo>
                      <a:pt x="93631" y="68353"/>
                      <a:pt x="97640" y="72363"/>
                      <a:pt x="102584" y="72363"/>
                    </a:cubicBezTo>
                    <a:cubicBezTo>
                      <a:pt x="107529" y="72363"/>
                      <a:pt x="111538" y="68353"/>
                      <a:pt x="111538" y="63409"/>
                    </a:cubicBezTo>
                    <a:lnTo>
                      <a:pt x="111538" y="50074"/>
                    </a:lnTo>
                    <a:cubicBezTo>
                      <a:pt x="111538" y="47655"/>
                      <a:pt x="113499" y="45693"/>
                      <a:pt x="115919" y="45693"/>
                    </a:cubicBezTo>
                    <a:lnTo>
                      <a:pt x="142303" y="45693"/>
                    </a:lnTo>
                    <a:cubicBezTo>
                      <a:pt x="144670" y="45636"/>
                      <a:pt x="146632" y="47512"/>
                      <a:pt x="146685" y="49884"/>
                    </a:cubicBezTo>
                    <a:cubicBezTo>
                      <a:pt x="146687" y="49950"/>
                      <a:pt x="146687" y="50008"/>
                      <a:pt x="146685" y="50074"/>
                    </a:cubicBezTo>
                    <a:lnTo>
                      <a:pt x="146685" y="63409"/>
                    </a:lnTo>
                    <a:cubicBezTo>
                      <a:pt x="146173" y="68381"/>
                      <a:pt x="149788" y="72829"/>
                      <a:pt x="154759" y="73334"/>
                    </a:cubicBezTo>
                    <a:cubicBezTo>
                      <a:pt x="159730" y="73849"/>
                      <a:pt x="164175" y="70239"/>
                      <a:pt x="164687" y="65266"/>
                    </a:cubicBezTo>
                    <a:cubicBezTo>
                      <a:pt x="164751" y="64647"/>
                      <a:pt x="164751" y="64028"/>
                      <a:pt x="164687" y="63409"/>
                    </a:cubicBezTo>
                    <a:lnTo>
                      <a:pt x="164687" y="50074"/>
                    </a:lnTo>
                    <a:cubicBezTo>
                      <a:pt x="164687" y="47655"/>
                      <a:pt x="166648" y="45693"/>
                      <a:pt x="169069" y="45693"/>
                    </a:cubicBezTo>
                    <a:lnTo>
                      <a:pt x="195834" y="45693"/>
                    </a:lnTo>
                    <a:cubicBezTo>
                      <a:pt x="198254" y="45693"/>
                      <a:pt x="200216" y="47655"/>
                      <a:pt x="200216" y="5007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91" name="Graphic 2">
                <a:extLst>
                  <a:ext uri="{FF2B5EF4-FFF2-40B4-BE49-F238E27FC236}">
                    <a16:creationId xmlns:a16="http://schemas.microsoft.com/office/drawing/2014/main" id="{36D11B4B-1457-C7B3-4683-CE8FE99FBBAA}"/>
                  </a:ext>
                </a:extLst>
              </p:cNvPr>
              <p:cNvSpPr/>
              <p:nvPr/>
            </p:nvSpPr>
            <p:spPr>
              <a:xfrm>
                <a:off x="1339786" y="3074034"/>
                <a:ext cx="231838" cy="231838"/>
              </a:xfrm>
              <a:custGeom>
                <a:avLst/>
                <a:gdLst>
                  <a:gd name="connsiteX0" fmla="*/ 116110 w 231838"/>
                  <a:gd name="connsiteY0" fmla="*/ 0 h 231838"/>
                  <a:gd name="connsiteX1" fmla="*/ 0 w 231838"/>
                  <a:gd name="connsiteY1" fmla="*/ 115729 h 231838"/>
                  <a:gd name="connsiteX2" fmla="*/ 115729 w 231838"/>
                  <a:gd name="connsiteY2" fmla="*/ 231839 h 231838"/>
                  <a:gd name="connsiteX3" fmla="*/ 231839 w 231838"/>
                  <a:gd name="connsiteY3" fmla="*/ 116110 h 231838"/>
                  <a:gd name="connsiteX4" fmla="*/ 231839 w 231838"/>
                  <a:gd name="connsiteY4" fmla="*/ 115920 h 231838"/>
                  <a:gd name="connsiteX5" fmla="*/ 116110 w 231838"/>
                  <a:gd name="connsiteY5" fmla="*/ 0 h 231838"/>
                  <a:gd name="connsiteX6" fmla="*/ 116110 w 231838"/>
                  <a:gd name="connsiteY6" fmla="*/ 213932 h 231838"/>
                  <a:gd name="connsiteX7" fmla="*/ 18002 w 231838"/>
                  <a:gd name="connsiteY7" fmla="*/ 116015 h 231838"/>
                  <a:gd name="connsiteX8" fmla="*/ 115919 w 231838"/>
                  <a:gd name="connsiteY8" fmla="*/ 17907 h 231838"/>
                  <a:gd name="connsiteX9" fmla="*/ 214027 w 231838"/>
                  <a:gd name="connsiteY9" fmla="*/ 115824 h 231838"/>
                  <a:gd name="connsiteX10" fmla="*/ 214027 w 231838"/>
                  <a:gd name="connsiteY10" fmla="*/ 115920 h 231838"/>
                  <a:gd name="connsiteX11" fmla="*/ 116110 w 231838"/>
                  <a:gd name="connsiteY11" fmla="*/ 213932 h 231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31838" h="231838">
                    <a:moveTo>
                      <a:pt x="116110" y="0"/>
                    </a:moveTo>
                    <a:cubicBezTo>
                      <a:pt x="52089" y="-104"/>
                      <a:pt x="106" y="51711"/>
                      <a:pt x="0" y="115729"/>
                    </a:cubicBezTo>
                    <a:cubicBezTo>
                      <a:pt x="-105" y="179746"/>
                      <a:pt x="51708" y="231734"/>
                      <a:pt x="115729" y="231839"/>
                    </a:cubicBezTo>
                    <a:cubicBezTo>
                      <a:pt x="179749" y="231944"/>
                      <a:pt x="231733" y="180128"/>
                      <a:pt x="231839" y="116110"/>
                    </a:cubicBezTo>
                    <a:cubicBezTo>
                      <a:pt x="231839" y="116043"/>
                      <a:pt x="231839" y="115986"/>
                      <a:pt x="231839" y="115920"/>
                    </a:cubicBezTo>
                    <a:cubicBezTo>
                      <a:pt x="231734" y="52016"/>
                      <a:pt x="180012" y="210"/>
                      <a:pt x="116110" y="0"/>
                    </a:cubicBezTo>
                    <a:close/>
                    <a:moveTo>
                      <a:pt x="116110" y="213932"/>
                    </a:moveTo>
                    <a:cubicBezTo>
                      <a:pt x="61979" y="213989"/>
                      <a:pt x="18055" y="170145"/>
                      <a:pt x="18002" y="116015"/>
                    </a:cubicBezTo>
                    <a:cubicBezTo>
                      <a:pt x="17950" y="61884"/>
                      <a:pt x="61789" y="17964"/>
                      <a:pt x="115919" y="17907"/>
                    </a:cubicBezTo>
                    <a:cubicBezTo>
                      <a:pt x="170050" y="17850"/>
                      <a:pt x="213974" y="61694"/>
                      <a:pt x="214027" y="115824"/>
                    </a:cubicBezTo>
                    <a:cubicBezTo>
                      <a:pt x="214027" y="115853"/>
                      <a:pt x="214027" y="115891"/>
                      <a:pt x="214027" y="115920"/>
                    </a:cubicBezTo>
                    <a:cubicBezTo>
                      <a:pt x="213974" y="169993"/>
                      <a:pt x="170181" y="213827"/>
                      <a:pt x="116110" y="21393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92" name="Graphic 2">
                <a:extLst>
                  <a:ext uri="{FF2B5EF4-FFF2-40B4-BE49-F238E27FC236}">
                    <a16:creationId xmlns:a16="http://schemas.microsoft.com/office/drawing/2014/main" id="{8D7E7641-87D1-1965-6DA4-A2BAC6D85D54}"/>
                  </a:ext>
                </a:extLst>
              </p:cNvPr>
              <p:cNvSpPr/>
              <p:nvPr/>
            </p:nvSpPr>
            <p:spPr>
              <a:xfrm>
                <a:off x="1446799" y="3126926"/>
                <a:ext cx="84725" cy="72362"/>
              </a:xfrm>
              <a:custGeom>
                <a:avLst/>
                <a:gdLst>
                  <a:gd name="connsiteX0" fmla="*/ 75962 w 84725"/>
                  <a:gd name="connsiteY0" fmla="*/ 54075 h 72362"/>
                  <a:gd name="connsiteX1" fmla="*/ 22432 w 84725"/>
                  <a:gd name="connsiteY1" fmla="*/ 54075 h 72362"/>
                  <a:gd name="connsiteX2" fmla="*/ 18050 w 84725"/>
                  <a:gd name="connsiteY2" fmla="*/ 49693 h 72362"/>
                  <a:gd name="connsiteX3" fmla="*/ 18050 w 84725"/>
                  <a:gd name="connsiteY3" fmla="*/ 9974 h 72362"/>
                  <a:gd name="connsiteX4" fmla="*/ 9976 w 84725"/>
                  <a:gd name="connsiteY4" fmla="*/ 49 h 72362"/>
                  <a:gd name="connsiteX5" fmla="*/ 48 w 84725"/>
                  <a:gd name="connsiteY5" fmla="*/ 8116 h 72362"/>
                  <a:gd name="connsiteX6" fmla="*/ 48 w 84725"/>
                  <a:gd name="connsiteY6" fmla="*/ 9974 h 72362"/>
                  <a:gd name="connsiteX7" fmla="*/ 48 w 84725"/>
                  <a:gd name="connsiteY7" fmla="*/ 63409 h 72362"/>
                  <a:gd name="connsiteX8" fmla="*/ 9097 w 84725"/>
                  <a:gd name="connsiteY8" fmla="*/ 72363 h 72362"/>
                  <a:gd name="connsiteX9" fmla="*/ 75772 w 84725"/>
                  <a:gd name="connsiteY9" fmla="*/ 72363 h 72362"/>
                  <a:gd name="connsiteX10" fmla="*/ 84725 w 84725"/>
                  <a:gd name="connsiteY10" fmla="*/ 63409 h 72362"/>
                  <a:gd name="connsiteX11" fmla="*/ 75772 w 84725"/>
                  <a:gd name="connsiteY11" fmla="*/ 54456 h 723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725" h="72362">
                    <a:moveTo>
                      <a:pt x="75962" y="54075"/>
                    </a:moveTo>
                    <a:lnTo>
                      <a:pt x="22432" y="54075"/>
                    </a:lnTo>
                    <a:cubicBezTo>
                      <a:pt x="20033" y="54027"/>
                      <a:pt x="18101" y="52093"/>
                      <a:pt x="18050" y="49693"/>
                    </a:cubicBezTo>
                    <a:lnTo>
                      <a:pt x="18050" y="9974"/>
                    </a:lnTo>
                    <a:cubicBezTo>
                      <a:pt x="18563" y="5002"/>
                      <a:pt x="14947" y="554"/>
                      <a:pt x="9976" y="49"/>
                    </a:cubicBezTo>
                    <a:cubicBezTo>
                      <a:pt x="5005" y="-465"/>
                      <a:pt x="560" y="3145"/>
                      <a:pt x="48" y="8116"/>
                    </a:cubicBezTo>
                    <a:cubicBezTo>
                      <a:pt x="-16" y="8736"/>
                      <a:pt x="-16" y="9355"/>
                      <a:pt x="48" y="9974"/>
                    </a:cubicBezTo>
                    <a:lnTo>
                      <a:pt x="48" y="63409"/>
                    </a:lnTo>
                    <a:cubicBezTo>
                      <a:pt x="335" y="68267"/>
                      <a:pt x="4236" y="72124"/>
                      <a:pt x="9097" y="72363"/>
                    </a:cubicBezTo>
                    <a:lnTo>
                      <a:pt x="75772" y="72363"/>
                    </a:lnTo>
                    <a:cubicBezTo>
                      <a:pt x="80716" y="72363"/>
                      <a:pt x="84725" y="68353"/>
                      <a:pt x="84725" y="63409"/>
                    </a:cubicBezTo>
                    <a:cubicBezTo>
                      <a:pt x="84725" y="58466"/>
                      <a:pt x="80716" y="54456"/>
                      <a:pt x="75772" y="54456"/>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spTree>
    <p:extLst>
      <p:ext uri="{BB962C8B-B14F-4D97-AF65-F5344CB8AC3E}">
        <p14:creationId xmlns:p14="http://schemas.microsoft.com/office/powerpoint/2010/main" val="208377413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E5CF227-77AE-43EC-0BAD-65609FA68EE4}"/>
              </a:ext>
            </a:extLst>
          </p:cNvPr>
          <p:cNvSpPr>
            <a:spLocks noGrp="1"/>
          </p:cNvSpPr>
          <p:nvPr>
            <p:ph type="ctrTitle"/>
          </p:nvPr>
        </p:nvSpPr>
        <p:spPr/>
        <p:txBody>
          <a:bodyPr/>
          <a:lstStyle/>
          <a:p>
            <a:r>
              <a:rPr lang="en-US"/>
              <a:t>Some progress has been made since our report</a:t>
            </a:r>
            <a:endParaRPr lang="en-AU"/>
          </a:p>
        </p:txBody>
      </p:sp>
      <p:sp>
        <p:nvSpPr>
          <p:cNvPr id="5" name="Slide Number Placeholder 4">
            <a:extLst>
              <a:ext uri="{FF2B5EF4-FFF2-40B4-BE49-F238E27FC236}">
                <a16:creationId xmlns:a16="http://schemas.microsoft.com/office/drawing/2014/main" id="{9874E8E0-B14C-165E-F41C-8686911D5476}"/>
              </a:ext>
            </a:extLst>
          </p:cNvPr>
          <p:cNvSpPr>
            <a:spLocks noGrp="1"/>
          </p:cNvSpPr>
          <p:nvPr>
            <p:ph type="sldNum" sz="quarter" idx="4"/>
          </p:nvPr>
        </p:nvSpPr>
        <p:spPr/>
        <p:txBody>
          <a:bodyPr/>
          <a:lstStyle/>
          <a:p>
            <a:fld id="{3FE8A0A5-0893-3B4E-9EB9-FE67329D76D6}" type="slidenum">
              <a:rPr lang="en-US" smtClean="0"/>
              <a:pPr/>
              <a:t>7</a:t>
            </a:fld>
            <a:endParaRPr lang="en-US"/>
          </a:p>
        </p:txBody>
      </p:sp>
      <p:sp>
        <p:nvSpPr>
          <p:cNvPr id="6" name="Rectangle 5">
            <a:extLst>
              <a:ext uri="{FF2B5EF4-FFF2-40B4-BE49-F238E27FC236}">
                <a16:creationId xmlns:a16="http://schemas.microsoft.com/office/drawing/2014/main" id="{2BD48EA5-C881-B17A-21FC-1844A2CFD46D}"/>
              </a:ext>
            </a:extLst>
          </p:cNvPr>
          <p:cNvSpPr/>
          <p:nvPr/>
        </p:nvSpPr>
        <p:spPr>
          <a:xfrm>
            <a:off x="1888435" y="1770405"/>
            <a:ext cx="6970497" cy="917999"/>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r>
              <a:rPr lang="en-US" sz="1600">
                <a:solidFill>
                  <a:schemeClr val="tx1"/>
                </a:solidFill>
              </a:rPr>
              <a:t>The Agreement has been </a:t>
            </a:r>
            <a:r>
              <a:rPr lang="en-US" sz="1600" b="1">
                <a:solidFill>
                  <a:schemeClr val="tx1"/>
                </a:solidFill>
              </a:rPr>
              <a:t>extended for 12 months </a:t>
            </a:r>
          </a:p>
        </p:txBody>
      </p:sp>
      <p:sp>
        <p:nvSpPr>
          <p:cNvPr id="9" name="Rectangle 8">
            <a:extLst>
              <a:ext uri="{FF2B5EF4-FFF2-40B4-BE49-F238E27FC236}">
                <a16:creationId xmlns:a16="http://schemas.microsoft.com/office/drawing/2014/main" id="{C8AD037A-ED27-81F1-999D-0F5B9FAA152A}"/>
              </a:ext>
            </a:extLst>
          </p:cNvPr>
          <p:cNvSpPr/>
          <p:nvPr/>
        </p:nvSpPr>
        <p:spPr>
          <a:xfrm>
            <a:off x="1888435" y="2827616"/>
            <a:ext cx="6970497" cy="917999"/>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fontAlgn="auto">
              <a:lnSpc>
                <a:spcPts val="1800"/>
              </a:lnSpc>
              <a:spcBef>
                <a:spcPts val="0"/>
              </a:spcBef>
              <a:spcAft>
                <a:spcPts val="1600"/>
              </a:spcAft>
              <a:defRP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In the recent Budget, the Australian Government also </a:t>
            </a:r>
            <a: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t>extended </a:t>
            </a:r>
            <a:b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t>funding for services delivered under the Agreement</a:t>
            </a:r>
          </a:p>
        </p:txBody>
      </p:sp>
      <p:sp>
        <p:nvSpPr>
          <p:cNvPr id="12" name="Rectangle 11">
            <a:extLst>
              <a:ext uri="{FF2B5EF4-FFF2-40B4-BE49-F238E27FC236}">
                <a16:creationId xmlns:a16="http://schemas.microsoft.com/office/drawing/2014/main" id="{3242E434-511A-6E7A-B779-D1AB00045863}"/>
              </a:ext>
            </a:extLst>
          </p:cNvPr>
          <p:cNvSpPr/>
          <p:nvPr/>
        </p:nvSpPr>
        <p:spPr>
          <a:xfrm>
            <a:off x="1888435" y="3884827"/>
            <a:ext cx="6970497" cy="917999"/>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fontAlgn="auto">
              <a:lnSpc>
                <a:spcPts val="1800"/>
              </a:lnSpc>
              <a:spcBef>
                <a:spcPts val="0"/>
              </a:spcBef>
              <a:spcAft>
                <a:spcPts val="1600"/>
              </a:spcAft>
              <a:defRPr/>
            </a:pP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Health Ministers and Mental Health Ministers will consider </a:t>
            </a:r>
            <a:b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br>
            <a:r>
              <a:rPr lang="en-US" sz="1600">
                <a:solidFill>
                  <a:schemeClr val="tx1"/>
                </a:solidFill>
                <a:latin typeface="Open Sans" panose="020B0606030504020204" pitchFamily="34" charset="0"/>
                <a:ea typeface="Open Sans" panose="020B0606030504020204" pitchFamily="34" charset="0"/>
                <a:cs typeface="Open Sans" panose="020B0606030504020204" pitchFamily="34" charset="0"/>
              </a:rPr>
              <a:t>ways to </a:t>
            </a:r>
            <a:r>
              <a:rPr lang="en-US" sz="1600" b="1">
                <a:solidFill>
                  <a:schemeClr val="tx1"/>
                </a:solidFill>
                <a:latin typeface="Open Sans" panose="020B0606030504020204" pitchFamily="34" charset="0"/>
                <a:ea typeface="Open Sans" panose="020B0606030504020204" pitchFamily="34" charset="0"/>
                <a:cs typeface="Open Sans" panose="020B0606030504020204" pitchFamily="34" charset="0"/>
              </a:rPr>
              <a:t>fill gaps in the provision of psychosocial supports</a:t>
            </a:r>
          </a:p>
        </p:txBody>
      </p:sp>
      <p:sp>
        <p:nvSpPr>
          <p:cNvPr id="25" name="Rectangle 24">
            <a:extLst>
              <a:ext uri="{FF2B5EF4-FFF2-40B4-BE49-F238E27FC236}">
                <a16:creationId xmlns:a16="http://schemas.microsoft.com/office/drawing/2014/main" id="{0C2E3EAB-B8F6-A8B0-E70D-9DE3A11755D9}"/>
              </a:ext>
            </a:extLst>
          </p:cNvPr>
          <p:cNvSpPr/>
          <p:nvPr/>
        </p:nvSpPr>
        <p:spPr>
          <a:xfrm>
            <a:off x="1888435" y="4942037"/>
            <a:ext cx="6970497" cy="917999"/>
          </a:xfrm>
          <a:prstGeom prst="rect">
            <a:avLst/>
          </a:prstGeom>
          <a:solidFill>
            <a:schemeClr val="tx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tIns="72000" rtlCol="0" anchor="ctr" anchorCtr="0"/>
          <a:lstStyle/>
          <a:p>
            <a:pPr fontAlgn="auto">
              <a:lnSpc>
                <a:spcPts val="1800"/>
              </a:lnSpc>
              <a:spcBef>
                <a:spcPts val="0"/>
              </a:spcBef>
              <a:spcAft>
                <a:spcPts val="1600"/>
              </a:spcAft>
              <a:defRPr/>
            </a:pPr>
            <a:r>
              <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rPr>
              <a:t>National Mental Health Commission and Sane Australia are </a:t>
            </a:r>
            <a:r>
              <a:rPr lang="en-US" sz="1600" b="1" dirty="0">
                <a:solidFill>
                  <a:schemeClr val="tx1"/>
                </a:solidFill>
                <a:latin typeface="Open Sans" panose="020B0606030504020204" pitchFamily="34" charset="0"/>
                <a:ea typeface="Open Sans" panose="020B0606030504020204" pitchFamily="34" charset="0"/>
                <a:cs typeface="Open Sans" panose="020B0606030504020204" pitchFamily="34" charset="0"/>
              </a:rPr>
              <a:t>developing the National Stigma and Discrimination Report Card</a:t>
            </a:r>
          </a:p>
        </p:txBody>
      </p:sp>
      <p:grpSp>
        <p:nvGrpSpPr>
          <p:cNvPr id="54" name="Group 53">
            <a:extLst>
              <a:ext uri="{FF2B5EF4-FFF2-40B4-BE49-F238E27FC236}">
                <a16:creationId xmlns:a16="http://schemas.microsoft.com/office/drawing/2014/main" id="{590FA625-8787-9077-EF2D-87538DCC6018}"/>
              </a:ext>
            </a:extLst>
          </p:cNvPr>
          <p:cNvGrpSpPr/>
          <p:nvPr/>
        </p:nvGrpSpPr>
        <p:grpSpPr>
          <a:xfrm>
            <a:off x="8987394" y="1770405"/>
            <a:ext cx="1220464" cy="903218"/>
            <a:chOff x="8950819" y="1781576"/>
            <a:chExt cx="1220464" cy="903218"/>
          </a:xfrm>
        </p:grpSpPr>
        <p:sp>
          <p:nvSpPr>
            <p:cNvPr id="8" name="Rectangle 7">
              <a:extLst>
                <a:ext uri="{FF2B5EF4-FFF2-40B4-BE49-F238E27FC236}">
                  <a16:creationId xmlns:a16="http://schemas.microsoft.com/office/drawing/2014/main" id="{8647376D-2F94-D77A-E03A-5274B4210E6A}"/>
                </a:ext>
              </a:extLst>
            </p:cNvPr>
            <p:cNvSpPr/>
            <p:nvPr/>
          </p:nvSpPr>
          <p:spPr>
            <a:xfrm>
              <a:off x="8950819" y="1781576"/>
              <a:ext cx="1220464" cy="903218"/>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 name="Group 1">
              <a:extLst>
                <a:ext uri="{FF2B5EF4-FFF2-40B4-BE49-F238E27FC236}">
                  <a16:creationId xmlns:a16="http://schemas.microsoft.com/office/drawing/2014/main" id="{A0A6BA24-E1D4-D00C-15AE-FD75D19FE2C0}"/>
                </a:ext>
              </a:extLst>
            </p:cNvPr>
            <p:cNvGrpSpPr>
              <a:grpSpLocks noChangeAspect="1"/>
            </p:cNvGrpSpPr>
            <p:nvPr/>
          </p:nvGrpSpPr>
          <p:grpSpPr>
            <a:xfrm>
              <a:off x="9259392" y="2055746"/>
              <a:ext cx="604834" cy="459928"/>
              <a:chOff x="5415471" y="2571304"/>
              <a:chExt cx="498596" cy="379142"/>
            </a:xfrm>
          </p:grpSpPr>
          <p:sp>
            <p:nvSpPr>
              <p:cNvPr id="4" name="Freeform 3">
                <a:extLst>
                  <a:ext uri="{FF2B5EF4-FFF2-40B4-BE49-F238E27FC236}">
                    <a16:creationId xmlns:a16="http://schemas.microsoft.com/office/drawing/2014/main" id="{64BECA3B-A95E-ECAE-22BD-DB5653F8D735}"/>
                  </a:ext>
                </a:extLst>
              </p:cNvPr>
              <p:cNvSpPr/>
              <p:nvPr/>
            </p:nvSpPr>
            <p:spPr>
              <a:xfrm>
                <a:off x="5471489" y="2628777"/>
                <a:ext cx="367655" cy="306395"/>
              </a:xfrm>
              <a:custGeom>
                <a:avLst/>
                <a:gdLst>
                  <a:gd name="connsiteX0" fmla="*/ 50649 w 367655"/>
                  <a:gd name="connsiteY0" fmla="*/ 0 h 306395"/>
                  <a:gd name="connsiteX1" fmla="*/ 90084 w 367655"/>
                  <a:gd name="connsiteY1" fmla="*/ 24751 h 306395"/>
                  <a:gd name="connsiteX2" fmla="*/ 118212 w 367655"/>
                  <a:gd name="connsiteY2" fmla="*/ 26084 h 306395"/>
                  <a:gd name="connsiteX3" fmla="*/ 104434 w 367655"/>
                  <a:gd name="connsiteY3" fmla="*/ 44742 h 306395"/>
                  <a:gd name="connsiteX4" fmla="*/ 107379 w 367655"/>
                  <a:gd name="connsiteY4" fmla="*/ 72445 h 306395"/>
                  <a:gd name="connsiteX5" fmla="*/ 134082 w 367655"/>
                  <a:gd name="connsiteY5" fmla="*/ 91389 h 306395"/>
                  <a:gd name="connsiteX6" fmla="*/ 161924 w 367655"/>
                  <a:gd name="connsiteY6" fmla="*/ 86058 h 306395"/>
                  <a:gd name="connsiteX7" fmla="*/ 188626 w 367655"/>
                  <a:gd name="connsiteY7" fmla="*/ 61116 h 306395"/>
                  <a:gd name="connsiteX8" fmla="*/ 207822 w 367655"/>
                  <a:gd name="connsiteY8" fmla="*/ 47408 h 306395"/>
                  <a:gd name="connsiteX9" fmla="*/ 364709 w 367655"/>
                  <a:gd name="connsiteY9" fmla="*/ 157741 h 306395"/>
                  <a:gd name="connsiteX10" fmla="*/ 367655 w 367655"/>
                  <a:gd name="connsiteY10" fmla="*/ 176304 h 306395"/>
                  <a:gd name="connsiteX11" fmla="*/ 341333 w 367655"/>
                  <a:gd name="connsiteY11" fmla="*/ 195819 h 306395"/>
                  <a:gd name="connsiteX12" fmla="*/ 269398 w 367655"/>
                  <a:gd name="connsiteY12" fmla="*/ 142700 h 306395"/>
                  <a:gd name="connsiteX13" fmla="*/ 263697 w 367655"/>
                  <a:gd name="connsiteY13" fmla="*/ 146412 h 306395"/>
                  <a:gd name="connsiteX14" fmla="*/ 265882 w 367655"/>
                  <a:gd name="connsiteY14" fmla="*/ 158883 h 306395"/>
                  <a:gd name="connsiteX15" fmla="*/ 317291 w 367655"/>
                  <a:gd name="connsiteY15" fmla="*/ 194868 h 306395"/>
                  <a:gd name="connsiteX16" fmla="*/ 331640 w 367655"/>
                  <a:gd name="connsiteY16" fmla="*/ 212479 h 306395"/>
                  <a:gd name="connsiteX17" fmla="*/ 307314 w 367655"/>
                  <a:gd name="connsiteY17" fmla="*/ 231994 h 306395"/>
                  <a:gd name="connsiteX18" fmla="*/ 238230 w 367655"/>
                  <a:gd name="connsiteY18" fmla="*/ 186681 h 306395"/>
                  <a:gd name="connsiteX19" fmla="*/ 231008 w 367655"/>
                  <a:gd name="connsiteY19" fmla="*/ 197057 h 306395"/>
                  <a:gd name="connsiteX20" fmla="*/ 289734 w 367655"/>
                  <a:gd name="connsiteY20" fmla="*/ 235897 h 306395"/>
                  <a:gd name="connsiteX21" fmla="*/ 282892 w 367655"/>
                  <a:gd name="connsiteY21" fmla="*/ 264171 h 306395"/>
                  <a:gd name="connsiteX22" fmla="*/ 257520 w 367655"/>
                  <a:gd name="connsiteY22" fmla="*/ 265599 h 306395"/>
                  <a:gd name="connsiteX23" fmla="*/ 224451 w 367655"/>
                  <a:gd name="connsiteY23" fmla="*/ 240943 h 306395"/>
                  <a:gd name="connsiteX24" fmla="*/ 214759 w 367655"/>
                  <a:gd name="connsiteY24" fmla="*/ 251129 h 306395"/>
                  <a:gd name="connsiteX25" fmla="*/ 250678 w 367655"/>
                  <a:gd name="connsiteY25" fmla="*/ 280735 h 306395"/>
                  <a:gd name="connsiteX26" fmla="*/ 238990 w 367655"/>
                  <a:gd name="connsiteY26" fmla="*/ 306152 h 306395"/>
                  <a:gd name="connsiteX27" fmla="*/ 220460 w 367655"/>
                  <a:gd name="connsiteY27" fmla="*/ 305200 h 306395"/>
                  <a:gd name="connsiteX28" fmla="*/ 200030 w 367655"/>
                  <a:gd name="connsiteY28" fmla="*/ 297394 h 306395"/>
                  <a:gd name="connsiteX29" fmla="*/ 201645 w 367655"/>
                  <a:gd name="connsiteY29" fmla="*/ 260744 h 306395"/>
                  <a:gd name="connsiteX30" fmla="*/ 167341 w 367655"/>
                  <a:gd name="connsiteY30" fmla="*/ 242751 h 306395"/>
                  <a:gd name="connsiteX31" fmla="*/ 154797 w 367655"/>
                  <a:gd name="connsiteY31" fmla="*/ 213050 h 306395"/>
                  <a:gd name="connsiteX32" fmla="*/ 128380 w 367655"/>
                  <a:gd name="connsiteY32" fmla="*/ 204482 h 306395"/>
                  <a:gd name="connsiteX33" fmla="*/ 117167 w 367655"/>
                  <a:gd name="connsiteY33" fmla="*/ 177351 h 306395"/>
                  <a:gd name="connsiteX34" fmla="*/ 84003 w 367655"/>
                  <a:gd name="connsiteY34" fmla="*/ 167451 h 306395"/>
                  <a:gd name="connsiteX35" fmla="*/ 70509 w 367655"/>
                  <a:gd name="connsiteY35" fmla="*/ 133180 h 306395"/>
                  <a:gd name="connsiteX36" fmla="*/ 17295 w 367655"/>
                  <a:gd name="connsiteY36" fmla="*/ 152791 h 306395"/>
                  <a:gd name="connsiteX37" fmla="*/ 0 w 367655"/>
                  <a:gd name="connsiteY37" fmla="*/ 135084 h 3063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367655" h="306395">
                    <a:moveTo>
                      <a:pt x="50649" y="0"/>
                    </a:moveTo>
                    <a:lnTo>
                      <a:pt x="90084" y="24751"/>
                    </a:lnTo>
                    <a:lnTo>
                      <a:pt x="118212" y="26084"/>
                    </a:lnTo>
                    <a:lnTo>
                      <a:pt x="104434" y="44742"/>
                    </a:lnTo>
                    <a:lnTo>
                      <a:pt x="107379" y="72445"/>
                    </a:lnTo>
                    <a:lnTo>
                      <a:pt x="134082" y="91389"/>
                    </a:lnTo>
                    <a:lnTo>
                      <a:pt x="161924" y="86058"/>
                    </a:lnTo>
                    <a:lnTo>
                      <a:pt x="188626" y="61116"/>
                    </a:lnTo>
                    <a:cubicBezTo>
                      <a:pt x="194993" y="56547"/>
                      <a:pt x="201455" y="51977"/>
                      <a:pt x="207822" y="47408"/>
                    </a:cubicBezTo>
                    <a:cubicBezTo>
                      <a:pt x="260086" y="84154"/>
                      <a:pt x="312445" y="120995"/>
                      <a:pt x="364709" y="157741"/>
                    </a:cubicBezTo>
                    <a:cubicBezTo>
                      <a:pt x="365660" y="163929"/>
                      <a:pt x="366705" y="170116"/>
                      <a:pt x="367655" y="176304"/>
                    </a:cubicBezTo>
                    <a:cubicBezTo>
                      <a:pt x="358913" y="182778"/>
                      <a:pt x="350075" y="189346"/>
                      <a:pt x="341333" y="195819"/>
                    </a:cubicBezTo>
                    <a:cubicBezTo>
                      <a:pt x="317386" y="178113"/>
                      <a:pt x="293345" y="160406"/>
                      <a:pt x="269398" y="142700"/>
                    </a:cubicBezTo>
                    <a:lnTo>
                      <a:pt x="263697" y="146412"/>
                    </a:lnTo>
                    <a:lnTo>
                      <a:pt x="265882" y="158883"/>
                    </a:lnTo>
                    <a:cubicBezTo>
                      <a:pt x="282987" y="170878"/>
                      <a:pt x="300187" y="182873"/>
                      <a:pt x="317291" y="194868"/>
                    </a:cubicBezTo>
                    <a:lnTo>
                      <a:pt x="331640" y="212479"/>
                    </a:lnTo>
                    <a:cubicBezTo>
                      <a:pt x="323563" y="218952"/>
                      <a:pt x="315391" y="225521"/>
                      <a:pt x="307314" y="231994"/>
                    </a:cubicBezTo>
                    <a:cubicBezTo>
                      <a:pt x="284317" y="216858"/>
                      <a:pt x="261321" y="201817"/>
                      <a:pt x="238230" y="186681"/>
                    </a:cubicBezTo>
                    <a:lnTo>
                      <a:pt x="231008" y="197057"/>
                    </a:lnTo>
                    <a:cubicBezTo>
                      <a:pt x="250583" y="210004"/>
                      <a:pt x="270159" y="222951"/>
                      <a:pt x="289734" y="235897"/>
                    </a:cubicBezTo>
                    <a:cubicBezTo>
                      <a:pt x="294200" y="246083"/>
                      <a:pt x="291254" y="257888"/>
                      <a:pt x="282892" y="264171"/>
                    </a:cubicBezTo>
                    <a:cubicBezTo>
                      <a:pt x="275765" y="269597"/>
                      <a:pt x="265787" y="270168"/>
                      <a:pt x="257520" y="265599"/>
                    </a:cubicBezTo>
                    <a:cubicBezTo>
                      <a:pt x="246497" y="257412"/>
                      <a:pt x="235474" y="249130"/>
                      <a:pt x="224451" y="240943"/>
                    </a:cubicBezTo>
                    <a:lnTo>
                      <a:pt x="214759" y="251129"/>
                    </a:lnTo>
                    <a:cubicBezTo>
                      <a:pt x="226732" y="261029"/>
                      <a:pt x="238705" y="270834"/>
                      <a:pt x="250678" y="280735"/>
                    </a:cubicBezTo>
                    <a:cubicBezTo>
                      <a:pt x="246782" y="289207"/>
                      <a:pt x="242886" y="297680"/>
                      <a:pt x="238990" y="306152"/>
                    </a:cubicBezTo>
                    <a:cubicBezTo>
                      <a:pt x="234334" y="306533"/>
                      <a:pt x="227872" y="306628"/>
                      <a:pt x="220460" y="305200"/>
                    </a:cubicBezTo>
                    <a:cubicBezTo>
                      <a:pt x="211433" y="303392"/>
                      <a:pt x="204496" y="300060"/>
                      <a:pt x="200030" y="297394"/>
                    </a:cubicBezTo>
                    <a:cubicBezTo>
                      <a:pt x="207347" y="286352"/>
                      <a:pt x="208012" y="272167"/>
                      <a:pt x="201645" y="260744"/>
                    </a:cubicBezTo>
                    <a:cubicBezTo>
                      <a:pt x="194898" y="248558"/>
                      <a:pt x="181404" y="241419"/>
                      <a:pt x="167341" y="242751"/>
                    </a:cubicBezTo>
                    <a:cubicBezTo>
                      <a:pt x="166105" y="224759"/>
                      <a:pt x="160309" y="216858"/>
                      <a:pt x="154797" y="213050"/>
                    </a:cubicBezTo>
                    <a:cubicBezTo>
                      <a:pt x="145295" y="206482"/>
                      <a:pt x="136552" y="211908"/>
                      <a:pt x="128380" y="204482"/>
                    </a:cubicBezTo>
                    <a:cubicBezTo>
                      <a:pt x="119733" y="196676"/>
                      <a:pt x="124674" y="186585"/>
                      <a:pt x="117167" y="177351"/>
                    </a:cubicBezTo>
                    <a:cubicBezTo>
                      <a:pt x="112891" y="172020"/>
                      <a:pt x="104053" y="166594"/>
                      <a:pt x="84003" y="167451"/>
                    </a:cubicBezTo>
                    <a:cubicBezTo>
                      <a:pt x="85428" y="153362"/>
                      <a:pt x="80487" y="139653"/>
                      <a:pt x="70509" y="133180"/>
                    </a:cubicBezTo>
                    <a:cubicBezTo>
                      <a:pt x="55780" y="123660"/>
                      <a:pt x="29933" y="129943"/>
                      <a:pt x="17295" y="152791"/>
                    </a:cubicBezTo>
                    <a:cubicBezTo>
                      <a:pt x="11498" y="146888"/>
                      <a:pt x="5797" y="140986"/>
                      <a:pt x="0" y="135084"/>
                    </a:cubicBezTo>
                  </a:path>
                </a:pathLst>
              </a:custGeom>
              <a:solidFill>
                <a:srgbClr val="C7E4F1"/>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7" name="Freeform 6">
                <a:extLst>
                  <a:ext uri="{FF2B5EF4-FFF2-40B4-BE49-F238E27FC236}">
                    <a16:creationId xmlns:a16="http://schemas.microsoft.com/office/drawing/2014/main" id="{1E1FCEB3-F638-B9DC-6F7D-0101C815E571}"/>
                  </a:ext>
                </a:extLst>
              </p:cNvPr>
              <p:cNvSpPr/>
              <p:nvPr/>
            </p:nvSpPr>
            <p:spPr>
              <a:xfrm>
                <a:off x="5803510" y="2584415"/>
                <a:ext cx="99396" cy="186680"/>
              </a:xfrm>
              <a:custGeom>
                <a:avLst/>
                <a:gdLst>
                  <a:gd name="connsiteX0" fmla="*/ 0 w 99396"/>
                  <a:gd name="connsiteY0" fmla="*/ 18183 h 186680"/>
                  <a:gd name="connsiteX1" fmla="*/ 52929 w 99396"/>
                  <a:gd name="connsiteY1" fmla="*/ 0 h 186680"/>
                  <a:gd name="connsiteX2" fmla="*/ 99397 w 99396"/>
                  <a:gd name="connsiteY2" fmla="*/ 173353 h 186680"/>
                  <a:gd name="connsiteX3" fmla="*/ 68799 w 99396"/>
                  <a:gd name="connsiteY3" fmla="*/ 186681 h 186680"/>
                  <a:gd name="connsiteX4" fmla="*/ 0 w 99396"/>
                  <a:gd name="connsiteY4" fmla="*/ 18183 h 18668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9396" h="186680">
                    <a:moveTo>
                      <a:pt x="0" y="18183"/>
                    </a:moveTo>
                    <a:lnTo>
                      <a:pt x="52929" y="0"/>
                    </a:lnTo>
                    <a:lnTo>
                      <a:pt x="99397" y="173353"/>
                    </a:lnTo>
                    <a:lnTo>
                      <a:pt x="68799" y="186681"/>
                    </a:lnTo>
                    <a:lnTo>
                      <a:pt x="0" y="18183"/>
                    </a:lnTo>
                    <a:close/>
                  </a:path>
                </a:pathLst>
              </a:custGeom>
              <a:solidFill>
                <a:srgbClr val="C7E4F1"/>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1" name="Freeform 10">
                <a:extLst>
                  <a:ext uri="{FF2B5EF4-FFF2-40B4-BE49-F238E27FC236}">
                    <a16:creationId xmlns:a16="http://schemas.microsoft.com/office/drawing/2014/main" id="{B1DED350-8D01-02C6-FB25-EAAE4420D1E4}"/>
                  </a:ext>
                </a:extLst>
              </p:cNvPr>
              <p:cNvSpPr/>
              <p:nvPr/>
            </p:nvSpPr>
            <p:spPr>
              <a:xfrm>
                <a:off x="5589131" y="2621193"/>
                <a:ext cx="268163" cy="148474"/>
              </a:xfrm>
              <a:custGeom>
                <a:avLst/>
                <a:gdLst>
                  <a:gd name="connsiteX0" fmla="*/ 36395 w 268163"/>
                  <a:gd name="connsiteY0" fmla="*/ 78981 h 148474"/>
                  <a:gd name="connsiteX1" fmla="*/ 12924 w 268163"/>
                  <a:gd name="connsiteY1" fmla="*/ 79742 h 148474"/>
                  <a:gd name="connsiteX2" fmla="*/ 0 w 268163"/>
                  <a:gd name="connsiteY2" fmla="*/ 58799 h 148474"/>
                  <a:gd name="connsiteX3" fmla="*/ 33164 w 268163"/>
                  <a:gd name="connsiteY3" fmla="*/ 22815 h 148474"/>
                  <a:gd name="connsiteX4" fmla="*/ 61672 w 268163"/>
                  <a:gd name="connsiteY4" fmla="*/ 4156 h 148474"/>
                  <a:gd name="connsiteX5" fmla="*/ 77541 w 268163"/>
                  <a:gd name="connsiteY5" fmla="*/ 348 h 148474"/>
                  <a:gd name="connsiteX6" fmla="*/ 95121 w 268163"/>
                  <a:gd name="connsiteY6" fmla="*/ 729 h 148474"/>
                  <a:gd name="connsiteX7" fmla="*/ 127335 w 268163"/>
                  <a:gd name="connsiteY7" fmla="*/ 3775 h 148474"/>
                  <a:gd name="connsiteX8" fmla="*/ 151661 w 268163"/>
                  <a:gd name="connsiteY8" fmla="*/ 5870 h 148474"/>
                  <a:gd name="connsiteX9" fmla="*/ 191002 w 268163"/>
                  <a:gd name="connsiteY9" fmla="*/ 9392 h 148474"/>
                  <a:gd name="connsiteX10" fmla="*/ 215994 w 268163"/>
                  <a:gd name="connsiteY10" fmla="*/ 1871 h 148474"/>
                  <a:gd name="connsiteX11" fmla="*/ 268163 w 268163"/>
                  <a:gd name="connsiteY11" fmla="*/ 138859 h 148474"/>
                  <a:gd name="connsiteX12" fmla="*/ 247637 w 268163"/>
                  <a:gd name="connsiteY12" fmla="*/ 148474 h 148474"/>
                  <a:gd name="connsiteX13" fmla="*/ 94551 w 268163"/>
                  <a:gd name="connsiteY13" fmla="*/ 42996 h 148474"/>
                  <a:gd name="connsiteX14" fmla="*/ 64332 w 268163"/>
                  <a:gd name="connsiteY14" fmla="*/ 51374 h 148474"/>
                  <a:gd name="connsiteX15" fmla="*/ 36490 w 268163"/>
                  <a:gd name="connsiteY15" fmla="*/ 79076 h 148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68163" h="148474">
                    <a:moveTo>
                      <a:pt x="36395" y="78981"/>
                    </a:moveTo>
                    <a:cubicBezTo>
                      <a:pt x="33354" y="80313"/>
                      <a:pt x="22806" y="84883"/>
                      <a:pt x="12924" y="79742"/>
                    </a:cubicBezTo>
                    <a:cubicBezTo>
                      <a:pt x="2946" y="74506"/>
                      <a:pt x="475" y="62036"/>
                      <a:pt x="0" y="58799"/>
                    </a:cubicBezTo>
                    <a:cubicBezTo>
                      <a:pt x="7127" y="48422"/>
                      <a:pt x="17770" y="35285"/>
                      <a:pt x="33164" y="22815"/>
                    </a:cubicBezTo>
                    <a:cubicBezTo>
                      <a:pt x="43332" y="14533"/>
                      <a:pt x="53214" y="8535"/>
                      <a:pt x="61672" y="4156"/>
                    </a:cubicBezTo>
                    <a:cubicBezTo>
                      <a:pt x="65378" y="2728"/>
                      <a:pt x="70794" y="1110"/>
                      <a:pt x="77541" y="348"/>
                    </a:cubicBezTo>
                    <a:cubicBezTo>
                      <a:pt x="83528" y="-318"/>
                      <a:pt x="87804" y="63"/>
                      <a:pt x="95121" y="729"/>
                    </a:cubicBezTo>
                    <a:cubicBezTo>
                      <a:pt x="111180" y="2252"/>
                      <a:pt x="119162" y="2919"/>
                      <a:pt x="127335" y="3775"/>
                    </a:cubicBezTo>
                    <a:cubicBezTo>
                      <a:pt x="134367" y="4442"/>
                      <a:pt x="133416" y="4251"/>
                      <a:pt x="151661" y="5870"/>
                    </a:cubicBezTo>
                    <a:cubicBezTo>
                      <a:pt x="160879" y="6631"/>
                      <a:pt x="174277" y="7869"/>
                      <a:pt x="191002" y="9392"/>
                    </a:cubicBezTo>
                    <a:cubicBezTo>
                      <a:pt x="199364" y="6917"/>
                      <a:pt x="207631" y="4442"/>
                      <a:pt x="215994" y="1871"/>
                    </a:cubicBezTo>
                    <a:cubicBezTo>
                      <a:pt x="233384" y="47566"/>
                      <a:pt x="250773" y="93165"/>
                      <a:pt x="268163" y="138859"/>
                    </a:cubicBezTo>
                    <a:lnTo>
                      <a:pt x="247637" y="148474"/>
                    </a:lnTo>
                    <a:cubicBezTo>
                      <a:pt x="196609" y="113347"/>
                      <a:pt x="145580" y="78124"/>
                      <a:pt x="94551" y="42996"/>
                    </a:cubicBezTo>
                    <a:cubicBezTo>
                      <a:pt x="79347" y="42996"/>
                      <a:pt x="70034" y="47375"/>
                      <a:pt x="64332" y="51374"/>
                    </a:cubicBezTo>
                    <a:cubicBezTo>
                      <a:pt x="50839" y="60893"/>
                      <a:pt x="50934" y="72793"/>
                      <a:pt x="36490" y="79076"/>
                    </a:cubicBezTo>
                    <a:close/>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3" name="Freeform 12">
                <a:extLst>
                  <a:ext uri="{FF2B5EF4-FFF2-40B4-BE49-F238E27FC236}">
                    <a16:creationId xmlns:a16="http://schemas.microsoft.com/office/drawing/2014/main" id="{F57FF082-9262-2F00-D0F9-9CFB6124929E}"/>
                  </a:ext>
                </a:extLst>
              </p:cNvPr>
              <p:cNvSpPr/>
              <p:nvPr/>
            </p:nvSpPr>
            <p:spPr>
              <a:xfrm>
                <a:off x="5480837" y="2774237"/>
                <a:ext cx="62149" cy="72840"/>
              </a:xfrm>
              <a:custGeom>
                <a:avLst/>
                <a:gdLst>
                  <a:gd name="connsiteX0" fmla="*/ 37405 w 62149"/>
                  <a:gd name="connsiteY0" fmla="*/ 1142 h 72840"/>
                  <a:gd name="connsiteX1" fmla="*/ 42821 w 62149"/>
                  <a:gd name="connsiteY1" fmla="*/ 0 h 72840"/>
                  <a:gd name="connsiteX2" fmla="*/ 47762 w 62149"/>
                  <a:gd name="connsiteY2" fmla="*/ 666 h 72840"/>
                  <a:gd name="connsiteX3" fmla="*/ 56410 w 62149"/>
                  <a:gd name="connsiteY3" fmla="*/ 5045 h 72840"/>
                  <a:gd name="connsiteX4" fmla="*/ 60591 w 62149"/>
                  <a:gd name="connsiteY4" fmla="*/ 10948 h 72840"/>
                  <a:gd name="connsiteX5" fmla="*/ 62111 w 62149"/>
                  <a:gd name="connsiteY5" fmla="*/ 17040 h 72840"/>
                  <a:gd name="connsiteX6" fmla="*/ 61351 w 62149"/>
                  <a:gd name="connsiteY6" fmla="*/ 23609 h 72840"/>
                  <a:gd name="connsiteX7" fmla="*/ 59926 w 62149"/>
                  <a:gd name="connsiteY7" fmla="*/ 26941 h 72840"/>
                  <a:gd name="connsiteX8" fmla="*/ 30278 w 62149"/>
                  <a:gd name="connsiteY8" fmla="*/ 68446 h 72840"/>
                  <a:gd name="connsiteX9" fmla="*/ 18970 w 62149"/>
                  <a:gd name="connsiteY9" fmla="*/ 72825 h 72840"/>
                  <a:gd name="connsiteX10" fmla="*/ 9087 w 62149"/>
                  <a:gd name="connsiteY10" fmla="*/ 70445 h 72840"/>
                  <a:gd name="connsiteX11" fmla="*/ 1675 w 62149"/>
                  <a:gd name="connsiteY11" fmla="*/ 62639 h 72840"/>
                  <a:gd name="connsiteX12" fmla="*/ 345 w 62149"/>
                  <a:gd name="connsiteY12" fmla="*/ 51597 h 72840"/>
                  <a:gd name="connsiteX13" fmla="*/ 2055 w 62149"/>
                  <a:gd name="connsiteY13" fmla="*/ 45885 h 72840"/>
                  <a:gd name="connsiteX14" fmla="*/ 18495 w 62149"/>
                  <a:gd name="connsiteY14" fmla="*/ 22086 h 72840"/>
                  <a:gd name="connsiteX15" fmla="*/ 29518 w 62149"/>
                  <a:gd name="connsiteY15" fmla="*/ 7235 h 72840"/>
                  <a:gd name="connsiteX16" fmla="*/ 33129 w 62149"/>
                  <a:gd name="connsiteY16" fmla="*/ 3522 h 72840"/>
                  <a:gd name="connsiteX17" fmla="*/ 37405 w 62149"/>
                  <a:gd name="connsiteY17" fmla="*/ 1047 h 728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62149" h="72840">
                    <a:moveTo>
                      <a:pt x="37405" y="1142"/>
                    </a:moveTo>
                    <a:cubicBezTo>
                      <a:pt x="39970" y="95"/>
                      <a:pt x="42156" y="0"/>
                      <a:pt x="42821" y="0"/>
                    </a:cubicBezTo>
                    <a:cubicBezTo>
                      <a:pt x="44817" y="0"/>
                      <a:pt x="46527" y="286"/>
                      <a:pt x="47762" y="666"/>
                    </a:cubicBezTo>
                    <a:cubicBezTo>
                      <a:pt x="49473" y="1047"/>
                      <a:pt x="53084" y="1999"/>
                      <a:pt x="56410" y="5045"/>
                    </a:cubicBezTo>
                    <a:cubicBezTo>
                      <a:pt x="58691" y="7235"/>
                      <a:pt x="59926" y="9520"/>
                      <a:pt x="60591" y="10948"/>
                    </a:cubicBezTo>
                    <a:cubicBezTo>
                      <a:pt x="61161" y="12280"/>
                      <a:pt x="61921" y="14279"/>
                      <a:pt x="62111" y="17040"/>
                    </a:cubicBezTo>
                    <a:cubicBezTo>
                      <a:pt x="62302" y="19896"/>
                      <a:pt x="61731" y="22181"/>
                      <a:pt x="61351" y="23609"/>
                    </a:cubicBezTo>
                    <a:cubicBezTo>
                      <a:pt x="60876" y="24751"/>
                      <a:pt x="60401" y="25798"/>
                      <a:pt x="59926" y="26941"/>
                    </a:cubicBezTo>
                    <a:cubicBezTo>
                      <a:pt x="52609" y="43695"/>
                      <a:pt x="42061" y="57404"/>
                      <a:pt x="30278" y="68446"/>
                    </a:cubicBezTo>
                    <a:cubicBezTo>
                      <a:pt x="29043" y="69494"/>
                      <a:pt x="24956" y="72635"/>
                      <a:pt x="18970" y="72825"/>
                    </a:cubicBezTo>
                    <a:cubicBezTo>
                      <a:pt x="14218" y="73016"/>
                      <a:pt x="10607" y="71302"/>
                      <a:pt x="9087" y="70445"/>
                    </a:cubicBezTo>
                    <a:cubicBezTo>
                      <a:pt x="7757" y="69779"/>
                      <a:pt x="3956" y="67494"/>
                      <a:pt x="1675" y="62639"/>
                    </a:cubicBezTo>
                    <a:cubicBezTo>
                      <a:pt x="-701" y="57594"/>
                      <a:pt x="60" y="53024"/>
                      <a:pt x="345" y="51597"/>
                    </a:cubicBezTo>
                    <a:cubicBezTo>
                      <a:pt x="630" y="50264"/>
                      <a:pt x="1200" y="48265"/>
                      <a:pt x="2055" y="45885"/>
                    </a:cubicBezTo>
                    <a:cubicBezTo>
                      <a:pt x="5666" y="36175"/>
                      <a:pt x="11082" y="31224"/>
                      <a:pt x="18495" y="22086"/>
                    </a:cubicBezTo>
                    <a:cubicBezTo>
                      <a:pt x="21345" y="18658"/>
                      <a:pt x="25241" y="13613"/>
                      <a:pt x="29518" y="7235"/>
                    </a:cubicBezTo>
                    <a:cubicBezTo>
                      <a:pt x="30278" y="6188"/>
                      <a:pt x="31418" y="4855"/>
                      <a:pt x="33129" y="3522"/>
                    </a:cubicBezTo>
                    <a:cubicBezTo>
                      <a:pt x="35029" y="2094"/>
                      <a:pt x="36740" y="1333"/>
                      <a:pt x="37405" y="1047"/>
                    </a:cubicBezTo>
                    <a:close/>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5" name="Freeform 14">
                <a:extLst>
                  <a:ext uri="{FF2B5EF4-FFF2-40B4-BE49-F238E27FC236}">
                    <a16:creationId xmlns:a16="http://schemas.microsoft.com/office/drawing/2014/main" id="{37C4BFC9-34D5-D664-7DD6-1149BFABDC55}"/>
                  </a:ext>
                </a:extLst>
              </p:cNvPr>
              <p:cNvSpPr/>
              <p:nvPr/>
            </p:nvSpPr>
            <p:spPr>
              <a:xfrm>
                <a:off x="5520083" y="2812696"/>
                <a:ext cx="62149" cy="72840"/>
              </a:xfrm>
              <a:custGeom>
                <a:avLst/>
                <a:gdLst>
                  <a:gd name="connsiteX0" fmla="*/ 37405 w 62149"/>
                  <a:gd name="connsiteY0" fmla="*/ 1142 h 72840"/>
                  <a:gd name="connsiteX1" fmla="*/ 42821 w 62149"/>
                  <a:gd name="connsiteY1" fmla="*/ 0 h 72840"/>
                  <a:gd name="connsiteX2" fmla="*/ 47763 w 62149"/>
                  <a:gd name="connsiteY2" fmla="*/ 666 h 72840"/>
                  <a:gd name="connsiteX3" fmla="*/ 56410 w 62149"/>
                  <a:gd name="connsiteY3" fmla="*/ 5045 h 72840"/>
                  <a:gd name="connsiteX4" fmla="*/ 60591 w 62149"/>
                  <a:gd name="connsiteY4" fmla="*/ 10948 h 72840"/>
                  <a:gd name="connsiteX5" fmla="*/ 62111 w 62149"/>
                  <a:gd name="connsiteY5" fmla="*/ 17040 h 72840"/>
                  <a:gd name="connsiteX6" fmla="*/ 61351 w 62149"/>
                  <a:gd name="connsiteY6" fmla="*/ 23609 h 72840"/>
                  <a:gd name="connsiteX7" fmla="*/ 59926 w 62149"/>
                  <a:gd name="connsiteY7" fmla="*/ 26941 h 72840"/>
                  <a:gd name="connsiteX8" fmla="*/ 30278 w 62149"/>
                  <a:gd name="connsiteY8" fmla="*/ 68446 h 72840"/>
                  <a:gd name="connsiteX9" fmla="*/ 18970 w 62149"/>
                  <a:gd name="connsiteY9" fmla="*/ 72826 h 72840"/>
                  <a:gd name="connsiteX10" fmla="*/ 9087 w 62149"/>
                  <a:gd name="connsiteY10" fmla="*/ 70446 h 72840"/>
                  <a:gd name="connsiteX11" fmla="*/ 1675 w 62149"/>
                  <a:gd name="connsiteY11" fmla="*/ 62639 h 72840"/>
                  <a:gd name="connsiteX12" fmla="*/ 345 w 62149"/>
                  <a:gd name="connsiteY12" fmla="*/ 51597 h 72840"/>
                  <a:gd name="connsiteX13" fmla="*/ 2055 w 62149"/>
                  <a:gd name="connsiteY13" fmla="*/ 45885 h 72840"/>
                  <a:gd name="connsiteX14" fmla="*/ 18495 w 62149"/>
                  <a:gd name="connsiteY14" fmla="*/ 22086 h 72840"/>
                  <a:gd name="connsiteX15" fmla="*/ 29518 w 62149"/>
                  <a:gd name="connsiteY15" fmla="*/ 7235 h 72840"/>
                  <a:gd name="connsiteX16" fmla="*/ 33129 w 62149"/>
                  <a:gd name="connsiteY16" fmla="*/ 3522 h 72840"/>
                  <a:gd name="connsiteX17" fmla="*/ 37405 w 62149"/>
                  <a:gd name="connsiteY17" fmla="*/ 1047 h 728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62149" h="72840">
                    <a:moveTo>
                      <a:pt x="37405" y="1142"/>
                    </a:moveTo>
                    <a:cubicBezTo>
                      <a:pt x="39971" y="95"/>
                      <a:pt x="42156" y="0"/>
                      <a:pt x="42821" y="0"/>
                    </a:cubicBezTo>
                    <a:cubicBezTo>
                      <a:pt x="44817" y="0"/>
                      <a:pt x="46527" y="286"/>
                      <a:pt x="47763" y="666"/>
                    </a:cubicBezTo>
                    <a:cubicBezTo>
                      <a:pt x="49473" y="1047"/>
                      <a:pt x="53084" y="1999"/>
                      <a:pt x="56410" y="5045"/>
                    </a:cubicBezTo>
                    <a:cubicBezTo>
                      <a:pt x="58691" y="7235"/>
                      <a:pt x="59926" y="9520"/>
                      <a:pt x="60591" y="10948"/>
                    </a:cubicBezTo>
                    <a:cubicBezTo>
                      <a:pt x="61161" y="12280"/>
                      <a:pt x="61921" y="14279"/>
                      <a:pt x="62111" y="17040"/>
                    </a:cubicBezTo>
                    <a:cubicBezTo>
                      <a:pt x="62302" y="19896"/>
                      <a:pt x="61731" y="22181"/>
                      <a:pt x="61351" y="23609"/>
                    </a:cubicBezTo>
                    <a:cubicBezTo>
                      <a:pt x="60876" y="24751"/>
                      <a:pt x="60401" y="25798"/>
                      <a:pt x="59926" y="26941"/>
                    </a:cubicBezTo>
                    <a:cubicBezTo>
                      <a:pt x="52609" y="43695"/>
                      <a:pt x="42061" y="57404"/>
                      <a:pt x="30278" y="68446"/>
                    </a:cubicBezTo>
                    <a:cubicBezTo>
                      <a:pt x="29042" y="69494"/>
                      <a:pt x="24956" y="72635"/>
                      <a:pt x="18970" y="72826"/>
                    </a:cubicBezTo>
                    <a:cubicBezTo>
                      <a:pt x="14218" y="73016"/>
                      <a:pt x="10607" y="71302"/>
                      <a:pt x="9087" y="70446"/>
                    </a:cubicBezTo>
                    <a:cubicBezTo>
                      <a:pt x="7757" y="69779"/>
                      <a:pt x="3956" y="67495"/>
                      <a:pt x="1675" y="62639"/>
                    </a:cubicBezTo>
                    <a:cubicBezTo>
                      <a:pt x="-701" y="57594"/>
                      <a:pt x="60" y="53025"/>
                      <a:pt x="345" y="51597"/>
                    </a:cubicBezTo>
                    <a:cubicBezTo>
                      <a:pt x="630" y="50264"/>
                      <a:pt x="1200" y="48265"/>
                      <a:pt x="2055" y="45885"/>
                    </a:cubicBezTo>
                    <a:cubicBezTo>
                      <a:pt x="5666" y="36175"/>
                      <a:pt x="11083" y="31224"/>
                      <a:pt x="18495" y="22086"/>
                    </a:cubicBezTo>
                    <a:cubicBezTo>
                      <a:pt x="21345" y="18659"/>
                      <a:pt x="25241" y="13613"/>
                      <a:pt x="29518" y="7235"/>
                    </a:cubicBezTo>
                    <a:cubicBezTo>
                      <a:pt x="30278" y="6188"/>
                      <a:pt x="31418" y="4855"/>
                      <a:pt x="33129" y="3522"/>
                    </a:cubicBezTo>
                    <a:cubicBezTo>
                      <a:pt x="35029" y="2094"/>
                      <a:pt x="36740" y="1333"/>
                      <a:pt x="37405" y="1047"/>
                    </a:cubicBezTo>
                    <a:close/>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6" name="Freeform 15">
                <a:extLst>
                  <a:ext uri="{FF2B5EF4-FFF2-40B4-BE49-F238E27FC236}">
                    <a16:creationId xmlns:a16="http://schemas.microsoft.com/office/drawing/2014/main" id="{D658200D-2123-B6E7-8507-E8798BEA70B5}"/>
                  </a:ext>
                </a:extLst>
              </p:cNvPr>
              <p:cNvSpPr/>
              <p:nvPr/>
            </p:nvSpPr>
            <p:spPr>
              <a:xfrm>
                <a:off x="5568606" y="2850785"/>
                <a:ext cx="52285" cy="58074"/>
              </a:xfrm>
              <a:custGeom>
                <a:avLst/>
                <a:gdLst>
                  <a:gd name="connsiteX0" fmla="*/ 31168 w 52285"/>
                  <a:gd name="connsiteY0" fmla="*/ 180 h 58074"/>
                  <a:gd name="connsiteX1" fmla="*/ 36015 w 52285"/>
                  <a:gd name="connsiteY1" fmla="*/ 180 h 58074"/>
                  <a:gd name="connsiteX2" fmla="*/ 39911 w 52285"/>
                  <a:gd name="connsiteY2" fmla="*/ 656 h 58074"/>
                  <a:gd name="connsiteX3" fmla="*/ 46753 w 52285"/>
                  <a:gd name="connsiteY3" fmla="*/ 4178 h 58074"/>
                  <a:gd name="connsiteX4" fmla="*/ 50079 w 52285"/>
                  <a:gd name="connsiteY4" fmla="*/ 8843 h 58074"/>
                  <a:gd name="connsiteX5" fmla="*/ 52074 w 52285"/>
                  <a:gd name="connsiteY5" fmla="*/ 15031 h 58074"/>
                  <a:gd name="connsiteX6" fmla="*/ 52074 w 52285"/>
                  <a:gd name="connsiteY6" fmla="*/ 21314 h 58074"/>
                  <a:gd name="connsiteX7" fmla="*/ 45422 w 52285"/>
                  <a:gd name="connsiteY7" fmla="*/ 33690 h 58074"/>
                  <a:gd name="connsiteX8" fmla="*/ 39911 w 52285"/>
                  <a:gd name="connsiteY8" fmla="*/ 43400 h 58074"/>
                  <a:gd name="connsiteX9" fmla="*/ 27368 w 52285"/>
                  <a:gd name="connsiteY9" fmla="*/ 55870 h 58074"/>
                  <a:gd name="connsiteX10" fmla="*/ 16820 w 52285"/>
                  <a:gd name="connsiteY10" fmla="*/ 58060 h 58074"/>
                  <a:gd name="connsiteX11" fmla="*/ 8932 w 52285"/>
                  <a:gd name="connsiteY11" fmla="*/ 56156 h 58074"/>
                  <a:gd name="connsiteX12" fmla="*/ 2946 w 52285"/>
                  <a:gd name="connsiteY12" fmla="*/ 49968 h 58074"/>
                  <a:gd name="connsiteX13" fmla="*/ 0 w 52285"/>
                  <a:gd name="connsiteY13" fmla="*/ 41972 h 58074"/>
                  <a:gd name="connsiteX14" fmla="*/ 1710 w 52285"/>
                  <a:gd name="connsiteY14" fmla="*/ 34451 h 58074"/>
                  <a:gd name="connsiteX15" fmla="*/ 8552 w 52285"/>
                  <a:gd name="connsiteY15" fmla="*/ 23503 h 58074"/>
                  <a:gd name="connsiteX16" fmla="*/ 20811 w 52285"/>
                  <a:gd name="connsiteY16" fmla="*/ 6178 h 58074"/>
                  <a:gd name="connsiteX17" fmla="*/ 23756 w 52285"/>
                  <a:gd name="connsiteY17" fmla="*/ 3512 h 58074"/>
                  <a:gd name="connsiteX18" fmla="*/ 26607 w 52285"/>
                  <a:gd name="connsiteY18" fmla="*/ 1894 h 58074"/>
                  <a:gd name="connsiteX19" fmla="*/ 30978 w 52285"/>
                  <a:gd name="connsiteY19" fmla="*/ 180 h 580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52285" h="58074">
                    <a:moveTo>
                      <a:pt x="31168" y="180"/>
                    </a:moveTo>
                    <a:cubicBezTo>
                      <a:pt x="32689" y="-105"/>
                      <a:pt x="33924" y="-10"/>
                      <a:pt x="36015" y="180"/>
                    </a:cubicBezTo>
                    <a:cubicBezTo>
                      <a:pt x="37725" y="275"/>
                      <a:pt x="38676" y="466"/>
                      <a:pt x="39911" y="656"/>
                    </a:cubicBezTo>
                    <a:cubicBezTo>
                      <a:pt x="41241" y="942"/>
                      <a:pt x="44187" y="1703"/>
                      <a:pt x="46753" y="4178"/>
                    </a:cubicBezTo>
                    <a:cubicBezTo>
                      <a:pt x="48558" y="5797"/>
                      <a:pt x="49413" y="7510"/>
                      <a:pt x="50079" y="8843"/>
                    </a:cubicBezTo>
                    <a:cubicBezTo>
                      <a:pt x="50649" y="9985"/>
                      <a:pt x="51599" y="12175"/>
                      <a:pt x="52074" y="15031"/>
                    </a:cubicBezTo>
                    <a:cubicBezTo>
                      <a:pt x="52074" y="15221"/>
                      <a:pt x="52549" y="18172"/>
                      <a:pt x="52074" y="21314"/>
                    </a:cubicBezTo>
                    <a:cubicBezTo>
                      <a:pt x="51409" y="25788"/>
                      <a:pt x="49128" y="27883"/>
                      <a:pt x="45422" y="33690"/>
                    </a:cubicBezTo>
                    <a:cubicBezTo>
                      <a:pt x="41621" y="39592"/>
                      <a:pt x="42857" y="39021"/>
                      <a:pt x="39911" y="43400"/>
                    </a:cubicBezTo>
                    <a:cubicBezTo>
                      <a:pt x="36395" y="48540"/>
                      <a:pt x="33259" y="53110"/>
                      <a:pt x="27368" y="55870"/>
                    </a:cubicBezTo>
                    <a:cubicBezTo>
                      <a:pt x="25847" y="56537"/>
                      <a:pt x="21951" y="58250"/>
                      <a:pt x="16820" y="58060"/>
                    </a:cubicBezTo>
                    <a:cubicBezTo>
                      <a:pt x="14729" y="58060"/>
                      <a:pt x="11973" y="57869"/>
                      <a:pt x="8932" y="56156"/>
                    </a:cubicBezTo>
                    <a:cubicBezTo>
                      <a:pt x="5702" y="54347"/>
                      <a:pt x="4086" y="51777"/>
                      <a:pt x="2946" y="49968"/>
                    </a:cubicBezTo>
                    <a:cubicBezTo>
                      <a:pt x="1806" y="48159"/>
                      <a:pt x="190" y="45494"/>
                      <a:pt x="0" y="41972"/>
                    </a:cubicBezTo>
                    <a:cubicBezTo>
                      <a:pt x="0" y="40353"/>
                      <a:pt x="95" y="38259"/>
                      <a:pt x="1710" y="34451"/>
                    </a:cubicBezTo>
                    <a:cubicBezTo>
                      <a:pt x="3611" y="29882"/>
                      <a:pt x="5606" y="27597"/>
                      <a:pt x="8552" y="23503"/>
                    </a:cubicBezTo>
                    <a:cubicBezTo>
                      <a:pt x="11498" y="19315"/>
                      <a:pt x="17485" y="9985"/>
                      <a:pt x="20811" y="6178"/>
                    </a:cubicBezTo>
                    <a:cubicBezTo>
                      <a:pt x="21761" y="5131"/>
                      <a:pt x="22711" y="4274"/>
                      <a:pt x="23756" y="3512"/>
                    </a:cubicBezTo>
                    <a:cubicBezTo>
                      <a:pt x="24802" y="2751"/>
                      <a:pt x="25752" y="2275"/>
                      <a:pt x="26607" y="1894"/>
                    </a:cubicBezTo>
                    <a:cubicBezTo>
                      <a:pt x="28413" y="1037"/>
                      <a:pt x="29458" y="466"/>
                      <a:pt x="30978" y="180"/>
                    </a:cubicBezTo>
                    <a:close/>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7" name="Freeform 16">
                <a:extLst>
                  <a:ext uri="{FF2B5EF4-FFF2-40B4-BE49-F238E27FC236}">
                    <a16:creationId xmlns:a16="http://schemas.microsoft.com/office/drawing/2014/main" id="{0E41E6FF-5D83-5C8D-1917-CDFBD7DD9BC5}"/>
                  </a:ext>
                </a:extLst>
              </p:cNvPr>
              <p:cNvSpPr/>
              <p:nvPr/>
            </p:nvSpPr>
            <p:spPr>
              <a:xfrm>
                <a:off x="5618749" y="2889219"/>
                <a:ext cx="41203" cy="43234"/>
              </a:xfrm>
              <a:custGeom>
                <a:avLst/>
                <a:gdLst>
                  <a:gd name="connsiteX0" fmla="*/ 13334 w 41203"/>
                  <a:gd name="connsiteY0" fmla="*/ 2776 h 43234"/>
                  <a:gd name="connsiteX1" fmla="*/ 18370 w 41203"/>
                  <a:gd name="connsiteY1" fmla="*/ 587 h 43234"/>
                  <a:gd name="connsiteX2" fmla="*/ 22361 w 41203"/>
                  <a:gd name="connsiteY2" fmla="*/ 16 h 43234"/>
                  <a:gd name="connsiteX3" fmla="*/ 29203 w 41203"/>
                  <a:gd name="connsiteY3" fmla="*/ 777 h 43234"/>
                  <a:gd name="connsiteX4" fmla="*/ 36520 w 41203"/>
                  <a:gd name="connsiteY4" fmla="*/ 5918 h 43234"/>
                  <a:gd name="connsiteX5" fmla="*/ 39371 w 41203"/>
                  <a:gd name="connsiteY5" fmla="*/ 10106 h 43234"/>
                  <a:gd name="connsiteX6" fmla="*/ 40986 w 41203"/>
                  <a:gd name="connsiteY6" fmla="*/ 14866 h 43234"/>
                  <a:gd name="connsiteX7" fmla="*/ 40701 w 41203"/>
                  <a:gd name="connsiteY7" fmla="*/ 22577 h 43234"/>
                  <a:gd name="connsiteX8" fmla="*/ 34240 w 41203"/>
                  <a:gd name="connsiteY8" fmla="*/ 33715 h 43234"/>
                  <a:gd name="connsiteX9" fmla="*/ 29108 w 41203"/>
                  <a:gd name="connsiteY9" fmla="*/ 39522 h 43234"/>
                  <a:gd name="connsiteX10" fmla="*/ 17800 w 41203"/>
                  <a:gd name="connsiteY10" fmla="*/ 43235 h 43234"/>
                  <a:gd name="connsiteX11" fmla="*/ 11624 w 41203"/>
                  <a:gd name="connsiteY11" fmla="*/ 42188 h 43234"/>
                  <a:gd name="connsiteX12" fmla="*/ 4306 w 41203"/>
                  <a:gd name="connsiteY12" fmla="*/ 37047 h 43234"/>
                  <a:gd name="connsiteX13" fmla="*/ 696 w 41203"/>
                  <a:gd name="connsiteY13" fmla="*/ 30383 h 43234"/>
                  <a:gd name="connsiteX14" fmla="*/ 1361 w 41203"/>
                  <a:gd name="connsiteY14" fmla="*/ 18388 h 43234"/>
                  <a:gd name="connsiteX15" fmla="*/ 13334 w 41203"/>
                  <a:gd name="connsiteY15" fmla="*/ 2967 h 43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1203" h="43234">
                    <a:moveTo>
                      <a:pt x="13334" y="2776"/>
                    </a:moveTo>
                    <a:cubicBezTo>
                      <a:pt x="15900" y="1253"/>
                      <a:pt x="18370" y="587"/>
                      <a:pt x="18370" y="587"/>
                    </a:cubicBezTo>
                    <a:cubicBezTo>
                      <a:pt x="20081" y="111"/>
                      <a:pt x="21506" y="111"/>
                      <a:pt x="22361" y="16"/>
                    </a:cubicBezTo>
                    <a:cubicBezTo>
                      <a:pt x="23882" y="16"/>
                      <a:pt x="26448" y="-175"/>
                      <a:pt x="29203" y="777"/>
                    </a:cubicBezTo>
                    <a:cubicBezTo>
                      <a:pt x="32909" y="2015"/>
                      <a:pt x="35285" y="4395"/>
                      <a:pt x="36520" y="5918"/>
                    </a:cubicBezTo>
                    <a:cubicBezTo>
                      <a:pt x="37376" y="6870"/>
                      <a:pt x="38421" y="8202"/>
                      <a:pt x="39371" y="10106"/>
                    </a:cubicBezTo>
                    <a:cubicBezTo>
                      <a:pt x="40321" y="12010"/>
                      <a:pt x="40701" y="13629"/>
                      <a:pt x="40986" y="14866"/>
                    </a:cubicBezTo>
                    <a:cubicBezTo>
                      <a:pt x="41272" y="16770"/>
                      <a:pt x="41367" y="19436"/>
                      <a:pt x="40701" y="22577"/>
                    </a:cubicBezTo>
                    <a:cubicBezTo>
                      <a:pt x="39371" y="28479"/>
                      <a:pt x="35855" y="32192"/>
                      <a:pt x="34240" y="33715"/>
                    </a:cubicBezTo>
                    <a:cubicBezTo>
                      <a:pt x="33384" y="35238"/>
                      <a:pt x="31769" y="37523"/>
                      <a:pt x="29108" y="39522"/>
                    </a:cubicBezTo>
                    <a:cubicBezTo>
                      <a:pt x="24547" y="42949"/>
                      <a:pt x="19701" y="43235"/>
                      <a:pt x="17800" y="43235"/>
                    </a:cubicBezTo>
                    <a:cubicBezTo>
                      <a:pt x="16280" y="43235"/>
                      <a:pt x="14094" y="43044"/>
                      <a:pt x="11624" y="42188"/>
                    </a:cubicBezTo>
                    <a:cubicBezTo>
                      <a:pt x="7727" y="40760"/>
                      <a:pt x="5352" y="38285"/>
                      <a:pt x="4306" y="37047"/>
                    </a:cubicBezTo>
                    <a:cubicBezTo>
                      <a:pt x="3166" y="35714"/>
                      <a:pt x="1551" y="33525"/>
                      <a:pt x="696" y="30383"/>
                    </a:cubicBezTo>
                    <a:cubicBezTo>
                      <a:pt x="-920" y="24767"/>
                      <a:pt x="696" y="20007"/>
                      <a:pt x="1361" y="18388"/>
                    </a:cubicBezTo>
                    <a:cubicBezTo>
                      <a:pt x="5447" y="10202"/>
                      <a:pt x="10293" y="4775"/>
                      <a:pt x="13334" y="2967"/>
                    </a:cubicBezTo>
                    <a:close/>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19" name="Freeform 18">
                <a:extLst>
                  <a:ext uri="{FF2B5EF4-FFF2-40B4-BE49-F238E27FC236}">
                    <a16:creationId xmlns:a16="http://schemas.microsoft.com/office/drawing/2014/main" id="{B32F8B33-E782-96EA-5E2F-99DC9376E5B1}"/>
                  </a:ext>
                </a:extLst>
              </p:cNvPr>
              <p:cNvSpPr/>
              <p:nvPr/>
            </p:nvSpPr>
            <p:spPr>
              <a:xfrm>
                <a:off x="5434809" y="2592411"/>
                <a:ext cx="76400" cy="173733"/>
              </a:xfrm>
              <a:custGeom>
                <a:avLst/>
                <a:gdLst>
                  <a:gd name="connsiteX0" fmla="*/ 39436 w 76400"/>
                  <a:gd name="connsiteY0" fmla="*/ 0 h 173733"/>
                  <a:gd name="connsiteX1" fmla="*/ 76401 w 76400"/>
                  <a:gd name="connsiteY1" fmla="*/ 14756 h 173733"/>
                  <a:gd name="connsiteX2" fmla="*/ 16915 w 76400"/>
                  <a:gd name="connsiteY2" fmla="*/ 173734 h 173733"/>
                  <a:gd name="connsiteX3" fmla="*/ 0 w 76400"/>
                  <a:gd name="connsiteY3" fmla="*/ 168022 h 173733"/>
                </a:gdLst>
                <a:ahLst/>
                <a:cxnLst>
                  <a:cxn ang="0">
                    <a:pos x="connsiteX0" y="connsiteY0"/>
                  </a:cxn>
                  <a:cxn ang="0">
                    <a:pos x="connsiteX1" y="connsiteY1"/>
                  </a:cxn>
                  <a:cxn ang="0">
                    <a:pos x="connsiteX2" y="connsiteY2"/>
                  </a:cxn>
                  <a:cxn ang="0">
                    <a:pos x="connsiteX3" y="connsiteY3"/>
                  </a:cxn>
                </a:cxnLst>
                <a:rect l="l" t="t" r="r" b="b"/>
                <a:pathLst>
                  <a:path w="76400" h="173733">
                    <a:moveTo>
                      <a:pt x="39436" y="0"/>
                    </a:moveTo>
                    <a:lnTo>
                      <a:pt x="76401" y="14756"/>
                    </a:lnTo>
                    <a:lnTo>
                      <a:pt x="16915" y="173734"/>
                    </a:lnTo>
                    <a:lnTo>
                      <a:pt x="0" y="168022"/>
                    </a:lnTo>
                  </a:path>
                </a:pathLst>
              </a:custGeom>
              <a:solidFill>
                <a:srgbClr val="66BCDB"/>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sp>
            <p:nvSpPr>
              <p:cNvPr id="21" name="Freeform 20">
                <a:extLst>
                  <a:ext uri="{FF2B5EF4-FFF2-40B4-BE49-F238E27FC236}">
                    <a16:creationId xmlns:a16="http://schemas.microsoft.com/office/drawing/2014/main" id="{27EBFC92-7A5C-D98F-8558-FBA4C8181BBC}"/>
                  </a:ext>
                </a:extLst>
              </p:cNvPr>
              <p:cNvSpPr/>
              <p:nvPr/>
            </p:nvSpPr>
            <p:spPr>
              <a:xfrm>
                <a:off x="5415471" y="2571304"/>
                <a:ext cx="498596" cy="379142"/>
              </a:xfrm>
              <a:custGeom>
                <a:avLst/>
                <a:gdLst>
                  <a:gd name="connsiteX0" fmla="*/ 448475 w 498596"/>
                  <a:gd name="connsiteY0" fmla="*/ 209121 h 379142"/>
                  <a:gd name="connsiteX1" fmla="*/ 459688 w 498596"/>
                  <a:gd name="connsiteY1" fmla="*/ 214452 h 379142"/>
                  <a:gd name="connsiteX2" fmla="*/ 492472 w 498596"/>
                  <a:gd name="connsiteY2" fmla="*/ 203504 h 379142"/>
                  <a:gd name="connsiteX3" fmla="*/ 498364 w 498596"/>
                  <a:gd name="connsiteY3" fmla="*/ 193033 h 379142"/>
                  <a:gd name="connsiteX4" fmla="*/ 454652 w 498596"/>
                  <a:gd name="connsiteY4" fmla="*/ 6923 h 379142"/>
                  <a:gd name="connsiteX5" fmla="*/ 450091 w 498596"/>
                  <a:gd name="connsiteY5" fmla="*/ 1021 h 379142"/>
                  <a:gd name="connsiteX6" fmla="*/ 442679 w 498596"/>
                  <a:gd name="connsiteY6" fmla="*/ 640 h 379142"/>
                  <a:gd name="connsiteX7" fmla="*/ 388039 w 498596"/>
                  <a:gd name="connsiteY7" fmla="*/ 22536 h 379142"/>
                  <a:gd name="connsiteX8" fmla="*/ 382907 w 498596"/>
                  <a:gd name="connsiteY8" fmla="*/ 33007 h 379142"/>
                  <a:gd name="connsiteX9" fmla="*/ 383383 w 498596"/>
                  <a:gd name="connsiteY9" fmla="*/ 34911 h 379142"/>
                  <a:gd name="connsiteX10" fmla="*/ 363047 w 498596"/>
                  <a:gd name="connsiteY10" fmla="*/ 41194 h 379142"/>
                  <a:gd name="connsiteX11" fmla="*/ 362667 w 498596"/>
                  <a:gd name="connsiteY11" fmla="*/ 41194 h 379142"/>
                  <a:gd name="connsiteX12" fmla="*/ 267071 w 498596"/>
                  <a:gd name="connsiteY12" fmla="*/ 32531 h 379142"/>
                  <a:gd name="connsiteX13" fmla="*/ 215852 w 498596"/>
                  <a:gd name="connsiteY13" fmla="*/ 45954 h 379142"/>
                  <a:gd name="connsiteX14" fmla="*/ 195992 w 498596"/>
                  <a:gd name="connsiteY14" fmla="*/ 61852 h 379142"/>
                  <a:gd name="connsiteX15" fmla="*/ 192191 w 498596"/>
                  <a:gd name="connsiteY15" fmla="*/ 65660 h 379142"/>
                  <a:gd name="connsiteX16" fmla="*/ 153515 w 498596"/>
                  <a:gd name="connsiteY16" fmla="*/ 65660 h 379142"/>
                  <a:gd name="connsiteX17" fmla="*/ 113224 w 498596"/>
                  <a:gd name="connsiteY17" fmla="*/ 40337 h 379142"/>
                  <a:gd name="connsiteX18" fmla="*/ 115600 w 498596"/>
                  <a:gd name="connsiteY18" fmla="*/ 33959 h 379142"/>
                  <a:gd name="connsiteX19" fmla="*/ 110563 w 498596"/>
                  <a:gd name="connsiteY19" fmla="*/ 22536 h 379142"/>
                  <a:gd name="connsiteX20" fmla="*/ 55924 w 498596"/>
                  <a:gd name="connsiteY20" fmla="*/ 640 h 379142"/>
                  <a:gd name="connsiteX21" fmla="*/ 48511 w 498596"/>
                  <a:gd name="connsiteY21" fmla="*/ 1021 h 379142"/>
                  <a:gd name="connsiteX22" fmla="*/ 43950 w 498596"/>
                  <a:gd name="connsiteY22" fmla="*/ 6923 h 379142"/>
                  <a:gd name="connsiteX23" fmla="*/ 238 w 498596"/>
                  <a:gd name="connsiteY23" fmla="*/ 193033 h 379142"/>
                  <a:gd name="connsiteX24" fmla="*/ 6130 w 498596"/>
                  <a:gd name="connsiteY24" fmla="*/ 203504 h 379142"/>
                  <a:gd name="connsiteX25" fmla="*/ 38914 w 498596"/>
                  <a:gd name="connsiteY25" fmla="*/ 214452 h 379142"/>
                  <a:gd name="connsiteX26" fmla="*/ 49082 w 498596"/>
                  <a:gd name="connsiteY26" fmla="*/ 210835 h 379142"/>
                  <a:gd name="connsiteX27" fmla="*/ 50032 w 498596"/>
                  <a:gd name="connsiteY27" fmla="*/ 209407 h 379142"/>
                  <a:gd name="connsiteX28" fmla="*/ 55733 w 498596"/>
                  <a:gd name="connsiteY28" fmla="*/ 212072 h 379142"/>
                  <a:gd name="connsiteX29" fmla="*/ 58964 w 498596"/>
                  <a:gd name="connsiteY29" fmla="*/ 228160 h 379142"/>
                  <a:gd name="connsiteX30" fmla="*/ 59344 w 498596"/>
                  <a:gd name="connsiteY30" fmla="*/ 229112 h 379142"/>
                  <a:gd name="connsiteX31" fmla="*/ 59630 w 498596"/>
                  <a:gd name="connsiteY31" fmla="*/ 230064 h 379142"/>
                  <a:gd name="connsiteX32" fmla="*/ 54593 w 498596"/>
                  <a:gd name="connsiteY32" fmla="*/ 237299 h 379142"/>
                  <a:gd name="connsiteX33" fmla="*/ 48606 w 498596"/>
                  <a:gd name="connsiteY33" fmla="*/ 264050 h 379142"/>
                  <a:gd name="connsiteX34" fmla="*/ 63430 w 498596"/>
                  <a:gd name="connsiteY34" fmla="*/ 287278 h 379142"/>
                  <a:gd name="connsiteX35" fmla="*/ 83956 w 498596"/>
                  <a:gd name="connsiteY35" fmla="*/ 293751 h 379142"/>
                  <a:gd name="connsiteX36" fmla="*/ 87187 w 498596"/>
                  <a:gd name="connsiteY36" fmla="*/ 293561 h 379142"/>
                  <a:gd name="connsiteX37" fmla="*/ 87187 w 498596"/>
                  <a:gd name="connsiteY37" fmla="*/ 295655 h 379142"/>
                  <a:gd name="connsiteX38" fmla="*/ 87662 w 498596"/>
                  <a:gd name="connsiteY38" fmla="*/ 302319 h 379142"/>
                  <a:gd name="connsiteX39" fmla="*/ 102391 w 498596"/>
                  <a:gd name="connsiteY39" fmla="*/ 325451 h 379142"/>
                  <a:gd name="connsiteX40" fmla="*/ 135650 w 498596"/>
                  <a:gd name="connsiteY40" fmla="*/ 329545 h 379142"/>
                  <a:gd name="connsiteX41" fmla="*/ 137646 w 498596"/>
                  <a:gd name="connsiteY41" fmla="*/ 328783 h 379142"/>
                  <a:gd name="connsiteX42" fmla="*/ 138311 w 498596"/>
                  <a:gd name="connsiteY42" fmla="*/ 330782 h 379142"/>
                  <a:gd name="connsiteX43" fmla="*/ 151710 w 498596"/>
                  <a:gd name="connsiteY43" fmla="*/ 348965 h 379142"/>
                  <a:gd name="connsiteX44" fmla="*/ 184969 w 498596"/>
                  <a:gd name="connsiteY44" fmla="*/ 353058 h 379142"/>
                  <a:gd name="connsiteX45" fmla="*/ 186964 w 498596"/>
                  <a:gd name="connsiteY45" fmla="*/ 352297 h 379142"/>
                  <a:gd name="connsiteX46" fmla="*/ 187629 w 498596"/>
                  <a:gd name="connsiteY46" fmla="*/ 354296 h 379142"/>
                  <a:gd name="connsiteX47" fmla="*/ 201028 w 498596"/>
                  <a:gd name="connsiteY47" fmla="*/ 372478 h 379142"/>
                  <a:gd name="connsiteX48" fmla="*/ 221554 w 498596"/>
                  <a:gd name="connsiteY48" fmla="*/ 378952 h 379142"/>
                  <a:gd name="connsiteX49" fmla="*/ 249301 w 498596"/>
                  <a:gd name="connsiteY49" fmla="*/ 365720 h 379142"/>
                  <a:gd name="connsiteX50" fmla="*/ 250442 w 498596"/>
                  <a:gd name="connsiteY50" fmla="*/ 364292 h 379142"/>
                  <a:gd name="connsiteX51" fmla="*/ 263175 w 498596"/>
                  <a:gd name="connsiteY51" fmla="*/ 372669 h 379142"/>
                  <a:gd name="connsiteX52" fmla="*/ 283701 w 498596"/>
                  <a:gd name="connsiteY52" fmla="*/ 379142 h 379142"/>
                  <a:gd name="connsiteX53" fmla="*/ 313159 w 498596"/>
                  <a:gd name="connsiteY53" fmla="*/ 363911 h 379142"/>
                  <a:gd name="connsiteX54" fmla="*/ 319525 w 498596"/>
                  <a:gd name="connsiteY54" fmla="*/ 343253 h 379142"/>
                  <a:gd name="connsiteX55" fmla="*/ 319525 w 498596"/>
                  <a:gd name="connsiteY55" fmla="*/ 341064 h 379142"/>
                  <a:gd name="connsiteX56" fmla="*/ 322661 w 498596"/>
                  <a:gd name="connsiteY56" fmla="*/ 341349 h 379142"/>
                  <a:gd name="connsiteX57" fmla="*/ 324467 w 498596"/>
                  <a:gd name="connsiteY57" fmla="*/ 341444 h 379142"/>
                  <a:gd name="connsiteX58" fmla="*/ 353925 w 498596"/>
                  <a:gd name="connsiteY58" fmla="*/ 326213 h 379142"/>
                  <a:gd name="connsiteX59" fmla="*/ 360291 w 498596"/>
                  <a:gd name="connsiteY59" fmla="*/ 304508 h 379142"/>
                  <a:gd name="connsiteX60" fmla="*/ 360291 w 498596"/>
                  <a:gd name="connsiteY60" fmla="*/ 302414 h 379142"/>
                  <a:gd name="connsiteX61" fmla="*/ 362287 w 498596"/>
                  <a:gd name="connsiteY61" fmla="*/ 302414 h 379142"/>
                  <a:gd name="connsiteX62" fmla="*/ 362572 w 498596"/>
                  <a:gd name="connsiteY62" fmla="*/ 304413 h 379142"/>
                  <a:gd name="connsiteX63" fmla="*/ 362857 w 498596"/>
                  <a:gd name="connsiteY63" fmla="*/ 302414 h 379142"/>
                  <a:gd name="connsiteX64" fmla="*/ 392220 w 498596"/>
                  <a:gd name="connsiteY64" fmla="*/ 287182 h 379142"/>
                  <a:gd name="connsiteX65" fmla="*/ 398587 w 498596"/>
                  <a:gd name="connsiteY65" fmla="*/ 265573 h 379142"/>
                  <a:gd name="connsiteX66" fmla="*/ 398587 w 498596"/>
                  <a:gd name="connsiteY66" fmla="*/ 263478 h 379142"/>
                  <a:gd name="connsiteX67" fmla="*/ 400582 w 498596"/>
                  <a:gd name="connsiteY67" fmla="*/ 263478 h 379142"/>
                  <a:gd name="connsiteX68" fmla="*/ 400867 w 498596"/>
                  <a:gd name="connsiteY68" fmla="*/ 265477 h 379142"/>
                  <a:gd name="connsiteX69" fmla="*/ 401153 w 498596"/>
                  <a:gd name="connsiteY69" fmla="*/ 263478 h 379142"/>
                  <a:gd name="connsiteX70" fmla="*/ 430516 w 498596"/>
                  <a:gd name="connsiteY70" fmla="*/ 248247 h 379142"/>
                  <a:gd name="connsiteX71" fmla="*/ 436502 w 498596"/>
                  <a:gd name="connsiteY71" fmla="*/ 221497 h 379142"/>
                  <a:gd name="connsiteX72" fmla="*/ 433936 w 498596"/>
                  <a:gd name="connsiteY72" fmla="*/ 213310 h 379142"/>
                  <a:gd name="connsiteX73" fmla="*/ 433176 w 498596"/>
                  <a:gd name="connsiteY73" fmla="*/ 211596 h 379142"/>
                  <a:gd name="connsiteX74" fmla="*/ 447050 w 498596"/>
                  <a:gd name="connsiteY74" fmla="*/ 204456 h 379142"/>
                  <a:gd name="connsiteX75" fmla="*/ 448760 w 498596"/>
                  <a:gd name="connsiteY75" fmla="*/ 208931 h 379142"/>
                  <a:gd name="connsiteX76" fmla="*/ 439543 w 498596"/>
                  <a:gd name="connsiteY76" fmla="*/ 21108 h 379142"/>
                  <a:gd name="connsiteX77" fmla="*/ 478979 w 498596"/>
                  <a:gd name="connsiteY77" fmla="*/ 189225 h 379142"/>
                  <a:gd name="connsiteX78" fmla="*/ 462064 w 498596"/>
                  <a:gd name="connsiteY78" fmla="*/ 194842 h 379142"/>
                  <a:gd name="connsiteX79" fmla="*/ 402578 w 498596"/>
                  <a:gd name="connsiteY79" fmla="*/ 35958 h 379142"/>
                  <a:gd name="connsiteX80" fmla="*/ 439543 w 498596"/>
                  <a:gd name="connsiteY80" fmla="*/ 21203 h 379142"/>
                  <a:gd name="connsiteX81" fmla="*/ 36253 w 498596"/>
                  <a:gd name="connsiteY81" fmla="*/ 194842 h 379142"/>
                  <a:gd name="connsiteX82" fmla="*/ 19338 w 498596"/>
                  <a:gd name="connsiteY82" fmla="*/ 189225 h 379142"/>
                  <a:gd name="connsiteX83" fmla="*/ 58774 w 498596"/>
                  <a:gd name="connsiteY83" fmla="*/ 21108 h 379142"/>
                  <a:gd name="connsiteX84" fmla="*/ 95739 w 498596"/>
                  <a:gd name="connsiteY84" fmla="*/ 35958 h 379142"/>
                  <a:gd name="connsiteX85" fmla="*/ 36253 w 498596"/>
                  <a:gd name="connsiteY85" fmla="*/ 194842 h 379142"/>
                  <a:gd name="connsiteX86" fmla="*/ 98590 w 498596"/>
                  <a:gd name="connsiteY86" fmla="*/ 268333 h 379142"/>
                  <a:gd name="connsiteX87" fmla="*/ 83576 w 498596"/>
                  <a:gd name="connsiteY87" fmla="*/ 275854 h 379142"/>
                  <a:gd name="connsiteX88" fmla="*/ 73503 w 498596"/>
                  <a:gd name="connsiteY88" fmla="*/ 272808 h 379142"/>
                  <a:gd name="connsiteX89" fmla="*/ 73503 w 498596"/>
                  <a:gd name="connsiteY89" fmla="*/ 272808 h 379142"/>
                  <a:gd name="connsiteX90" fmla="*/ 66091 w 498596"/>
                  <a:gd name="connsiteY90" fmla="*/ 261194 h 379142"/>
                  <a:gd name="connsiteX91" fmla="*/ 69037 w 498596"/>
                  <a:gd name="connsiteY91" fmla="*/ 247771 h 379142"/>
                  <a:gd name="connsiteX92" fmla="*/ 94789 w 498596"/>
                  <a:gd name="connsiteY92" fmla="*/ 211025 h 379142"/>
                  <a:gd name="connsiteX93" fmla="*/ 109613 w 498596"/>
                  <a:gd name="connsiteY93" fmla="*/ 203314 h 379142"/>
                  <a:gd name="connsiteX94" fmla="*/ 119971 w 498596"/>
                  <a:gd name="connsiteY94" fmla="*/ 206551 h 379142"/>
                  <a:gd name="connsiteX95" fmla="*/ 127383 w 498596"/>
                  <a:gd name="connsiteY95" fmla="*/ 218165 h 379142"/>
                  <a:gd name="connsiteX96" fmla="*/ 124437 w 498596"/>
                  <a:gd name="connsiteY96" fmla="*/ 231587 h 379142"/>
                  <a:gd name="connsiteX97" fmla="*/ 98685 w 498596"/>
                  <a:gd name="connsiteY97" fmla="*/ 268333 h 379142"/>
                  <a:gd name="connsiteX98" fmla="*/ 137551 w 498596"/>
                  <a:gd name="connsiteY98" fmla="*/ 306507 h 379142"/>
                  <a:gd name="connsiteX99" fmla="*/ 125863 w 498596"/>
                  <a:gd name="connsiteY99" fmla="*/ 313742 h 379142"/>
                  <a:gd name="connsiteX100" fmla="*/ 122537 w 498596"/>
                  <a:gd name="connsiteY100" fmla="*/ 314028 h 379142"/>
                  <a:gd name="connsiteX101" fmla="*/ 112369 w 498596"/>
                  <a:gd name="connsiteY101" fmla="*/ 310886 h 379142"/>
                  <a:gd name="connsiteX102" fmla="*/ 104957 w 498596"/>
                  <a:gd name="connsiteY102" fmla="*/ 299272 h 379142"/>
                  <a:gd name="connsiteX103" fmla="*/ 107998 w 498596"/>
                  <a:gd name="connsiteY103" fmla="*/ 285849 h 379142"/>
                  <a:gd name="connsiteX104" fmla="*/ 133750 w 498596"/>
                  <a:gd name="connsiteY104" fmla="*/ 249104 h 379142"/>
                  <a:gd name="connsiteX105" fmla="*/ 148574 w 498596"/>
                  <a:gd name="connsiteY105" fmla="*/ 241393 h 379142"/>
                  <a:gd name="connsiteX106" fmla="*/ 158837 w 498596"/>
                  <a:gd name="connsiteY106" fmla="*/ 244629 h 379142"/>
                  <a:gd name="connsiteX107" fmla="*/ 166249 w 498596"/>
                  <a:gd name="connsiteY107" fmla="*/ 256339 h 379142"/>
                  <a:gd name="connsiteX108" fmla="*/ 163208 w 498596"/>
                  <a:gd name="connsiteY108" fmla="*/ 269761 h 379142"/>
                  <a:gd name="connsiteX109" fmla="*/ 137456 w 498596"/>
                  <a:gd name="connsiteY109" fmla="*/ 306507 h 379142"/>
                  <a:gd name="connsiteX110" fmla="*/ 186869 w 498596"/>
                  <a:gd name="connsiteY110" fmla="*/ 330021 h 379142"/>
                  <a:gd name="connsiteX111" fmla="*/ 171855 w 498596"/>
                  <a:gd name="connsiteY111" fmla="*/ 337541 h 379142"/>
                  <a:gd name="connsiteX112" fmla="*/ 161782 w 498596"/>
                  <a:gd name="connsiteY112" fmla="*/ 334495 h 379142"/>
                  <a:gd name="connsiteX113" fmla="*/ 161782 w 498596"/>
                  <a:gd name="connsiteY113" fmla="*/ 334495 h 379142"/>
                  <a:gd name="connsiteX114" fmla="*/ 154370 w 498596"/>
                  <a:gd name="connsiteY114" fmla="*/ 322881 h 379142"/>
                  <a:gd name="connsiteX115" fmla="*/ 157316 w 498596"/>
                  <a:gd name="connsiteY115" fmla="*/ 309553 h 379142"/>
                  <a:gd name="connsiteX116" fmla="*/ 172805 w 498596"/>
                  <a:gd name="connsiteY116" fmla="*/ 287468 h 379142"/>
                  <a:gd name="connsiteX117" fmla="*/ 187629 w 498596"/>
                  <a:gd name="connsiteY117" fmla="*/ 279757 h 379142"/>
                  <a:gd name="connsiteX118" fmla="*/ 197987 w 498596"/>
                  <a:gd name="connsiteY118" fmla="*/ 282994 h 379142"/>
                  <a:gd name="connsiteX119" fmla="*/ 205399 w 498596"/>
                  <a:gd name="connsiteY119" fmla="*/ 294608 h 379142"/>
                  <a:gd name="connsiteX120" fmla="*/ 202453 w 498596"/>
                  <a:gd name="connsiteY120" fmla="*/ 308030 h 379142"/>
                  <a:gd name="connsiteX121" fmla="*/ 186964 w 498596"/>
                  <a:gd name="connsiteY121" fmla="*/ 330116 h 379142"/>
                  <a:gd name="connsiteX122" fmla="*/ 241319 w 498596"/>
                  <a:gd name="connsiteY122" fmla="*/ 346204 h 379142"/>
                  <a:gd name="connsiteX123" fmla="*/ 236188 w 498596"/>
                  <a:gd name="connsiteY123" fmla="*/ 353534 h 379142"/>
                  <a:gd name="connsiteX124" fmla="*/ 221174 w 498596"/>
                  <a:gd name="connsiteY124" fmla="*/ 361055 h 379142"/>
                  <a:gd name="connsiteX125" fmla="*/ 211101 w 498596"/>
                  <a:gd name="connsiteY125" fmla="*/ 357913 h 379142"/>
                  <a:gd name="connsiteX126" fmla="*/ 203689 w 498596"/>
                  <a:gd name="connsiteY126" fmla="*/ 346299 h 379142"/>
                  <a:gd name="connsiteX127" fmla="*/ 206635 w 498596"/>
                  <a:gd name="connsiteY127" fmla="*/ 332972 h 379142"/>
                  <a:gd name="connsiteX128" fmla="*/ 211956 w 498596"/>
                  <a:gd name="connsiteY128" fmla="*/ 325451 h 379142"/>
                  <a:gd name="connsiteX129" fmla="*/ 226685 w 498596"/>
                  <a:gd name="connsiteY129" fmla="*/ 317931 h 379142"/>
                  <a:gd name="connsiteX130" fmla="*/ 237043 w 498596"/>
                  <a:gd name="connsiteY130" fmla="*/ 321167 h 379142"/>
                  <a:gd name="connsiteX131" fmla="*/ 244455 w 498596"/>
                  <a:gd name="connsiteY131" fmla="*/ 332781 h 379142"/>
                  <a:gd name="connsiteX132" fmla="*/ 241509 w 498596"/>
                  <a:gd name="connsiteY132" fmla="*/ 346204 h 379142"/>
                  <a:gd name="connsiteX133" fmla="*/ 415692 w 498596"/>
                  <a:gd name="connsiteY133" fmla="*/ 238251 h 379142"/>
                  <a:gd name="connsiteX134" fmla="*/ 404003 w 498596"/>
                  <a:gd name="connsiteY134" fmla="*/ 245677 h 379142"/>
                  <a:gd name="connsiteX135" fmla="*/ 390510 w 498596"/>
                  <a:gd name="connsiteY135" fmla="*/ 242630 h 379142"/>
                  <a:gd name="connsiteX136" fmla="*/ 331974 w 498596"/>
                  <a:gd name="connsiteY136" fmla="*/ 201696 h 379142"/>
                  <a:gd name="connsiteX137" fmla="*/ 325322 w 498596"/>
                  <a:gd name="connsiteY137" fmla="*/ 200268 h 379142"/>
                  <a:gd name="connsiteX138" fmla="*/ 319620 w 498596"/>
                  <a:gd name="connsiteY138" fmla="*/ 203980 h 379142"/>
                  <a:gd name="connsiteX139" fmla="*/ 321806 w 498596"/>
                  <a:gd name="connsiteY139" fmla="*/ 216451 h 379142"/>
                  <a:gd name="connsiteX140" fmla="*/ 373215 w 498596"/>
                  <a:gd name="connsiteY140" fmla="*/ 252435 h 379142"/>
                  <a:gd name="connsiteX141" fmla="*/ 380437 w 498596"/>
                  <a:gd name="connsiteY141" fmla="*/ 263859 h 379142"/>
                  <a:gd name="connsiteX142" fmla="*/ 377491 w 498596"/>
                  <a:gd name="connsiteY142" fmla="*/ 277282 h 379142"/>
                  <a:gd name="connsiteX143" fmla="*/ 352309 w 498596"/>
                  <a:gd name="connsiteY143" fmla="*/ 281661 h 379142"/>
                  <a:gd name="connsiteX144" fmla="*/ 300805 w 498596"/>
                  <a:gd name="connsiteY144" fmla="*/ 245677 h 379142"/>
                  <a:gd name="connsiteX145" fmla="*/ 294153 w 498596"/>
                  <a:gd name="connsiteY145" fmla="*/ 244153 h 379142"/>
                  <a:gd name="connsiteX146" fmla="*/ 288452 w 498596"/>
                  <a:gd name="connsiteY146" fmla="*/ 247866 h 379142"/>
                  <a:gd name="connsiteX147" fmla="*/ 287026 w 498596"/>
                  <a:gd name="connsiteY147" fmla="*/ 254530 h 379142"/>
                  <a:gd name="connsiteX148" fmla="*/ 290732 w 498596"/>
                  <a:gd name="connsiteY148" fmla="*/ 260242 h 379142"/>
                  <a:gd name="connsiteX149" fmla="*/ 334920 w 498596"/>
                  <a:gd name="connsiteY149" fmla="*/ 291181 h 379142"/>
                  <a:gd name="connsiteX150" fmla="*/ 342332 w 498596"/>
                  <a:gd name="connsiteY150" fmla="*/ 302795 h 379142"/>
                  <a:gd name="connsiteX151" fmla="*/ 339291 w 498596"/>
                  <a:gd name="connsiteY151" fmla="*/ 316217 h 379142"/>
                  <a:gd name="connsiteX152" fmla="*/ 314204 w 498596"/>
                  <a:gd name="connsiteY152" fmla="*/ 320596 h 379142"/>
                  <a:gd name="connsiteX153" fmla="*/ 284746 w 498596"/>
                  <a:gd name="connsiteY153" fmla="*/ 300034 h 379142"/>
                  <a:gd name="connsiteX154" fmla="*/ 272392 w 498596"/>
                  <a:gd name="connsiteY154" fmla="*/ 302223 h 379142"/>
                  <a:gd name="connsiteX155" fmla="*/ 274578 w 498596"/>
                  <a:gd name="connsiteY155" fmla="*/ 314694 h 379142"/>
                  <a:gd name="connsiteX156" fmla="*/ 293298 w 498596"/>
                  <a:gd name="connsiteY156" fmla="*/ 328117 h 379142"/>
                  <a:gd name="connsiteX157" fmla="*/ 294058 w 498596"/>
                  <a:gd name="connsiteY157" fmla="*/ 328878 h 379142"/>
                  <a:gd name="connsiteX158" fmla="*/ 301470 w 498596"/>
                  <a:gd name="connsiteY158" fmla="*/ 340492 h 379142"/>
                  <a:gd name="connsiteX159" fmla="*/ 298525 w 498596"/>
                  <a:gd name="connsiteY159" fmla="*/ 353915 h 379142"/>
                  <a:gd name="connsiteX160" fmla="*/ 283701 w 498596"/>
                  <a:gd name="connsiteY160" fmla="*/ 361531 h 379142"/>
                  <a:gd name="connsiteX161" fmla="*/ 273058 w 498596"/>
                  <a:gd name="connsiteY161" fmla="*/ 358199 h 379142"/>
                  <a:gd name="connsiteX162" fmla="*/ 259754 w 498596"/>
                  <a:gd name="connsiteY162" fmla="*/ 349441 h 379142"/>
                  <a:gd name="connsiteX163" fmla="*/ 260324 w 498596"/>
                  <a:gd name="connsiteY163" fmla="*/ 347918 h 379142"/>
                  <a:gd name="connsiteX164" fmla="*/ 261940 w 498596"/>
                  <a:gd name="connsiteY164" fmla="*/ 329735 h 379142"/>
                  <a:gd name="connsiteX165" fmla="*/ 247211 w 498596"/>
                  <a:gd name="connsiteY165" fmla="*/ 306602 h 379142"/>
                  <a:gd name="connsiteX166" fmla="*/ 226685 w 498596"/>
                  <a:gd name="connsiteY166" fmla="*/ 300129 h 379142"/>
                  <a:gd name="connsiteX167" fmla="*/ 223454 w 498596"/>
                  <a:gd name="connsiteY167" fmla="*/ 300319 h 379142"/>
                  <a:gd name="connsiteX168" fmla="*/ 223454 w 498596"/>
                  <a:gd name="connsiteY168" fmla="*/ 298225 h 379142"/>
                  <a:gd name="connsiteX169" fmla="*/ 222979 w 498596"/>
                  <a:gd name="connsiteY169" fmla="*/ 291561 h 379142"/>
                  <a:gd name="connsiteX170" fmla="*/ 208250 w 498596"/>
                  <a:gd name="connsiteY170" fmla="*/ 268429 h 379142"/>
                  <a:gd name="connsiteX171" fmla="*/ 187724 w 498596"/>
                  <a:gd name="connsiteY171" fmla="*/ 261955 h 379142"/>
                  <a:gd name="connsiteX172" fmla="*/ 184494 w 498596"/>
                  <a:gd name="connsiteY172" fmla="*/ 262146 h 379142"/>
                  <a:gd name="connsiteX173" fmla="*/ 184494 w 498596"/>
                  <a:gd name="connsiteY173" fmla="*/ 260051 h 379142"/>
                  <a:gd name="connsiteX174" fmla="*/ 184018 w 498596"/>
                  <a:gd name="connsiteY174" fmla="*/ 253483 h 379142"/>
                  <a:gd name="connsiteX175" fmla="*/ 169289 w 498596"/>
                  <a:gd name="connsiteY175" fmla="*/ 230255 h 379142"/>
                  <a:gd name="connsiteX176" fmla="*/ 148764 w 498596"/>
                  <a:gd name="connsiteY176" fmla="*/ 223781 h 379142"/>
                  <a:gd name="connsiteX177" fmla="*/ 145533 w 498596"/>
                  <a:gd name="connsiteY177" fmla="*/ 223972 h 379142"/>
                  <a:gd name="connsiteX178" fmla="*/ 145533 w 498596"/>
                  <a:gd name="connsiteY178" fmla="*/ 221877 h 379142"/>
                  <a:gd name="connsiteX179" fmla="*/ 145058 w 498596"/>
                  <a:gd name="connsiteY179" fmla="*/ 215309 h 379142"/>
                  <a:gd name="connsiteX180" fmla="*/ 130329 w 498596"/>
                  <a:gd name="connsiteY180" fmla="*/ 192176 h 379142"/>
                  <a:gd name="connsiteX181" fmla="*/ 109803 w 498596"/>
                  <a:gd name="connsiteY181" fmla="*/ 185703 h 379142"/>
                  <a:gd name="connsiteX182" fmla="*/ 80440 w 498596"/>
                  <a:gd name="connsiteY182" fmla="*/ 200934 h 379142"/>
                  <a:gd name="connsiteX183" fmla="*/ 73598 w 498596"/>
                  <a:gd name="connsiteY183" fmla="*/ 210644 h 379142"/>
                  <a:gd name="connsiteX184" fmla="*/ 72363 w 498596"/>
                  <a:gd name="connsiteY184" fmla="*/ 204552 h 379142"/>
                  <a:gd name="connsiteX185" fmla="*/ 67422 w 498596"/>
                  <a:gd name="connsiteY185" fmla="*/ 198269 h 379142"/>
                  <a:gd name="connsiteX186" fmla="*/ 56304 w 498596"/>
                  <a:gd name="connsiteY186" fmla="*/ 192938 h 379142"/>
                  <a:gd name="connsiteX187" fmla="*/ 106857 w 498596"/>
                  <a:gd name="connsiteY187" fmla="*/ 57758 h 379142"/>
                  <a:gd name="connsiteX188" fmla="*/ 146293 w 498596"/>
                  <a:gd name="connsiteY188" fmla="*/ 82510 h 379142"/>
                  <a:gd name="connsiteX189" fmla="*/ 151044 w 498596"/>
                  <a:gd name="connsiteY189" fmla="*/ 83842 h 379142"/>
                  <a:gd name="connsiteX190" fmla="*/ 174421 w 498596"/>
                  <a:gd name="connsiteY190" fmla="*/ 83842 h 379142"/>
                  <a:gd name="connsiteX191" fmla="*/ 169479 w 498596"/>
                  <a:gd name="connsiteY191" fmla="*/ 88792 h 379142"/>
                  <a:gd name="connsiteX192" fmla="*/ 159027 w 498596"/>
                  <a:gd name="connsiteY192" fmla="*/ 114781 h 379142"/>
                  <a:gd name="connsiteX193" fmla="*/ 175371 w 498596"/>
                  <a:gd name="connsiteY193" fmla="*/ 143721 h 379142"/>
                  <a:gd name="connsiteX194" fmla="*/ 230961 w 498596"/>
                  <a:gd name="connsiteY194" fmla="*/ 132869 h 379142"/>
                  <a:gd name="connsiteX195" fmla="*/ 231626 w 498596"/>
                  <a:gd name="connsiteY195" fmla="*/ 131821 h 379142"/>
                  <a:gd name="connsiteX196" fmla="*/ 231911 w 498596"/>
                  <a:gd name="connsiteY196" fmla="*/ 131441 h 379142"/>
                  <a:gd name="connsiteX197" fmla="*/ 269162 w 498596"/>
                  <a:gd name="connsiteY197" fmla="*/ 111830 h 379142"/>
                  <a:gd name="connsiteX198" fmla="*/ 409040 w 498596"/>
                  <a:gd name="connsiteY198" fmla="*/ 211882 h 379142"/>
                  <a:gd name="connsiteX199" fmla="*/ 411510 w 498596"/>
                  <a:gd name="connsiteY199" fmla="*/ 213595 h 379142"/>
                  <a:gd name="connsiteX200" fmla="*/ 418922 w 498596"/>
                  <a:gd name="connsiteY200" fmla="*/ 225209 h 379142"/>
                  <a:gd name="connsiteX201" fmla="*/ 415881 w 498596"/>
                  <a:gd name="connsiteY201" fmla="*/ 238632 h 379142"/>
                  <a:gd name="connsiteX202" fmla="*/ 423293 w 498596"/>
                  <a:gd name="connsiteY202" fmla="*/ 196650 h 379142"/>
                  <a:gd name="connsiteX203" fmla="*/ 422343 w 498596"/>
                  <a:gd name="connsiteY203" fmla="*/ 197412 h 379142"/>
                  <a:gd name="connsiteX204" fmla="*/ 421203 w 498596"/>
                  <a:gd name="connsiteY204" fmla="*/ 198269 h 379142"/>
                  <a:gd name="connsiteX205" fmla="*/ 420063 w 498596"/>
                  <a:gd name="connsiteY205" fmla="*/ 197412 h 379142"/>
                  <a:gd name="connsiteX206" fmla="*/ 279234 w 498596"/>
                  <a:gd name="connsiteY206" fmla="*/ 96789 h 379142"/>
                  <a:gd name="connsiteX207" fmla="*/ 213476 w 498596"/>
                  <a:gd name="connsiteY207" fmla="*/ 125158 h 379142"/>
                  <a:gd name="connsiteX208" fmla="*/ 185444 w 498596"/>
                  <a:gd name="connsiteY208" fmla="*/ 128775 h 379142"/>
                  <a:gd name="connsiteX209" fmla="*/ 176701 w 498596"/>
                  <a:gd name="connsiteY209" fmla="*/ 113258 h 379142"/>
                  <a:gd name="connsiteX210" fmla="*/ 181643 w 498596"/>
                  <a:gd name="connsiteY210" fmla="*/ 101358 h 379142"/>
                  <a:gd name="connsiteX211" fmla="*/ 208535 w 498596"/>
                  <a:gd name="connsiteY211" fmla="*/ 74513 h 379142"/>
                  <a:gd name="connsiteX212" fmla="*/ 226780 w 498596"/>
                  <a:gd name="connsiteY212" fmla="*/ 60043 h 379142"/>
                  <a:gd name="connsiteX213" fmla="*/ 264410 w 498596"/>
                  <a:gd name="connsiteY213" fmla="*/ 50143 h 379142"/>
                  <a:gd name="connsiteX214" fmla="*/ 363237 w 498596"/>
                  <a:gd name="connsiteY214" fmla="*/ 59091 h 379142"/>
                  <a:gd name="connsiteX215" fmla="*/ 366658 w 498596"/>
                  <a:gd name="connsiteY215" fmla="*/ 58710 h 379142"/>
                  <a:gd name="connsiteX216" fmla="*/ 389654 w 498596"/>
                  <a:gd name="connsiteY216" fmla="*/ 51571 h 379142"/>
                  <a:gd name="connsiteX217" fmla="*/ 390320 w 498596"/>
                  <a:gd name="connsiteY217" fmla="*/ 53379 h 379142"/>
                  <a:gd name="connsiteX218" fmla="*/ 440588 w 498596"/>
                  <a:gd name="connsiteY218" fmla="*/ 187702 h 379142"/>
                  <a:gd name="connsiteX219" fmla="*/ 423389 w 498596"/>
                  <a:gd name="connsiteY219" fmla="*/ 196555 h 3791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Lst>
                <a:rect l="l" t="t" r="r" b="b"/>
                <a:pathLst>
                  <a:path w="498596" h="379142">
                    <a:moveTo>
                      <a:pt x="448475" y="209121"/>
                    </a:moveTo>
                    <a:cubicBezTo>
                      <a:pt x="450091" y="213500"/>
                      <a:pt x="455032" y="215880"/>
                      <a:pt x="459688" y="214452"/>
                    </a:cubicBezTo>
                    <a:lnTo>
                      <a:pt x="492472" y="203504"/>
                    </a:lnTo>
                    <a:cubicBezTo>
                      <a:pt x="496844" y="202077"/>
                      <a:pt x="499409" y="197507"/>
                      <a:pt x="498364" y="193033"/>
                    </a:cubicBezTo>
                    <a:lnTo>
                      <a:pt x="454652" y="6923"/>
                    </a:lnTo>
                    <a:cubicBezTo>
                      <a:pt x="454082" y="4353"/>
                      <a:pt x="452372" y="2259"/>
                      <a:pt x="450091" y="1021"/>
                    </a:cubicBezTo>
                    <a:cubicBezTo>
                      <a:pt x="447810" y="-216"/>
                      <a:pt x="445054" y="-312"/>
                      <a:pt x="442679" y="640"/>
                    </a:cubicBezTo>
                    <a:lnTo>
                      <a:pt x="388039" y="22536"/>
                    </a:lnTo>
                    <a:cubicBezTo>
                      <a:pt x="383953" y="24154"/>
                      <a:pt x="381767" y="28628"/>
                      <a:pt x="382907" y="33007"/>
                    </a:cubicBezTo>
                    <a:lnTo>
                      <a:pt x="383383" y="34911"/>
                    </a:lnTo>
                    <a:lnTo>
                      <a:pt x="363047" y="41194"/>
                    </a:lnTo>
                    <a:lnTo>
                      <a:pt x="362667" y="41194"/>
                    </a:lnTo>
                    <a:cubicBezTo>
                      <a:pt x="362667" y="41194"/>
                      <a:pt x="267071" y="32531"/>
                      <a:pt x="267071" y="32531"/>
                    </a:cubicBezTo>
                    <a:cubicBezTo>
                      <a:pt x="265741" y="32246"/>
                      <a:pt x="237898" y="27296"/>
                      <a:pt x="215852" y="45954"/>
                    </a:cubicBezTo>
                    <a:cubicBezTo>
                      <a:pt x="206254" y="52903"/>
                      <a:pt x="199793" y="58044"/>
                      <a:pt x="195992" y="61852"/>
                    </a:cubicBezTo>
                    <a:lnTo>
                      <a:pt x="192191" y="65660"/>
                    </a:lnTo>
                    <a:lnTo>
                      <a:pt x="153515" y="65660"/>
                    </a:lnTo>
                    <a:lnTo>
                      <a:pt x="113224" y="40337"/>
                    </a:lnTo>
                    <a:lnTo>
                      <a:pt x="115600" y="33959"/>
                    </a:lnTo>
                    <a:cubicBezTo>
                      <a:pt x="117310" y="29485"/>
                      <a:pt x="115030" y="24344"/>
                      <a:pt x="110563" y="22536"/>
                    </a:cubicBezTo>
                    <a:lnTo>
                      <a:pt x="55924" y="640"/>
                    </a:lnTo>
                    <a:cubicBezTo>
                      <a:pt x="53548" y="-312"/>
                      <a:pt x="50792" y="-216"/>
                      <a:pt x="48511" y="1021"/>
                    </a:cubicBezTo>
                    <a:cubicBezTo>
                      <a:pt x="46231" y="2259"/>
                      <a:pt x="44520" y="4353"/>
                      <a:pt x="43950" y="6923"/>
                    </a:cubicBezTo>
                    <a:lnTo>
                      <a:pt x="238" y="193033"/>
                    </a:lnTo>
                    <a:cubicBezTo>
                      <a:pt x="-807" y="197507"/>
                      <a:pt x="1664" y="202077"/>
                      <a:pt x="6130" y="203504"/>
                    </a:cubicBezTo>
                    <a:lnTo>
                      <a:pt x="38914" y="214452"/>
                    </a:lnTo>
                    <a:cubicBezTo>
                      <a:pt x="42430" y="215690"/>
                      <a:pt x="46801" y="214262"/>
                      <a:pt x="49082" y="210835"/>
                    </a:cubicBezTo>
                    <a:lnTo>
                      <a:pt x="50032" y="209407"/>
                    </a:lnTo>
                    <a:lnTo>
                      <a:pt x="55733" y="212072"/>
                    </a:lnTo>
                    <a:lnTo>
                      <a:pt x="58964" y="228160"/>
                    </a:lnTo>
                    <a:cubicBezTo>
                      <a:pt x="58964" y="228160"/>
                      <a:pt x="59249" y="228827"/>
                      <a:pt x="59344" y="229112"/>
                    </a:cubicBezTo>
                    <a:lnTo>
                      <a:pt x="59630" y="230064"/>
                    </a:lnTo>
                    <a:lnTo>
                      <a:pt x="54593" y="237299"/>
                    </a:lnTo>
                    <a:cubicBezTo>
                      <a:pt x="49082" y="245105"/>
                      <a:pt x="46991" y="254625"/>
                      <a:pt x="48606" y="264050"/>
                    </a:cubicBezTo>
                    <a:cubicBezTo>
                      <a:pt x="50222" y="273474"/>
                      <a:pt x="55543" y="281756"/>
                      <a:pt x="63430" y="287278"/>
                    </a:cubicBezTo>
                    <a:cubicBezTo>
                      <a:pt x="69512" y="291466"/>
                      <a:pt x="76544" y="293751"/>
                      <a:pt x="83956" y="293751"/>
                    </a:cubicBezTo>
                    <a:lnTo>
                      <a:pt x="87187" y="293561"/>
                    </a:lnTo>
                    <a:lnTo>
                      <a:pt x="87187" y="295655"/>
                    </a:lnTo>
                    <a:cubicBezTo>
                      <a:pt x="87187" y="298035"/>
                      <a:pt x="87282" y="300224"/>
                      <a:pt x="87662" y="302319"/>
                    </a:cubicBezTo>
                    <a:cubicBezTo>
                      <a:pt x="89373" y="311743"/>
                      <a:pt x="94599" y="319930"/>
                      <a:pt x="102391" y="325451"/>
                    </a:cubicBezTo>
                    <a:cubicBezTo>
                      <a:pt x="112084" y="332210"/>
                      <a:pt x="124627" y="333734"/>
                      <a:pt x="135650" y="329545"/>
                    </a:cubicBezTo>
                    <a:lnTo>
                      <a:pt x="137646" y="328783"/>
                    </a:lnTo>
                    <a:lnTo>
                      <a:pt x="138311" y="330782"/>
                    </a:lnTo>
                    <a:cubicBezTo>
                      <a:pt x="140782" y="338208"/>
                      <a:pt x="145438" y="344491"/>
                      <a:pt x="151710" y="348965"/>
                    </a:cubicBezTo>
                    <a:cubicBezTo>
                      <a:pt x="161307" y="355724"/>
                      <a:pt x="173946" y="357247"/>
                      <a:pt x="184969" y="353058"/>
                    </a:cubicBezTo>
                    <a:lnTo>
                      <a:pt x="186964" y="352297"/>
                    </a:lnTo>
                    <a:lnTo>
                      <a:pt x="187629" y="354296"/>
                    </a:lnTo>
                    <a:cubicBezTo>
                      <a:pt x="190100" y="361816"/>
                      <a:pt x="194756" y="368100"/>
                      <a:pt x="201028" y="372478"/>
                    </a:cubicBezTo>
                    <a:cubicBezTo>
                      <a:pt x="207110" y="376762"/>
                      <a:pt x="214142" y="378952"/>
                      <a:pt x="221554" y="378952"/>
                    </a:cubicBezTo>
                    <a:cubicBezTo>
                      <a:pt x="232292" y="378952"/>
                      <a:pt x="242459" y="374097"/>
                      <a:pt x="249301" y="365720"/>
                    </a:cubicBezTo>
                    <a:lnTo>
                      <a:pt x="250442" y="364292"/>
                    </a:lnTo>
                    <a:lnTo>
                      <a:pt x="263175" y="372669"/>
                    </a:lnTo>
                    <a:cubicBezTo>
                      <a:pt x="269257" y="376953"/>
                      <a:pt x="276384" y="379142"/>
                      <a:pt x="283701" y="379142"/>
                    </a:cubicBezTo>
                    <a:cubicBezTo>
                      <a:pt x="295484" y="379142"/>
                      <a:pt x="306507" y="373430"/>
                      <a:pt x="313159" y="363911"/>
                    </a:cubicBezTo>
                    <a:cubicBezTo>
                      <a:pt x="317340" y="357913"/>
                      <a:pt x="319620" y="350774"/>
                      <a:pt x="319525" y="343253"/>
                    </a:cubicBezTo>
                    <a:lnTo>
                      <a:pt x="319525" y="341064"/>
                    </a:lnTo>
                    <a:cubicBezTo>
                      <a:pt x="319525" y="341064"/>
                      <a:pt x="322661" y="341349"/>
                      <a:pt x="322661" y="341349"/>
                    </a:cubicBezTo>
                    <a:cubicBezTo>
                      <a:pt x="323231" y="341349"/>
                      <a:pt x="323896" y="341444"/>
                      <a:pt x="324467" y="341444"/>
                    </a:cubicBezTo>
                    <a:cubicBezTo>
                      <a:pt x="336155" y="341444"/>
                      <a:pt x="347178" y="335733"/>
                      <a:pt x="353925" y="326213"/>
                    </a:cubicBezTo>
                    <a:cubicBezTo>
                      <a:pt x="358296" y="319930"/>
                      <a:pt x="360576" y="312409"/>
                      <a:pt x="360291" y="304508"/>
                    </a:cubicBezTo>
                    <a:lnTo>
                      <a:pt x="360291" y="302414"/>
                    </a:lnTo>
                    <a:cubicBezTo>
                      <a:pt x="360291" y="302414"/>
                      <a:pt x="362287" y="302414"/>
                      <a:pt x="362287" y="302414"/>
                    </a:cubicBezTo>
                    <a:lnTo>
                      <a:pt x="362572" y="304413"/>
                    </a:lnTo>
                    <a:lnTo>
                      <a:pt x="362857" y="302414"/>
                    </a:lnTo>
                    <a:cubicBezTo>
                      <a:pt x="374545" y="302414"/>
                      <a:pt x="385568" y="296702"/>
                      <a:pt x="392220" y="287182"/>
                    </a:cubicBezTo>
                    <a:cubicBezTo>
                      <a:pt x="396591" y="280899"/>
                      <a:pt x="398777" y="273379"/>
                      <a:pt x="398587" y="265573"/>
                    </a:cubicBezTo>
                    <a:lnTo>
                      <a:pt x="398587" y="263478"/>
                    </a:lnTo>
                    <a:cubicBezTo>
                      <a:pt x="398587" y="263478"/>
                      <a:pt x="400582" y="263478"/>
                      <a:pt x="400582" y="263478"/>
                    </a:cubicBezTo>
                    <a:lnTo>
                      <a:pt x="400867" y="265477"/>
                    </a:lnTo>
                    <a:lnTo>
                      <a:pt x="401153" y="263478"/>
                    </a:lnTo>
                    <a:cubicBezTo>
                      <a:pt x="412841" y="263478"/>
                      <a:pt x="423769" y="257766"/>
                      <a:pt x="430516" y="248247"/>
                    </a:cubicBezTo>
                    <a:cubicBezTo>
                      <a:pt x="436027" y="240345"/>
                      <a:pt x="438118" y="230921"/>
                      <a:pt x="436502" y="221497"/>
                    </a:cubicBezTo>
                    <a:cubicBezTo>
                      <a:pt x="436027" y="218926"/>
                      <a:pt x="435267" y="216356"/>
                      <a:pt x="433936" y="213310"/>
                    </a:cubicBezTo>
                    <a:lnTo>
                      <a:pt x="433176" y="211596"/>
                    </a:lnTo>
                    <a:lnTo>
                      <a:pt x="447050" y="204456"/>
                    </a:lnTo>
                    <a:lnTo>
                      <a:pt x="448760" y="208931"/>
                    </a:lnTo>
                    <a:close/>
                    <a:moveTo>
                      <a:pt x="439543" y="21108"/>
                    </a:moveTo>
                    <a:lnTo>
                      <a:pt x="478979" y="189225"/>
                    </a:lnTo>
                    <a:lnTo>
                      <a:pt x="462064" y="194842"/>
                    </a:lnTo>
                    <a:lnTo>
                      <a:pt x="402578" y="35958"/>
                    </a:lnTo>
                    <a:lnTo>
                      <a:pt x="439543" y="21203"/>
                    </a:lnTo>
                    <a:close/>
                    <a:moveTo>
                      <a:pt x="36253" y="194842"/>
                    </a:moveTo>
                    <a:lnTo>
                      <a:pt x="19338" y="189225"/>
                    </a:lnTo>
                    <a:lnTo>
                      <a:pt x="58774" y="21108"/>
                    </a:lnTo>
                    <a:lnTo>
                      <a:pt x="95739" y="35958"/>
                    </a:lnTo>
                    <a:lnTo>
                      <a:pt x="36253" y="194842"/>
                    </a:lnTo>
                    <a:close/>
                    <a:moveTo>
                      <a:pt x="98590" y="268333"/>
                    </a:moveTo>
                    <a:cubicBezTo>
                      <a:pt x="95169" y="273188"/>
                      <a:pt x="89373" y="275854"/>
                      <a:pt x="83576" y="275854"/>
                    </a:cubicBezTo>
                    <a:cubicBezTo>
                      <a:pt x="80060" y="275854"/>
                      <a:pt x="76449" y="274902"/>
                      <a:pt x="73503" y="272808"/>
                    </a:cubicBezTo>
                    <a:lnTo>
                      <a:pt x="73503" y="272808"/>
                    </a:lnTo>
                    <a:cubicBezTo>
                      <a:pt x="69512" y="270047"/>
                      <a:pt x="66946" y="265858"/>
                      <a:pt x="66091" y="261194"/>
                    </a:cubicBezTo>
                    <a:cubicBezTo>
                      <a:pt x="65236" y="256434"/>
                      <a:pt x="66281" y="251769"/>
                      <a:pt x="69037" y="247771"/>
                    </a:cubicBezTo>
                    <a:lnTo>
                      <a:pt x="94789" y="211025"/>
                    </a:lnTo>
                    <a:cubicBezTo>
                      <a:pt x="98210" y="206170"/>
                      <a:pt x="103722" y="203314"/>
                      <a:pt x="109613" y="203314"/>
                    </a:cubicBezTo>
                    <a:cubicBezTo>
                      <a:pt x="113319" y="203314"/>
                      <a:pt x="116930" y="204456"/>
                      <a:pt x="119971" y="206551"/>
                    </a:cubicBezTo>
                    <a:cubicBezTo>
                      <a:pt x="123962" y="209311"/>
                      <a:pt x="126528" y="213405"/>
                      <a:pt x="127383" y="218165"/>
                    </a:cubicBezTo>
                    <a:cubicBezTo>
                      <a:pt x="128238" y="222925"/>
                      <a:pt x="127193" y="227684"/>
                      <a:pt x="124437" y="231587"/>
                    </a:cubicBezTo>
                    <a:lnTo>
                      <a:pt x="98685" y="268333"/>
                    </a:lnTo>
                    <a:close/>
                    <a:moveTo>
                      <a:pt x="137551" y="306507"/>
                    </a:moveTo>
                    <a:cubicBezTo>
                      <a:pt x="134890" y="310315"/>
                      <a:pt x="130709" y="312885"/>
                      <a:pt x="125863" y="313742"/>
                    </a:cubicBezTo>
                    <a:cubicBezTo>
                      <a:pt x="124722" y="313933"/>
                      <a:pt x="123677" y="314028"/>
                      <a:pt x="122537" y="314028"/>
                    </a:cubicBezTo>
                    <a:cubicBezTo>
                      <a:pt x="118831" y="314028"/>
                      <a:pt x="115315" y="312981"/>
                      <a:pt x="112369" y="310886"/>
                    </a:cubicBezTo>
                    <a:cubicBezTo>
                      <a:pt x="108473" y="308126"/>
                      <a:pt x="105812" y="304032"/>
                      <a:pt x="104957" y="299272"/>
                    </a:cubicBezTo>
                    <a:cubicBezTo>
                      <a:pt x="104102" y="294512"/>
                      <a:pt x="105147" y="289753"/>
                      <a:pt x="107998" y="285849"/>
                    </a:cubicBezTo>
                    <a:lnTo>
                      <a:pt x="133750" y="249104"/>
                    </a:lnTo>
                    <a:cubicBezTo>
                      <a:pt x="137076" y="244249"/>
                      <a:pt x="142682" y="241393"/>
                      <a:pt x="148574" y="241393"/>
                    </a:cubicBezTo>
                    <a:cubicBezTo>
                      <a:pt x="152280" y="241393"/>
                      <a:pt x="155796" y="242535"/>
                      <a:pt x="158837" y="244629"/>
                    </a:cubicBezTo>
                    <a:cubicBezTo>
                      <a:pt x="162828" y="247390"/>
                      <a:pt x="165488" y="251579"/>
                      <a:pt x="166249" y="256339"/>
                    </a:cubicBezTo>
                    <a:cubicBezTo>
                      <a:pt x="167104" y="261098"/>
                      <a:pt x="165963" y="265858"/>
                      <a:pt x="163208" y="269761"/>
                    </a:cubicBezTo>
                    <a:lnTo>
                      <a:pt x="137456" y="306507"/>
                    </a:lnTo>
                    <a:close/>
                    <a:moveTo>
                      <a:pt x="186869" y="330021"/>
                    </a:moveTo>
                    <a:cubicBezTo>
                      <a:pt x="183448" y="334876"/>
                      <a:pt x="177652" y="337541"/>
                      <a:pt x="171855" y="337541"/>
                    </a:cubicBezTo>
                    <a:cubicBezTo>
                      <a:pt x="168339" y="337541"/>
                      <a:pt x="164728" y="336589"/>
                      <a:pt x="161782" y="334495"/>
                    </a:cubicBezTo>
                    <a:lnTo>
                      <a:pt x="161782" y="334495"/>
                    </a:lnTo>
                    <a:cubicBezTo>
                      <a:pt x="157791" y="331734"/>
                      <a:pt x="155131" y="327546"/>
                      <a:pt x="154370" y="322881"/>
                    </a:cubicBezTo>
                    <a:cubicBezTo>
                      <a:pt x="153515" y="318216"/>
                      <a:pt x="154560" y="313457"/>
                      <a:pt x="157316" y="309553"/>
                    </a:cubicBezTo>
                    <a:lnTo>
                      <a:pt x="172805" y="287468"/>
                    </a:lnTo>
                    <a:cubicBezTo>
                      <a:pt x="176226" y="282613"/>
                      <a:pt x="181738" y="279757"/>
                      <a:pt x="187629" y="279757"/>
                    </a:cubicBezTo>
                    <a:cubicBezTo>
                      <a:pt x="191335" y="279757"/>
                      <a:pt x="194946" y="280899"/>
                      <a:pt x="197987" y="282994"/>
                    </a:cubicBezTo>
                    <a:cubicBezTo>
                      <a:pt x="201978" y="285754"/>
                      <a:pt x="204544" y="289848"/>
                      <a:pt x="205399" y="294608"/>
                    </a:cubicBezTo>
                    <a:cubicBezTo>
                      <a:pt x="206254" y="299368"/>
                      <a:pt x="205209" y="304127"/>
                      <a:pt x="202453" y="308030"/>
                    </a:cubicBezTo>
                    <a:lnTo>
                      <a:pt x="186964" y="330116"/>
                    </a:lnTo>
                    <a:close/>
                    <a:moveTo>
                      <a:pt x="241319" y="346204"/>
                    </a:moveTo>
                    <a:lnTo>
                      <a:pt x="236188" y="353534"/>
                    </a:lnTo>
                    <a:cubicBezTo>
                      <a:pt x="232767" y="358389"/>
                      <a:pt x="226970" y="361055"/>
                      <a:pt x="221174" y="361055"/>
                    </a:cubicBezTo>
                    <a:cubicBezTo>
                      <a:pt x="217657" y="361055"/>
                      <a:pt x="214047" y="360103"/>
                      <a:pt x="211101" y="357913"/>
                    </a:cubicBezTo>
                    <a:cubicBezTo>
                      <a:pt x="207110" y="355153"/>
                      <a:pt x="204544" y="351059"/>
                      <a:pt x="203689" y="346299"/>
                    </a:cubicBezTo>
                    <a:cubicBezTo>
                      <a:pt x="202833" y="341635"/>
                      <a:pt x="203879" y="336875"/>
                      <a:pt x="206635" y="332972"/>
                    </a:cubicBezTo>
                    <a:lnTo>
                      <a:pt x="211956" y="325451"/>
                    </a:lnTo>
                    <a:cubicBezTo>
                      <a:pt x="215377" y="320691"/>
                      <a:pt x="220888" y="317931"/>
                      <a:pt x="226685" y="317931"/>
                    </a:cubicBezTo>
                    <a:cubicBezTo>
                      <a:pt x="230391" y="317931"/>
                      <a:pt x="234002" y="319073"/>
                      <a:pt x="237043" y="321167"/>
                    </a:cubicBezTo>
                    <a:cubicBezTo>
                      <a:pt x="240939" y="323928"/>
                      <a:pt x="243600" y="328022"/>
                      <a:pt x="244455" y="332781"/>
                    </a:cubicBezTo>
                    <a:cubicBezTo>
                      <a:pt x="245310" y="337541"/>
                      <a:pt x="244265" y="342301"/>
                      <a:pt x="241509" y="346204"/>
                    </a:cubicBezTo>
                    <a:close/>
                    <a:moveTo>
                      <a:pt x="415692" y="238251"/>
                    </a:moveTo>
                    <a:cubicBezTo>
                      <a:pt x="412936" y="242154"/>
                      <a:pt x="408755" y="244820"/>
                      <a:pt x="404003" y="245677"/>
                    </a:cubicBezTo>
                    <a:cubicBezTo>
                      <a:pt x="399252" y="246438"/>
                      <a:pt x="394406" y="245391"/>
                      <a:pt x="390510" y="242630"/>
                    </a:cubicBezTo>
                    <a:lnTo>
                      <a:pt x="331974" y="201696"/>
                    </a:lnTo>
                    <a:cubicBezTo>
                      <a:pt x="329978" y="200363"/>
                      <a:pt x="327602" y="199792"/>
                      <a:pt x="325322" y="200268"/>
                    </a:cubicBezTo>
                    <a:cubicBezTo>
                      <a:pt x="322946" y="200649"/>
                      <a:pt x="320951" y="201981"/>
                      <a:pt x="319620" y="203980"/>
                    </a:cubicBezTo>
                    <a:cubicBezTo>
                      <a:pt x="316770" y="207979"/>
                      <a:pt x="317815" y="213595"/>
                      <a:pt x="321806" y="216451"/>
                    </a:cubicBezTo>
                    <a:lnTo>
                      <a:pt x="373215" y="252435"/>
                    </a:lnTo>
                    <a:cubicBezTo>
                      <a:pt x="377111" y="255291"/>
                      <a:pt x="379582" y="259290"/>
                      <a:pt x="380437" y="263859"/>
                    </a:cubicBezTo>
                    <a:cubicBezTo>
                      <a:pt x="381292" y="268619"/>
                      <a:pt x="380247" y="273379"/>
                      <a:pt x="377491" y="277282"/>
                    </a:cubicBezTo>
                    <a:cubicBezTo>
                      <a:pt x="371789" y="285374"/>
                      <a:pt x="360481" y="287373"/>
                      <a:pt x="352309" y="281661"/>
                    </a:cubicBezTo>
                    <a:lnTo>
                      <a:pt x="300805" y="245677"/>
                    </a:lnTo>
                    <a:cubicBezTo>
                      <a:pt x="298810" y="244344"/>
                      <a:pt x="296434" y="243773"/>
                      <a:pt x="294153" y="244153"/>
                    </a:cubicBezTo>
                    <a:cubicBezTo>
                      <a:pt x="291778" y="244534"/>
                      <a:pt x="289782" y="245867"/>
                      <a:pt x="288452" y="247866"/>
                    </a:cubicBezTo>
                    <a:cubicBezTo>
                      <a:pt x="287122" y="249865"/>
                      <a:pt x="286551" y="252150"/>
                      <a:pt x="287026" y="254530"/>
                    </a:cubicBezTo>
                    <a:cubicBezTo>
                      <a:pt x="287407" y="256910"/>
                      <a:pt x="288737" y="258909"/>
                      <a:pt x="290732" y="260242"/>
                    </a:cubicBezTo>
                    <a:lnTo>
                      <a:pt x="334920" y="291181"/>
                    </a:lnTo>
                    <a:cubicBezTo>
                      <a:pt x="338815" y="293941"/>
                      <a:pt x="341476" y="298035"/>
                      <a:pt x="342332" y="302795"/>
                    </a:cubicBezTo>
                    <a:cubicBezTo>
                      <a:pt x="343187" y="307554"/>
                      <a:pt x="342046" y="312314"/>
                      <a:pt x="339291" y="316217"/>
                    </a:cubicBezTo>
                    <a:cubicBezTo>
                      <a:pt x="333589" y="324309"/>
                      <a:pt x="322376" y="326308"/>
                      <a:pt x="314204" y="320596"/>
                    </a:cubicBezTo>
                    <a:lnTo>
                      <a:pt x="284746" y="300034"/>
                    </a:lnTo>
                    <a:cubicBezTo>
                      <a:pt x="280755" y="297178"/>
                      <a:pt x="275148" y="298225"/>
                      <a:pt x="272392" y="302223"/>
                    </a:cubicBezTo>
                    <a:cubicBezTo>
                      <a:pt x="269542" y="306222"/>
                      <a:pt x="270587" y="311838"/>
                      <a:pt x="274578" y="314694"/>
                    </a:cubicBezTo>
                    <a:lnTo>
                      <a:pt x="293298" y="328117"/>
                    </a:lnTo>
                    <a:cubicBezTo>
                      <a:pt x="293298" y="328117"/>
                      <a:pt x="293773" y="328688"/>
                      <a:pt x="294058" y="328878"/>
                    </a:cubicBezTo>
                    <a:cubicBezTo>
                      <a:pt x="298049" y="331639"/>
                      <a:pt x="300615" y="335733"/>
                      <a:pt x="301470" y="340492"/>
                    </a:cubicBezTo>
                    <a:cubicBezTo>
                      <a:pt x="302326" y="345252"/>
                      <a:pt x="301280" y="350012"/>
                      <a:pt x="298525" y="353915"/>
                    </a:cubicBezTo>
                    <a:cubicBezTo>
                      <a:pt x="295009" y="358865"/>
                      <a:pt x="289402" y="361531"/>
                      <a:pt x="283701" y="361531"/>
                    </a:cubicBezTo>
                    <a:cubicBezTo>
                      <a:pt x="279995" y="361531"/>
                      <a:pt x="276289" y="360484"/>
                      <a:pt x="273058" y="358199"/>
                    </a:cubicBezTo>
                    <a:lnTo>
                      <a:pt x="259754" y="349441"/>
                    </a:lnTo>
                    <a:lnTo>
                      <a:pt x="260324" y="347918"/>
                    </a:lnTo>
                    <a:cubicBezTo>
                      <a:pt x="262510" y="341825"/>
                      <a:pt x="263080" y="335733"/>
                      <a:pt x="261940" y="329735"/>
                    </a:cubicBezTo>
                    <a:cubicBezTo>
                      <a:pt x="260229" y="320311"/>
                      <a:pt x="255003" y="312124"/>
                      <a:pt x="247211" y="306602"/>
                    </a:cubicBezTo>
                    <a:cubicBezTo>
                      <a:pt x="241129" y="302319"/>
                      <a:pt x="234002" y="300129"/>
                      <a:pt x="226685" y="300129"/>
                    </a:cubicBezTo>
                    <a:lnTo>
                      <a:pt x="223454" y="300319"/>
                    </a:lnTo>
                    <a:lnTo>
                      <a:pt x="223454" y="298225"/>
                    </a:lnTo>
                    <a:cubicBezTo>
                      <a:pt x="223454" y="295845"/>
                      <a:pt x="223359" y="293656"/>
                      <a:pt x="222979" y="291561"/>
                    </a:cubicBezTo>
                    <a:cubicBezTo>
                      <a:pt x="221363" y="282137"/>
                      <a:pt x="216042" y="273950"/>
                      <a:pt x="208250" y="268429"/>
                    </a:cubicBezTo>
                    <a:cubicBezTo>
                      <a:pt x="202168" y="264240"/>
                      <a:pt x="195136" y="261955"/>
                      <a:pt x="187724" y="261955"/>
                    </a:cubicBezTo>
                    <a:lnTo>
                      <a:pt x="184494" y="262146"/>
                    </a:lnTo>
                    <a:lnTo>
                      <a:pt x="184494" y="260051"/>
                    </a:lnTo>
                    <a:cubicBezTo>
                      <a:pt x="184494" y="257671"/>
                      <a:pt x="184398" y="255482"/>
                      <a:pt x="184018" y="253483"/>
                    </a:cubicBezTo>
                    <a:cubicBezTo>
                      <a:pt x="182403" y="244058"/>
                      <a:pt x="177082" y="235776"/>
                      <a:pt x="169289" y="230255"/>
                    </a:cubicBezTo>
                    <a:cubicBezTo>
                      <a:pt x="163208" y="225971"/>
                      <a:pt x="156176" y="223781"/>
                      <a:pt x="148764" y="223781"/>
                    </a:cubicBezTo>
                    <a:lnTo>
                      <a:pt x="145533" y="223972"/>
                    </a:lnTo>
                    <a:lnTo>
                      <a:pt x="145533" y="221877"/>
                    </a:lnTo>
                    <a:cubicBezTo>
                      <a:pt x="145533" y="219498"/>
                      <a:pt x="145438" y="217308"/>
                      <a:pt x="145058" y="215309"/>
                    </a:cubicBezTo>
                    <a:cubicBezTo>
                      <a:pt x="143442" y="205884"/>
                      <a:pt x="138121" y="197602"/>
                      <a:pt x="130329" y="192176"/>
                    </a:cubicBezTo>
                    <a:cubicBezTo>
                      <a:pt x="124247" y="187987"/>
                      <a:pt x="117215" y="185703"/>
                      <a:pt x="109803" y="185703"/>
                    </a:cubicBezTo>
                    <a:cubicBezTo>
                      <a:pt x="98115" y="185703"/>
                      <a:pt x="87092" y="191414"/>
                      <a:pt x="80440" y="200934"/>
                    </a:cubicBezTo>
                    <a:lnTo>
                      <a:pt x="73598" y="210644"/>
                    </a:lnTo>
                    <a:lnTo>
                      <a:pt x="72363" y="204552"/>
                    </a:lnTo>
                    <a:cubicBezTo>
                      <a:pt x="71793" y="201791"/>
                      <a:pt x="69987" y="199411"/>
                      <a:pt x="67422" y="198269"/>
                    </a:cubicBezTo>
                    <a:lnTo>
                      <a:pt x="56304" y="192938"/>
                    </a:lnTo>
                    <a:lnTo>
                      <a:pt x="106857" y="57758"/>
                    </a:lnTo>
                    <a:lnTo>
                      <a:pt x="146293" y="82510"/>
                    </a:lnTo>
                    <a:cubicBezTo>
                      <a:pt x="147718" y="83366"/>
                      <a:pt x="149334" y="83842"/>
                      <a:pt x="151044" y="83842"/>
                    </a:cubicBezTo>
                    <a:lnTo>
                      <a:pt x="174421" y="83842"/>
                    </a:lnTo>
                    <a:lnTo>
                      <a:pt x="169479" y="88792"/>
                    </a:lnTo>
                    <a:cubicBezTo>
                      <a:pt x="162067" y="95551"/>
                      <a:pt x="158361" y="104786"/>
                      <a:pt x="159027" y="114781"/>
                    </a:cubicBezTo>
                    <a:cubicBezTo>
                      <a:pt x="159787" y="126110"/>
                      <a:pt x="166058" y="137152"/>
                      <a:pt x="175371" y="143721"/>
                    </a:cubicBezTo>
                    <a:cubicBezTo>
                      <a:pt x="191240" y="154859"/>
                      <a:pt x="219273" y="149338"/>
                      <a:pt x="230961" y="132869"/>
                    </a:cubicBezTo>
                    <a:cubicBezTo>
                      <a:pt x="231246" y="132488"/>
                      <a:pt x="231436" y="132107"/>
                      <a:pt x="231626" y="131821"/>
                    </a:cubicBezTo>
                    <a:lnTo>
                      <a:pt x="231911" y="131441"/>
                    </a:lnTo>
                    <a:cubicBezTo>
                      <a:pt x="243410" y="118399"/>
                      <a:pt x="260039" y="105452"/>
                      <a:pt x="269162" y="111830"/>
                    </a:cubicBezTo>
                    <a:cubicBezTo>
                      <a:pt x="287216" y="124491"/>
                      <a:pt x="373025" y="185988"/>
                      <a:pt x="409040" y="211882"/>
                    </a:cubicBezTo>
                    <a:lnTo>
                      <a:pt x="411510" y="213595"/>
                    </a:lnTo>
                    <a:cubicBezTo>
                      <a:pt x="415406" y="216356"/>
                      <a:pt x="418067" y="220449"/>
                      <a:pt x="418922" y="225209"/>
                    </a:cubicBezTo>
                    <a:cubicBezTo>
                      <a:pt x="419778" y="229969"/>
                      <a:pt x="418732" y="234729"/>
                      <a:pt x="415881" y="238632"/>
                    </a:cubicBezTo>
                    <a:close/>
                    <a:moveTo>
                      <a:pt x="423293" y="196650"/>
                    </a:moveTo>
                    <a:cubicBezTo>
                      <a:pt x="422818" y="197126"/>
                      <a:pt x="422628" y="197317"/>
                      <a:pt x="422343" y="197412"/>
                    </a:cubicBezTo>
                    <a:lnTo>
                      <a:pt x="421203" y="198269"/>
                    </a:lnTo>
                    <a:lnTo>
                      <a:pt x="420063" y="197412"/>
                    </a:lnTo>
                    <a:cubicBezTo>
                      <a:pt x="418922" y="196555"/>
                      <a:pt x="301090" y="112020"/>
                      <a:pt x="279234" y="96789"/>
                    </a:cubicBezTo>
                    <a:cubicBezTo>
                      <a:pt x="251962" y="77750"/>
                      <a:pt x="219653" y="117066"/>
                      <a:pt x="213476" y="125158"/>
                    </a:cubicBezTo>
                    <a:cubicBezTo>
                      <a:pt x="206254" y="131155"/>
                      <a:pt x="192666" y="133725"/>
                      <a:pt x="185444" y="128775"/>
                    </a:cubicBezTo>
                    <a:cubicBezTo>
                      <a:pt x="180597" y="125348"/>
                      <a:pt x="177082" y="119160"/>
                      <a:pt x="176701" y="113258"/>
                    </a:cubicBezTo>
                    <a:cubicBezTo>
                      <a:pt x="176416" y="108593"/>
                      <a:pt x="178032" y="104690"/>
                      <a:pt x="181643" y="101358"/>
                    </a:cubicBezTo>
                    <a:lnTo>
                      <a:pt x="208535" y="74513"/>
                    </a:lnTo>
                    <a:cubicBezTo>
                      <a:pt x="211576" y="71467"/>
                      <a:pt x="217753" y="66612"/>
                      <a:pt x="226780" y="60043"/>
                    </a:cubicBezTo>
                    <a:cubicBezTo>
                      <a:pt x="241604" y="47477"/>
                      <a:pt x="260704" y="49571"/>
                      <a:pt x="264410" y="50143"/>
                    </a:cubicBezTo>
                    <a:lnTo>
                      <a:pt x="363237" y="59091"/>
                    </a:lnTo>
                    <a:cubicBezTo>
                      <a:pt x="364473" y="59186"/>
                      <a:pt x="365613" y="59091"/>
                      <a:pt x="366658" y="58710"/>
                    </a:cubicBezTo>
                    <a:lnTo>
                      <a:pt x="389654" y="51571"/>
                    </a:lnTo>
                    <a:lnTo>
                      <a:pt x="390320" y="53379"/>
                    </a:lnTo>
                    <a:lnTo>
                      <a:pt x="440588" y="187702"/>
                    </a:lnTo>
                    <a:lnTo>
                      <a:pt x="423389" y="196555"/>
                    </a:lnTo>
                    <a:close/>
                  </a:path>
                </a:pathLst>
              </a:custGeom>
              <a:solidFill>
                <a:srgbClr val="265A9A"/>
              </a:solidFill>
              <a:ln w="0"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US" sz="11435"/>
              </a:p>
            </p:txBody>
          </p:sp>
        </p:grpSp>
      </p:grpSp>
      <p:grpSp>
        <p:nvGrpSpPr>
          <p:cNvPr id="55" name="Group 54">
            <a:extLst>
              <a:ext uri="{FF2B5EF4-FFF2-40B4-BE49-F238E27FC236}">
                <a16:creationId xmlns:a16="http://schemas.microsoft.com/office/drawing/2014/main" id="{DA551A60-A161-798D-03A0-C9403D87DF8D}"/>
              </a:ext>
            </a:extLst>
          </p:cNvPr>
          <p:cNvGrpSpPr/>
          <p:nvPr/>
        </p:nvGrpSpPr>
        <p:grpSpPr>
          <a:xfrm>
            <a:off x="8987394" y="2834591"/>
            <a:ext cx="1220465" cy="917999"/>
            <a:chOff x="8959719" y="2812396"/>
            <a:chExt cx="1220465" cy="917999"/>
          </a:xfrm>
        </p:grpSpPr>
        <p:sp>
          <p:nvSpPr>
            <p:cNvPr id="10" name="Rectangle 9">
              <a:extLst>
                <a:ext uri="{FF2B5EF4-FFF2-40B4-BE49-F238E27FC236}">
                  <a16:creationId xmlns:a16="http://schemas.microsoft.com/office/drawing/2014/main" id="{8342E013-1CC4-6996-9D18-87260606B04A}"/>
                </a:ext>
              </a:extLst>
            </p:cNvPr>
            <p:cNvSpPr/>
            <p:nvPr/>
          </p:nvSpPr>
          <p:spPr>
            <a:xfrm>
              <a:off x="8959719" y="2812396"/>
              <a:ext cx="1220465" cy="917999"/>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22" name="Group 21">
              <a:extLst>
                <a:ext uri="{FF2B5EF4-FFF2-40B4-BE49-F238E27FC236}">
                  <a16:creationId xmlns:a16="http://schemas.microsoft.com/office/drawing/2014/main" id="{08C00EB3-06DC-CC11-AA9E-F32E8FF796D1}"/>
                </a:ext>
              </a:extLst>
            </p:cNvPr>
            <p:cNvGrpSpPr/>
            <p:nvPr/>
          </p:nvGrpSpPr>
          <p:grpSpPr>
            <a:xfrm>
              <a:off x="9291751" y="3070564"/>
              <a:ext cx="467866" cy="438625"/>
              <a:chOff x="3534727" y="2208879"/>
              <a:chExt cx="419100" cy="392906"/>
            </a:xfrm>
          </p:grpSpPr>
          <p:sp>
            <p:nvSpPr>
              <p:cNvPr id="23" name="Graphic 2">
                <a:extLst>
                  <a:ext uri="{FF2B5EF4-FFF2-40B4-BE49-F238E27FC236}">
                    <a16:creationId xmlns:a16="http://schemas.microsoft.com/office/drawing/2014/main" id="{412B8C5C-219F-CFF3-61DB-7A2EF43D65DE}"/>
                  </a:ext>
                </a:extLst>
              </p:cNvPr>
              <p:cNvSpPr/>
              <p:nvPr/>
            </p:nvSpPr>
            <p:spPr>
              <a:xfrm>
                <a:off x="3545490" y="2350992"/>
                <a:ext cx="237934" cy="237934"/>
              </a:xfrm>
              <a:custGeom>
                <a:avLst/>
                <a:gdLst>
                  <a:gd name="connsiteX0" fmla="*/ 237934 w 237934"/>
                  <a:gd name="connsiteY0" fmla="*/ 118967 h 237934"/>
                  <a:gd name="connsiteX1" fmla="*/ 118967 w 237934"/>
                  <a:gd name="connsiteY1" fmla="*/ 237935 h 237934"/>
                  <a:gd name="connsiteX2" fmla="*/ 0 w 237934"/>
                  <a:gd name="connsiteY2" fmla="*/ 118967 h 237934"/>
                  <a:gd name="connsiteX3" fmla="*/ 118967 w 237934"/>
                  <a:gd name="connsiteY3" fmla="*/ 0 h 237934"/>
                  <a:gd name="connsiteX4" fmla="*/ 237934 w 237934"/>
                  <a:gd name="connsiteY4" fmla="*/ 118967 h 2379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7934" h="237934">
                    <a:moveTo>
                      <a:pt x="237934" y="118967"/>
                    </a:moveTo>
                    <a:cubicBezTo>
                      <a:pt x="237934" y="184671"/>
                      <a:pt x="184671" y="237935"/>
                      <a:pt x="118967" y="237935"/>
                    </a:cubicBezTo>
                    <a:cubicBezTo>
                      <a:pt x="53263" y="237935"/>
                      <a:pt x="0" y="184671"/>
                      <a:pt x="0" y="118967"/>
                    </a:cubicBezTo>
                    <a:cubicBezTo>
                      <a:pt x="0" y="53263"/>
                      <a:pt x="53263" y="0"/>
                      <a:pt x="118967" y="0"/>
                    </a:cubicBezTo>
                    <a:cubicBezTo>
                      <a:pt x="184671" y="0"/>
                      <a:pt x="237934" y="53263"/>
                      <a:pt x="237934" y="118967"/>
                    </a:cubicBez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7" name="Graphic 2">
                <a:extLst>
                  <a:ext uri="{FF2B5EF4-FFF2-40B4-BE49-F238E27FC236}">
                    <a16:creationId xmlns:a16="http://schemas.microsoft.com/office/drawing/2014/main" id="{A383C8BE-BD79-0502-1A2D-D44181867179}"/>
                  </a:ext>
                </a:extLst>
              </p:cNvPr>
              <p:cNvSpPr/>
              <p:nvPr/>
            </p:nvSpPr>
            <p:spPr>
              <a:xfrm>
                <a:off x="3691128" y="2219547"/>
                <a:ext cx="212693" cy="45624"/>
              </a:xfrm>
              <a:custGeom>
                <a:avLst/>
                <a:gdLst>
                  <a:gd name="connsiteX0" fmla="*/ 0 w 212693"/>
                  <a:gd name="connsiteY0" fmla="*/ 0 h 45624"/>
                  <a:gd name="connsiteX1" fmla="*/ 212693 w 212693"/>
                  <a:gd name="connsiteY1" fmla="*/ 0 h 45624"/>
                  <a:gd name="connsiteX2" fmla="*/ 212693 w 212693"/>
                  <a:gd name="connsiteY2" fmla="*/ 45625 h 45624"/>
                  <a:gd name="connsiteX3" fmla="*/ 0 w 212693"/>
                  <a:gd name="connsiteY3" fmla="*/ 45625 h 45624"/>
                </a:gdLst>
                <a:ahLst/>
                <a:cxnLst>
                  <a:cxn ang="0">
                    <a:pos x="connsiteX0" y="connsiteY0"/>
                  </a:cxn>
                  <a:cxn ang="0">
                    <a:pos x="connsiteX1" y="connsiteY1"/>
                  </a:cxn>
                  <a:cxn ang="0">
                    <a:pos x="connsiteX2" y="connsiteY2"/>
                  </a:cxn>
                  <a:cxn ang="0">
                    <a:pos x="connsiteX3" y="connsiteY3"/>
                  </a:cxn>
                </a:cxnLst>
                <a:rect l="l" t="t" r="r" b="b"/>
                <a:pathLst>
                  <a:path w="212693" h="45624">
                    <a:moveTo>
                      <a:pt x="0" y="0"/>
                    </a:moveTo>
                    <a:lnTo>
                      <a:pt x="212693" y="0"/>
                    </a:lnTo>
                    <a:lnTo>
                      <a:pt x="212693" y="45625"/>
                    </a:lnTo>
                    <a:lnTo>
                      <a:pt x="0" y="45625"/>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29" name="Graphic 2">
                <a:extLst>
                  <a:ext uri="{FF2B5EF4-FFF2-40B4-BE49-F238E27FC236}">
                    <a16:creationId xmlns:a16="http://schemas.microsoft.com/office/drawing/2014/main" id="{F5A8EFE2-ABD2-B224-02D3-9332C4DD2121}"/>
                  </a:ext>
                </a:extLst>
              </p:cNvPr>
              <p:cNvSpPr/>
              <p:nvPr/>
            </p:nvSpPr>
            <p:spPr>
              <a:xfrm>
                <a:off x="3705129" y="2324703"/>
                <a:ext cx="212788" cy="45624"/>
              </a:xfrm>
              <a:custGeom>
                <a:avLst/>
                <a:gdLst>
                  <a:gd name="connsiteX0" fmla="*/ 212788 w 212788"/>
                  <a:gd name="connsiteY0" fmla="*/ 45625 h 45624"/>
                  <a:gd name="connsiteX1" fmla="*/ 24384 w 212788"/>
                  <a:gd name="connsiteY1" fmla="*/ 45625 h 45624"/>
                  <a:gd name="connsiteX2" fmla="*/ 0 w 212788"/>
                  <a:gd name="connsiteY2" fmla="*/ 26289 h 45624"/>
                  <a:gd name="connsiteX3" fmla="*/ 0 w 212788"/>
                  <a:gd name="connsiteY3" fmla="*/ 0 h 45624"/>
                  <a:gd name="connsiteX4" fmla="*/ 212788 w 212788"/>
                  <a:gd name="connsiteY4" fmla="*/ 0 h 45624"/>
                  <a:gd name="connsiteX5" fmla="*/ 212788 w 212788"/>
                  <a:gd name="connsiteY5" fmla="*/ 45625 h 45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2788" h="45624">
                    <a:moveTo>
                      <a:pt x="212788" y="45625"/>
                    </a:moveTo>
                    <a:lnTo>
                      <a:pt x="24384" y="45625"/>
                    </a:lnTo>
                    <a:lnTo>
                      <a:pt x="0" y="26289"/>
                    </a:lnTo>
                    <a:lnTo>
                      <a:pt x="0" y="0"/>
                    </a:lnTo>
                    <a:lnTo>
                      <a:pt x="212788" y="0"/>
                    </a:lnTo>
                    <a:lnTo>
                      <a:pt x="212788" y="45625"/>
                    </a:ln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0" name="Graphic 2">
                <a:extLst>
                  <a:ext uri="{FF2B5EF4-FFF2-40B4-BE49-F238E27FC236}">
                    <a16:creationId xmlns:a16="http://schemas.microsoft.com/office/drawing/2014/main" id="{34C08706-6317-F648-F627-906AA86157F7}"/>
                  </a:ext>
                </a:extLst>
              </p:cNvPr>
              <p:cNvSpPr/>
              <p:nvPr/>
            </p:nvSpPr>
            <p:spPr>
              <a:xfrm>
                <a:off x="3787235" y="2434145"/>
                <a:ext cx="130683" cy="46005"/>
              </a:xfrm>
              <a:custGeom>
                <a:avLst/>
                <a:gdLst>
                  <a:gd name="connsiteX0" fmla="*/ 0 w 130683"/>
                  <a:gd name="connsiteY0" fmla="*/ 0 h 46005"/>
                  <a:gd name="connsiteX1" fmla="*/ 130683 w 130683"/>
                  <a:gd name="connsiteY1" fmla="*/ 0 h 46005"/>
                  <a:gd name="connsiteX2" fmla="*/ 130683 w 130683"/>
                  <a:gd name="connsiteY2" fmla="*/ 46006 h 46005"/>
                  <a:gd name="connsiteX3" fmla="*/ 0 w 130683"/>
                  <a:gd name="connsiteY3" fmla="*/ 46006 h 46005"/>
                </a:gdLst>
                <a:ahLst/>
                <a:cxnLst>
                  <a:cxn ang="0">
                    <a:pos x="connsiteX0" y="connsiteY0"/>
                  </a:cxn>
                  <a:cxn ang="0">
                    <a:pos x="connsiteX1" y="connsiteY1"/>
                  </a:cxn>
                  <a:cxn ang="0">
                    <a:pos x="connsiteX2" y="connsiteY2"/>
                  </a:cxn>
                  <a:cxn ang="0">
                    <a:pos x="connsiteX3" y="connsiteY3"/>
                  </a:cxn>
                </a:cxnLst>
                <a:rect l="l" t="t" r="r" b="b"/>
                <a:pathLst>
                  <a:path w="130683" h="46005">
                    <a:moveTo>
                      <a:pt x="0" y="0"/>
                    </a:moveTo>
                    <a:lnTo>
                      <a:pt x="130683" y="0"/>
                    </a:lnTo>
                    <a:lnTo>
                      <a:pt x="130683" y="46006"/>
                    </a:lnTo>
                    <a:lnTo>
                      <a:pt x="0" y="46006"/>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1" name="Graphic 2">
                <a:extLst>
                  <a:ext uri="{FF2B5EF4-FFF2-40B4-BE49-F238E27FC236}">
                    <a16:creationId xmlns:a16="http://schemas.microsoft.com/office/drawing/2014/main" id="{CB395B83-A017-AC58-A961-BDCC15D0E82D}"/>
                  </a:ext>
                </a:extLst>
              </p:cNvPr>
              <p:cNvSpPr/>
              <p:nvPr/>
            </p:nvSpPr>
            <p:spPr>
              <a:xfrm>
                <a:off x="3700176" y="2540539"/>
                <a:ext cx="217741" cy="49720"/>
              </a:xfrm>
              <a:custGeom>
                <a:avLst/>
                <a:gdLst>
                  <a:gd name="connsiteX0" fmla="*/ 62389 w 217741"/>
                  <a:gd name="connsiteY0" fmla="*/ 0 h 49720"/>
                  <a:gd name="connsiteX1" fmla="*/ 217741 w 217741"/>
                  <a:gd name="connsiteY1" fmla="*/ 0 h 49720"/>
                  <a:gd name="connsiteX2" fmla="*/ 217741 w 217741"/>
                  <a:gd name="connsiteY2" fmla="*/ 49721 h 49720"/>
                  <a:gd name="connsiteX3" fmla="*/ 0 w 217741"/>
                  <a:gd name="connsiteY3" fmla="*/ 49721 h 49720"/>
                  <a:gd name="connsiteX4" fmla="*/ 62389 w 217741"/>
                  <a:gd name="connsiteY4" fmla="*/ 0 h 497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7741" h="49720">
                    <a:moveTo>
                      <a:pt x="62389" y="0"/>
                    </a:moveTo>
                    <a:lnTo>
                      <a:pt x="217741" y="0"/>
                    </a:lnTo>
                    <a:lnTo>
                      <a:pt x="217741" y="49721"/>
                    </a:lnTo>
                    <a:lnTo>
                      <a:pt x="0" y="49721"/>
                    </a:lnTo>
                    <a:lnTo>
                      <a:pt x="62389" y="0"/>
                    </a:lnTo>
                    <a:close/>
                  </a:path>
                </a:pathLst>
              </a:custGeom>
              <a:solidFill>
                <a:srgbClr val="66B9D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2" name="Graphic 2">
                <a:extLst>
                  <a:ext uri="{FF2B5EF4-FFF2-40B4-BE49-F238E27FC236}">
                    <a16:creationId xmlns:a16="http://schemas.microsoft.com/office/drawing/2014/main" id="{2C5A7787-B2C5-EF29-B2B9-157509F52BD9}"/>
                  </a:ext>
                </a:extLst>
              </p:cNvPr>
              <p:cNvSpPr/>
              <p:nvPr/>
            </p:nvSpPr>
            <p:spPr>
              <a:xfrm>
                <a:off x="3628263" y="2397827"/>
                <a:ext cx="71532" cy="150427"/>
              </a:xfrm>
              <a:custGeom>
                <a:avLst/>
                <a:gdLst>
                  <a:gd name="connsiteX0" fmla="*/ 35814 w 71532"/>
                  <a:gd name="connsiteY0" fmla="*/ 150428 h 150427"/>
                  <a:gd name="connsiteX1" fmla="*/ 26765 w 71532"/>
                  <a:gd name="connsiteY1" fmla="*/ 141474 h 150427"/>
                  <a:gd name="connsiteX2" fmla="*/ 26765 w 71532"/>
                  <a:gd name="connsiteY2" fmla="*/ 139569 h 150427"/>
                  <a:gd name="connsiteX3" fmla="*/ 23717 w 71532"/>
                  <a:gd name="connsiteY3" fmla="*/ 135378 h 150427"/>
                  <a:gd name="connsiteX4" fmla="*/ 667 w 71532"/>
                  <a:gd name="connsiteY4" fmla="*/ 114138 h 150427"/>
                  <a:gd name="connsiteX5" fmla="*/ 5753 w 71532"/>
                  <a:gd name="connsiteY5" fmla="*/ 102536 h 150427"/>
                  <a:gd name="connsiteX6" fmla="*/ 5810 w 71532"/>
                  <a:gd name="connsiteY6" fmla="*/ 102517 h 150427"/>
                  <a:gd name="connsiteX7" fmla="*/ 9049 w 71532"/>
                  <a:gd name="connsiteY7" fmla="*/ 101946 h 150427"/>
                  <a:gd name="connsiteX8" fmla="*/ 17431 w 71532"/>
                  <a:gd name="connsiteY8" fmla="*/ 107756 h 150427"/>
                  <a:gd name="connsiteX9" fmla="*/ 35433 w 71532"/>
                  <a:gd name="connsiteY9" fmla="*/ 118710 h 150427"/>
                  <a:gd name="connsiteX10" fmla="*/ 35433 w 71532"/>
                  <a:gd name="connsiteY10" fmla="*/ 118710 h 150427"/>
                  <a:gd name="connsiteX11" fmla="*/ 48101 w 71532"/>
                  <a:gd name="connsiteY11" fmla="*/ 114138 h 150427"/>
                  <a:gd name="connsiteX12" fmla="*/ 53530 w 71532"/>
                  <a:gd name="connsiteY12" fmla="*/ 102422 h 150427"/>
                  <a:gd name="connsiteX13" fmla="*/ 32480 w 71532"/>
                  <a:gd name="connsiteY13" fmla="*/ 83372 h 150427"/>
                  <a:gd name="connsiteX14" fmla="*/ 0 w 71532"/>
                  <a:gd name="connsiteY14" fmla="*/ 47177 h 150427"/>
                  <a:gd name="connsiteX15" fmla="*/ 11334 w 71532"/>
                  <a:gd name="connsiteY15" fmla="*/ 22126 h 150427"/>
                  <a:gd name="connsiteX16" fmla="*/ 23908 w 71532"/>
                  <a:gd name="connsiteY16" fmla="*/ 14792 h 150427"/>
                  <a:gd name="connsiteX17" fmla="*/ 26765 w 71532"/>
                  <a:gd name="connsiteY17" fmla="*/ 10601 h 150427"/>
                  <a:gd name="connsiteX18" fmla="*/ 26765 w 71532"/>
                  <a:gd name="connsiteY18" fmla="*/ 8124 h 150427"/>
                  <a:gd name="connsiteX19" fmla="*/ 36690 w 71532"/>
                  <a:gd name="connsiteY19" fmla="*/ 47 h 150427"/>
                  <a:gd name="connsiteX20" fmla="*/ 44767 w 71532"/>
                  <a:gd name="connsiteY20" fmla="*/ 8124 h 150427"/>
                  <a:gd name="connsiteX21" fmla="*/ 44767 w 71532"/>
                  <a:gd name="connsiteY21" fmla="*/ 10029 h 150427"/>
                  <a:gd name="connsiteX22" fmla="*/ 47815 w 71532"/>
                  <a:gd name="connsiteY22" fmla="*/ 14220 h 150427"/>
                  <a:gd name="connsiteX23" fmla="*/ 70961 w 71532"/>
                  <a:gd name="connsiteY23" fmla="*/ 35461 h 150427"/>
                  <a:gd name="connsiteX24" fmla="*/ 65722 w 71532"/>
                  <a:gd name="connsiteY24" fmla="*/ 47082 h 150427"/>
                  <a:gd name="connsiteX25" fmla="*/ 62579 w 71532"/>
                  <a:gd name="connsiteY25" fmla="*/ 47653 h 150427"/>
                  <a:gd name="connsiteX26" fmla="*/ 54102 w 71532"/>
                  <a:gd name="connsiteY26" fmla="*/ 41843 h 150427"/>
                  <a:gd name="connsiteX27" fmla="*/ 27099 w 71532"/>
                  <a:gd name="connsiteY27" fmla="*/ 32975 h 150427"/>
                  <a:gd name="connsiteX28" fmla="*/ 23431 w 71532"/>
                  <a:gd name="connsiteY28" fmla="*/ 35366 h 150427"/>
                  <a:gd name="connsiteX29" fmla="*/ 18002 w 71532"/>
                  <a:gd name="connsiteY29" fmla="*/ 47177 h 150427"/>
                  <a:gd name="connsiteX30" fmla="*/ 39052 w 71532"/>
                  <a:gd name="connsiteY30" fmla="*/ 66227 h 150427"/>
                  <a:gd name="connsiteX31" fmla="*/ 71533 w 71532"/>
                  <a:gd name="connsiteY31" fmla="*/ 102422 h 150427"/>
                  <a:gd name="connsiteX32" fmla="*/ 60198 w 71532"/>
                  <a:gd name="connsiteY32" fmla="*/ 127472 h 150427"/>
                  <a:gd name="connsiteX33" fmla="*/ 47720 w 71532"/>
                  <a:gd name="connsiteY33" fmla="*/ 134807 h 150427"/>
                  <a:gd name="connsiteX34" fmla="*/ 44767 w 71532"/>
                  <a:gd name="connsiteY34" fmla="*/ 138903 h 150427"/>
                  <a:gd name="connsiteX35" fmla="*/ 44767 w 71532"/>
                  <a:gd name="connsiteY35" fmla="*/ 141474 h 150427"/>
                  <a:gd name="connsiteX36" fmla="*/ 35814 w 71532"/>
                  <a:gd name="connsiteY36" fmla="*/ 150428 h 1504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71532" h="150427">
                    <a:moveTo>
                      <a:pt x="35814" y="150428"/>
                    </a:moveTo>
                    <a:cubicBezTo>
                      <a:pt x="30956" y="150190"/>
                      <a:pt x="27051" y="146332"/>
                      <a:pt x="26765" y="141474"/>
                    </a:cubicBezTo>
                    <a:lnTo>
                      <a:pt x="26765" y="139569"/>
                    </a:lnTo>
                    <a:cubicBezTo>
                      <a:pt x="26803" y="137645"/>
                      <a:pt x="25555" y="135931"/>
                      <a:pt x="23717" y="135378"/>
                    </a:cubicBezTo>
                    <a:cubicBezTo>
                      <a:pt x="13202" y="132178"/>
                      <a:pt x="4715" y="124358"/>
                      <a:pt x="667" y="114138"/>
                    </a:cubicBezTo>
                    <a:cubicBezTo>
                      <a:pt x="-1134" y="109528"/>
                      <a:pt x="1143" y="104336"/>
                      <a:pt x="5753" y="102536"/>
                    </a:cubicBezTo>
                    <a:cubicBezTo>
                      <a:pt x="5772" y="102536"/>
                      <a:pt x="5791" y="102527"/>
                      <a:pt x="5810" y="102517"/>
                    </a:cubicBezTo>
                    <a:cubicBezTo>
                      <a:pt x="6848" y="102136"/>
                      <a:pt x="7944" y="101946"/>
                      <a:pt x="9049" y="101946"/>
                    </a:cubicBezTo>
                    <a:cubicBezTo>
                      <a:pt x="12735" y="102098"/>
                      <a:pt x="15992" y="104365"/>
                      <a:pt x="17431" y="107756"/>
                    </a:cubicBezTo>
                    <a:cubicBezTo>
                      <a:pt x="20679" y="114700"/>
                      <a:pt x="27775" y="119014"/>
                      <a:pt x="35433" y="118710"/>
                    </a:cubicBezTo>
                    <a:lnTo>
                      <a:pt x="35433" y="118710"/>
                    </a:lnTo>
                    <a:cubicBezTo>
                      <a:pt x="40072" y="118776"/>
                      <a:pt x="44577" y="117157"/>
                      <a:pt x="48101" y="114138"/>
                    </a:cubicBezTo>
                    <a:cubicBezTo>
                      <a:pt x="51549" y="111223"/>
                      <a:pt x="53530" y="106937"/>
                      <a:pt x="53530" y="102422"/>
                    </a:cubicBezTo>
                    <a:cubicBezTo>
                      <a:pt x="53530" y="92897"/>
                      <a:pt x="40386" y="86039"/>
                      <a:pt x="32480" y="83372"/>
                    </a:cubicBezTo>
                    <a:cubicBezTo>
                      <a:pt x="3905" y="72228"/>
                      <a:pt x="0" y="55940"/>
                      <a:pt x="0" y="47177"/>
                    </a:cubicBezTo>
                    <a:cubicBezTo>
                      <a:pt x="19" y="37595"/>
                      <a:pt x="4153" y="28470"/>
                      <a:pt x="11334" y="22126"/>
                    </a:cubicBezTo>
                    <a:cubicBezTo>
                      <a:pt x="14992" y="18859"/>
                      <a:pt x="19269" y="16363"/>
                      <a:pt x="23908" y="14792"/>
                    </a:cubicBezTo>
                    <a:cubicBezTo>
                      <a:pt x="25632" y="14125"/>
                      <a:pt x="26775" y="12458"/>
                      <a:pt x="26765" y="10601"/>
                    </a:cubicBezTo>
                    <a:lnTo>
                      <a:pt x="26765" y="8124"/>
                    </a:lnTo>
                    <a:cubicBezTo>
                      <a:pt x="27279" y="3152"/>
                      <a:pt x="31718" y="-458"/>
                      <a:pt x="36690" y="47"/>
                    </a:cubicBezTo>
                    <a:cubicBezTo>
                      <a:pt x="40957" y="485"/>
                      <a:pt x="44329" y="3857"/>
                      <a:pt x="44767" y="8124"/>
                    </a:cubicBezTo>
                    <a:lnTo>
                      <a:pt x="44767" y="10029"/>
                    </a:lnTo>
                    <a:cubicBezTo>
                      <a:pt x="44758" y="11944"/>
                      <a:pt x="45996" y="13639"/>
                      <a:pt x="47815" y="14220"/>
                    </a:cubicBezTo>
                    <a:cubicBezTo>
                      <a:pt x="58360" y="17411"/>
                      <a:pt x="66884" y="25231"/>
                      <a:pt x="70961" y="35461"/>
                    </a:cubicBezTo>
                    <a:cubicBezTo>
                      <a:pt x="72447" y="40100"/>
                      <a:pt x="70190" y="45119"/>
                      <a:pt x="65722" y="47082"/>
                    </a:cubicBezTo>
                    <a:cubicBezTo>
                      <a:pt x="64703" y="47405"/>
                      <a:pt x="63646" y="47605"/>
                      <a:pt x="62579" y="47653"/>
                    </a:cubicBezTo>
                    <a:cubicBezTo>
                      <a:pt x="58864" y="47539"/>
                      <a:pt x="55550" y="45272"/>
                      <a:pt x="54102" y="41843"/>
                    </a:cubicBezTo>
                    <a:cubicBezTo>
                      <a:pt x="49092" y="31937"/>
                      <a:pt x="37004" y="27965"/>
                      <a:pt x="27099" y="32975"/>
                    </a:cubicBezTo>
                    <a:cubicBezTo>
                      <a:pt x="25793" y="33642"/>
                      <a:pt x="24565" y="34442"/>
                      <a:pt x="23431" y="35366"/>
                    </a:cubicBezTo>
                    <a:cubicBezTo>
                      <a:pt x="20012" y="38338"/>
                      <a:pt x="18031" y="42643"/>
                      <a:pt x="18002" y="47177"/>
                    </a:cubicBezTo>
                    <a:cubicBezTo>
                      <a:pt x="18002" y="56702"/>
                      <a:pt x="31242" y="63560"/>
                      <a:pt x="39052" y="66227"/>
                    </a:cubicBezTo>
                    <a:cubicBezTo>
                      <a:pt x="67627" y="77371"/>
                      <a:pt x="71533" y="93659"/>
                      <a:pt x="71533" y="102422"/>
                    </a:cubicBezTo>
                    <a:cubicBezTo>
                      <a:pt x="71533" y="112014"/>
                      <a:pt x="67408" y="121138"/>
                      <a:pt x="60198" y="127472"/>
                    </a:cubicBezTo>
                    <a:cubicBezTo>
                      <a:pt x="56559" y="130721"/>
                      <a:pt x="52321" y="133207"/>
                      <a:pt x="47720" y="134807"/>
                    </a:cubicBezTo>
                    <a:cubicBezTo>
                      <a:pt x="45948" y="135388"/>
                      <a:pt x="44758" y="137045"/>
                      <a:pt x="44767" y="138903"/>
                    </a:cubicBezTo>
                    <a:lnTo>
                      <a:pt x="44767" y="141474"/>
                    </a:lnTo>
                    <a:cubicBezTo>
                      <a:pt x="44767" y="146418"/>
                      <a:pt x="40757" y="150428"/>
                      <a:pt x="35814" y="150428"/>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3" name="Graphic 2">
                <a:extLst>
                  <a:ext uri="{FF2B5EF4-FFF2-40B4-BE49-F238E27FC236}">
                    <a16:creationId xmlns:a16="http://schemas.microsoft.com/office/drawing/2014/main" id="{0900AB4A-F6FB-E5A7-A7AA-AA26488FD53F}"/>
                  </a:ext>
                </a:extLst>
              </p:cNvPr>
              <p:cNvSpPr/>
              <p:nvPr/>
            </p:nvSpPr>
            <p:spPr>
              <a:xfrm>
                <a:off x="3534727" y="2208879"/>
                <a:ext cx="419100" cy="392906"/>
              </a:xfrm>
              <a:custGeom>
                <a:avLst/>
                <a:gdLst>
                  <a:gd name="connsiteX0" fmla="*/ 129349 w 419100"/>
                  <a:gd name="connsiteY0" fmla="*/ 392906 h 392906"/>
                  <a:gd name="connsiteX1" fmla="*/ 0 w 419100"/>
                  <a:gd name="connsiteY1" fmla="*/ 263557 h 392906"/>
                  <a:gd name="connsiteX2" fmla="*/ 129349 w 419100"/>
                  <a:gd name="connsiteY2" fmla="*/ 134207 h 392906"/>
                  <a:gd name="connsiteX3" fmla="*/ 155162 w 419100"/>
                  <a:gd name="connsiteY3" fmla="*/ 137065 h 392906"/>
                  <a:gd name="connsiteX4" fmla="*/ 156020 w 419100"/>
                  <a:gd name="connsiteY4" fmla="*/ 137065 h 392906"/>
                  <a:gd name="connsiteX5" fmla="*/ 158782 w 419100"/>
                  <a:gd name="connsiteY5" fmla="*/ 136112 h 392906"/>
                  <a:gd name="connsiteX6" fmla="*/ 160401 w 419100"/>
                  <a:gd name="connsiteY6" fmla="*/ 132683 h 392906"/>
                  <a:gd name="connsiteX7" fmla="*/ 160401 w 419100"/>
                  <a:gd name="connsiteY7" fmla="*/ 116491 h 392906"/>
                  <a:gd name="connsiteX8" fmla="*/ 169450 w 419100"/>
                  <a:gd name="connsiteY8" fmla="*/ 106966 h 392906"/>
                  <a:gd name="connsiteX9" fmla="*/ 182785 w 419100"/>
                  <a:gd name="connsiteY9" fmla="*/ 106966 h 392906"/>
                  <a:gd name="connsiteX10" fmla="*/ 187166 w 419100"/>
                  <a:gd name="connsiteY10" fmla="*/ 102775 h 392906"/>
                  <a:gd name="connsiteX11" fmla="*/ 187166 w 419100"/>
                  <a:gd name="connsiteY11" fmla="*/ 102584 h 392906"/>
                  <a:gd name="connsiteX12" fmla="*/ 187166 w 419100"/>
                  <a:gd name="connsiteY12" fmla="*/ 75819 h 392906"/>
                  <a:gd name="connsiteX13" fmla="*/ 182785 w 419100"/>
                  <a:gd name="connsiteY13" fmla="*/ 71438 h 392906"/>
                  <a:gd name="connsiteX14" fmla="*/ 156020 w 419100"/>
                  <a:gd name="connsiteY14" fmla="*/ 71438 h 392906"/>
                  <a:gd name="connsiteX15" fmla="*/ 147066 w 419100"/>
                  <a:gd name="connsiteY15" fmla="*/ 62484 h 392906"/>
                  <a:gd name="connsiteX16" fmla="*/ 147066 w 419100"/>
                  <a:gd name="connsiteY16" fmla="*/ 9049 h 392906"/>
                  <a:gd name="connsiteX17" fmla="*/ 156020 w 419100"/>
                  <a:gd name="connsiteY17" fmla="*/ 0 h 392906"/>
                  <a:gd name="connsiteX18" fmla="*/ 369951 w 419100"/>
                  <a:gd name="connsiteY18" fmla="*/ 0 h 392906"/>
                  <a:gd name="connsiteX19" fmla="*/ 379000 w 419100"/>
                  <a:gd name="connsiteY19" fmla="*/ 9049 h 392906"/>
                  <a:gd name="connsiteX20" fmla="*/ 379000 w 419100"/>
                  <a:gd name="connsiteY20" fmla="*/ 49149 h 392906"/>
                  <a:gd name="connsiteX21" fmla="*/ 383381 w 419100"/>
                  <a:gd name="connsiteY21" fmla="*/ 53530 h 392906"/>
                  <a:gd name="connsiteX22" fmla="*/ 410146 w 419100"/>
                  <a:gd name="connsiteY22" fmla="*/ 53530 h 392906"/>
                  <a:gd name="connsiteX23" fmla="*/ 419100 w 419100"/>
                  <a:gd name="connsiteY23" fmla="*/ 62484 h 392906"/>
                  <a:gd name="connsiteX24" fmla="*/ 419100 w 419100"/>
                  <a:gd name="connsiteY24" fmla="*/ 116014 h 392906"/>
                  <a:gd name="connsiteX25" fmla="*/ 410146 w 419100"/>
                  <a:gd name="connsiteY25" fmla="*/ 124968 h 392906"/>
                  <a:gd name="connsiteX26" fmla="*/ 396716 w 419100"/>
                  <a:gd name="connsiteY26" fmla="*/ 124968 h 392906"/>
                  <a:gd name="connsiteX27" fmla="*/ 392335 w 419100"/>
                  <a:gd name="connsiteY27" fmla="*/ 129349 h 392906"/>
                  <a:gd name="connsiteX28" fmla="*/ 392335 w 419100"/>
                  <a:gd name="connsiteY28" fmla="*/ 169450 h 392906"/>
                  <a:gd name="connsiteX29" fmla="*/ 383381 w 419100"/>
                  <a:gd name="connsiteY29" fmla="*/ 178403 h 392906"/>
                  <a:gd name="connsiteX30" fmla="*/ 369951 w 419100"/>
                  <a:gd name="connsiteY30" fmla="*/ 178403 h 392906"/>
                  <a:gd name="connsiteX31" fmla="*/ 365570 w 419100"/>
                  <a:gd name="connsiteY31" fmla="*/ 182880 h 392906"/>
                  <a:gd name="connsiteX32" fmla="*/ 365570 w 419100"/>
                  <a:gd name="connsiteY32" fmla="*/ 209550 h 392906"/>
                  <a:gd name="connsiteX33" fmla="*/ 369951 w 419100"/>
                  <a:gd name="connsiteY33" fmla="*/ 213931 h 392906"/>
                  <a:gd name="connsiteX34" fmla="*/ 383381 w 419100"/>
                  <a:gd name="connsiteY34" fmla="*/ 213931 h 392906"/>
                  <a:gd name="connsiteX35" fmla="*/ 392335 w 419100"/>
                  <a:gd name="connsiteY35" fmla="*/ 222980 h 392906"/>
                  <a:gd name="connsiteX36" fmla="*/ 392335 w 419100"/>
                  <a:gd name="connsiteY36" fmla="*/ 263080 h 392906"/>
                  <a:gd name="connsiteX37" fmla="*/ 396716 w 419100"/>
                  <a:gd name="connsiteY37" fmla="*/ 267462 h 392906"/>
                  <a:gd name="connsiteX38" fmla="*/ 410146 w 419100"/>
                  <a:gd name="connsiteY38" fmla="*/ 267462 h 392906"/>
                  <a:gd name="connsiteX39" fmla="*/ 419100 w 419100"/>
                  <a:gd name="connsiteY39" fmla="*/ 276415 h 392906"/>
                  <a:gd name="connsiteX40" fmla="*/ 419100 w 419100"/>
                  <a:gd name="connsiteY40" fmla="*/ 329946 h 392906"/>
                  <a:gd name="connsiteX41" fmla="*/ 410146 w 419100"/>
                  <a:gd name="connsiteY41" fmla="*/ 338899 h 392906"/>
                  <a:gd name="connsiteX42" fmla="*/ 396716 w 419100"/>
                  <a:gd name="connsiteY42" fmla="*/ 338899 h 392906"/>
                  <a:gd name="connsiteX43" fmla="*/ 392335 w 419100"/>
                  <a:gd name="connsiteY43" fmla="*/ 343281 h 392906"/>
                  <a:gd name="connsiteX44" fmla="*/ 392335 w 419100"/>
                  <a:gd name="connsiteY44" fmla="*/ 383381 h 392906"/>
                  <a:gd name="connsiteX45" fmla="*/ 383381 w 419100"/>
                  <a:gd name="connsiteY45" fmla="*/ 392430 h 392906"/>
                  <a:gd name="connsiteX46" fmla="*/ 223266 w 419100"/>
                  <a:gd name="connsiteY46" fmla="*/ 352234 h 392906"/>
                  <a:gd name="connsiteX47" fmla="*/ 222695 w 419100"/>
                  <a:gd name="connsiteY47" fmla="*/ 352806 h 392906"/>
                  <a:gd name="connsiteX48" fmla="*/ 209645 w 419100"/>
                  <a:gd name="connsiteY48" fmla="*/ 364712 h 392906"/>
                  <a:gd name="connsiteX49" fmla="*/ 208979 w 419100"/>
                  <a:gd name="connsiteY49" fmla="*/ 365284 h 392906"/>
                  <a:gd name="connsiteX50" fmla="*/ 208979 w 419100"/>
                  <a:gd name="connsiteY50" fmla="*/ 365284 h 392906"/>
                  <a:gd name="connsiteX51" fmla="*/ 207073 w 419100"/>
                  <a:gd name="connsiteY51" fmla="*/ 366808 h 392906"/>
                  <a:gd name="connsiteX52" fmla="*/ 205454 w 419100"/>
                  <a:gd name="connsiteY52" fmla="*/ 371665 h 392906"/>
                  <a:gd name="connsiteX53" fmla="*/ 209645 w 419100"/>
                  <a:gd name="connsiteY53" fmla="*/ 374713 h 392906"/>
                  <a:gd name="connsiteX54" fmla="*/ 370237 w 419100"/>
                  <a:gd name="connsiteY54" fmla="*/ 374713 h 392906"/>
                  <a:gd name="connsiteX55" fmla="*/ 374618 w 419100"/>
                  <a:gd name="connsiteY55" fmla="*/ 370332 h 392906"/>
                  <a:gd name="connsiteX56" fmla="*/ 374618 w 419100"/>
                  <a:gd name="connsiteY56" fmla="*/ 343567 h 392906"/>
                  <a:gd name="connsiteX57" fmla="*/ 370237 w 419100"/>
                  <a:gd name="connsiteY57" fmla="*/ 339185 h 392906"/>
                  <a:gd name="connsiteX58" fmla="*/ 236887 w 419100"/>
                  <a:gd name="connsiteY58" fmla="*/ 339185 h 392906"/>
                  <a:gd name="connsiteX59" fmla="*/ 233363 w 419100"/>
                  <a:gd name="connsiteY59" fmla="*/ 340900 h 392906"/>
                  <a:gd name="connsiteX60" fmla="*/ 232600 w 419100"/>
                  <a:gd name="connsiteY60" fmla="*/ 341852 h 392906"/>
                  <a:gd name="connsiteX61" fmla="*/ 231648 w 419100"/>
                  <a:gd name="connsiteY61" fmla="*/ 342995 h 392906"/>
                  <a:gd name="connsiteX62" fmla="*/ 226790 w 419100"/>
                  <a:gd name="connsiteY62" fmla="*/ 348805 h 392906"/>
                  <a:gd name="connsiteX63" fmla="*/ 226123 w 419100"/>
                  <a:gd name="connsiteY63" fmla="*/ 349567 h 392906"/>
                  <a:gd name="connsiteX64" fmla="*/ 225552 w 419100"/>
                  <a:gd name="connsiteY64" fmla="*/ 350234 h 392906"/>
                  <a:gd name="connsiteX65" fmla="*/ 129349 w 419100"/>
                  <a:gd name="connsiteY65" fmla="*/ 152209 h 392906"/>
                  <a:gd name="connsiteX66" fmla="*/ 18002 w 419100"/>
                  <a:gd name="connsiteY66" fmla="*/ 263557 h 392906"/>
                  <a:gd name="connsiteX67" fmla="*/ 129349 w 419100"/>
                  <a:gd name="connsiteY67" fmla="*/ 374904 h 392906"/>
                  <a:gd name="connsiteX68" fmla="*/ 139446 w 419100"/>
                  <a:gd name="connsiteY68" fmla="*/ 374428 h 392906"/>
                  <a:gd name="connsiteX69" fmla="*/ 144304 w 419100"/>
                  <a:gd name="connsiteY69" fmla="*/ 373761 h 392906"/>
                  <a:gd name="connsiteX70" fmla="*/ 145351 w 419100"/>
                  <a:gd name="connsiteY70" fmla="*/ 373761 h 392906"/>
                  <a:gd name="connsiteX71" fmla="*/ 148971 w 419100"/>
                  <a:gd name="connsiteY71" fmla="*/ 373189 h 392906"/>
                  <a:gd name="connsiteX72" fmla="*/ 156115 w 419100"/>
                  <a:gd name="connsiteY72" fmla="*/ 371570 h 392906"/>
                  <a:gd name="connsiteX73" fmla="*/ 157829 w 419100"/>
                  <a:gd name="connsiteY73" fmla="*/ 371570 h 392906"/>
                  <a:gd name="connsiteX74" fmla="*/ 166021 w 419100"/>
                  <a:gd name="connsiteY74" fmla="*/ 368998 h 392906"/>
                  <a:gd name="connsiteX75" fmla="*/ 166021 w 419100"/>
                  <a:gd name="connsiteY75" fmla="*/ 368998 h 392906"/>
                  <a:gd name="connsiteX76" fmla="*/ 196405 w 419100"/>
                  <a:gd name="connsiteY76" fmla="*/ 352520 h 392906"/>
                  <a:gd name="connsiteX77" fmla="*/ 197453 w 419100"/>
                  <a:gd name="connsiteY77" fmla="*/ 351663 h 392906"/>
                  <a:gd name="connsiteX78" fmla="*/ 202787 w 419100"/>
                  <a:gd name="connsiteY78" fmla="*/ 347186 h 392906"/>
                  <a:gd name="connsiteX79" fmla="*/ 204788 w 419100"/>
                  <a:gd name="connsiteY79" fmla="*/ 345472 h 392906"/>
                  <a:gd name="connsiteX80" fmla="*/ 209359 w 419100"/>
                  <a:gd name="connsiteY80" fmla="*/ 340995 h 392906"/>
                  <a:gd name="connsiteX81" fmla="*/ 211836 w 419100"/>
                  <a:gd name="connsiteY81" fmla="*/ 338233 h 392906"/>
                  <a:gd name="connsiteX82" fmla="*/ 211836 w 419100"/>
                  <a:gd name="connsiteY82" fmla="*/ 338233 h 392906"/>
                  <a:gd name="connsiteX83" fmla="*/ 215741 w 419100"/>
                  <a:gd name="connsiteY83" fmla="*/ 333661 h 392906"/>
                  <a:gd name="connsiteX84" fmla="*/ 222599 w 419100"/>
                  <a:gd name="connsiteY84" fmla="*/ 324136 h 392906"/>
                  <a:gd name="connsiteX85" fmla="*/ 227266 w 419100"/>
                  <a:gd name="connsiteY85" fmla="*/ 316230 h 392906"/>
                  <a:gd name="connsiteX86" fmla="*/ 228409 w 419100"/>
                  <a:gd name="connsiteY86" fmla="*/ 313944 h 392906"/>
                  <a:gd name="connsiteX87" fmla="*/ 228886 w 419100"/>
                  <a:gd name="connsiteY87" fmla="*/ 312801 h 392906"/>
                  <a:gd name="connsiteX88" fmla="*/ 232505 w 419100"/>
                  <a:gd name="connsiteY88" fmla="*/ 304514 h 392906"/>
                  <a:gd name="connsiteX89" fmla="*/ 233648 w 419100"/>
                  <a:gd name="connsiteY89" fmla="*/ 301371 h 392906"/>
                  <a:gd name="connsiteX90" fmla="*/ 236506 w 419100"/>
                  <a:gd name="connsiteY90" fmla="*/ 291846 h 392906"/>
                  <a:gd name="connsiteX91" fmla="*/ 236506 w 419100"/>
                  <a:gd name="connsiteY91" fmla="*/ 291179 h 392906"/>
                  <a:gd name="connsiteX92" fmla="*/ 236982 w 419100"/>
                  <a:gd name="connsiteY92" fmla="*/ 289465 h 392906"/>
                  <a:gd name="connsiteX93" fmla="*/ 239078 w 419100"/>
                  <a:gd name="connsiteY93" fmla="*/ 277177 h 392906"/>
                  <a:gd name="connsiteX94" fmla="*/ 239078 w 419100"/>
                  <a:gd name="connsiteY94" fmla="*/ 252127 h 392906"/>
                  <a:gd name="connsiteX95" fmla="*/ 238506 w 419100"/>
                  <a:gd name="connsiteY95" fmla="*/ 247650 h 392906"/>
                  <a:gd name="connsiteX96" fmla="*/ 237649 w 419100"/>
                  <a:gd name="connsiteY96" fmla="*/ 243364 h 392906"/>
                  <a:gd name="connsiteX97" fmla="*/ 237649 w 419100"/>
                  <a:gd name="connsiteY97" fmla="*/ 242316 h 392906"/>
                  <a:gd name="connsiteX98" fmla="*/ 233648 w 419100"/>
                  <a:gd name="connsiteY98" fmla="*/ 227647 h 392906"/>
                  <a:gd name="connsiteX99" fmla="*/ 228981 w 419100"/>
                  <a:gd name="connsiteY99" fmla="*/ 216979 h 392906"/>
                  <a:gd name="connsiteX100" fmla="*/ 228314 w 419100"/>
                  <a:gd name="connsiteY100" fmla="*/ 215551 h 392906"/>
                  <a:gd name="connsiteX101" fmla="*/ 226790 w 419100"/>
                  <a:gd name="connsiteY101" fmla="*/ 212407 h 392906"/>
                  <a:gd name="connsiteX102" fmla="*/ 198215 w 419100"/>
                  <a:gd name="connsiteY102" fmla="*/ 178213 h 392906"/>
                  <a:gd name="connsiteX103" fmla="*/ 198215 w 419100"/>
                  <a:gd name="connsiteY103" fmla="*/ 178213 h 392906"/>
                  <a:gd name="connsiteX104" fmla="*/ 128302 w 419100"/>
                  <a:gd name="connsiteY104" fmla="*/ 153448 h 392906"/>
                  <a:gd name="connsiteX105" fmla="*/ 260318 w 419100"/>
                  <a:gd name="connsiteY105" fmla="*/ 285559 h 392906"/>
                  <a:gd name="connsiteX106" fmla="*/ 256032 w 419100"/>
                  <a:gd name="connsiteY106" fmla="*/ 289084 h 392906"/>
                  <a:gd name="connsiteX107" fmla="*/ 248031 w 419100"/>
                  <a:gd name="connsiteY107" fmla="*/ 314515 h 392906"/>
                  <a:gd name="connsiteX108" fmla="*/ 248031 w 419100"/>
                  <a:gd name="connsiteY108" fmla="*/ 315087 h 392906"/>
                  <a:gd name="connsiteX109" fmla="*/ 248031 w 419100"/>
                  <a:gd name="connsiteY109" fmla="*/ 319183 h 392906"/>
                  <a:gd name="connsiteX110" fmla="*/ 251746 w 419100"/>
                  <a:gd name="connsiteY110" fmla="*/ 321088 h 392906"/>
                  <a:gd name="connsiteX111" fmla="*/ 396621 w 419100"/>
                  <a:gd name="connsiteY111" fmla="*/ 321088 h 392906"/>
                  <a:gd name="connsiteX112" fmla="*/ 401003 w 419100"/>
                  <a:gd name="connsiteY112" fmla="*/ 316897 h 392906"/>
                  <a:gd name="connsiteX113" fmla="*/ 401003 w 419100"/>
                  <a:gd name="connsiteY113" fmla="*/ 316706 h 392906"/>
                  <a:gd name="connsiteX114" fmla="*/ 401003 w 419100"/>
                  <a:gd name="connsiteY114" fmla="*/ 290036 h 392906"/>
                  <a:gd name="connsiteX115" fmla="*/ 396716 w 419100"/>
                  <a:gd name="connsiteY115" fmla="*/ 285559 h 392906"/>
                  <a:gd name="connsiteX116" fmla="*/ 396621 w 419100"/>
                  <a:gd name="connsiteY116" fmla="*/ 285559 h 392906"/>
                  <a:gd name="connsiteX117" fmla="*/ 260318 w 419100"/>
                  <a:gd name="connsiteY117" fmla="*/ 232124 h 392906"/>
                  <a:gd name="connsiteX118" fmla="*/ 256984 w 419100"/>
                  <a:gd name="connsiteY118" fmla="*/ 233743 h 392906"/>
                  <a:gd name="connsiteX119" fmla="*/ 256032 w 419100"/>
                  <a:gd name="connsiteY119" fmla="*/ 237458 h 392906"/>
                  <a:gd name="connsiteX120" fmla="*/ 256032 w 419100"/>
                  <a:gd name="connsiteY120" fmla="*/ 239268 h 392906"/>
                  <a:gd name="connsiteX121" fmla="*/ 256032 w 419100"/>
                  <a:gd name="connsiteY121" fmla="*/ 241078 h 392906"/>
                  <a:gd name="connsiteX122" fmla="*/ 256508 w 419100"/>
                  <a:gd name="connsiteY122" fmla="*/ 243459 h 392906"/>
                  <a:gd name="connsiteX123" fmla="*/ 256984 w 419100"/>
                  <a:gd name="connsiteY123" fmla="*/ 246031 h 392906"/>
                  <a:gd name="connsiteX124" fmla="*/ 256984 w 419100"/>
                  <a:gd name="connsiteY124" fmla="*/ 246697 h 392906"/>
                  <a:gd name="connsiteX125" fmla="*/ 256984 w 419100"/>
                  <a:gd name="connsiteY125" fmla="*/ 248126 h 392906"/>
                  <a:gd name="connsiteX126" fmla="*/ 257937 w 419100"/>
                  <a:gd name="connsiteY126" fmla="*/ 263271 h 392906"/>
                  <a:gd name="connsiteX127" fmla="*/ 262319 w 419100"/>
                  <a:gd name="connsiteY127" fmla="*/ 267652 h 392906"/>
                  <a:gd name="connsiteX128" fmla="*/ 369284 w 419100"/>
                  <a:gd name="connsiteY128" fmla="*/ 267652 h 392906"/>
                  <a:gd name="connsiteX129" fmla="*/ 373666 w 419100"/>
                  <a:gd name="connsiteY129" fmla="*/ 263271 h 392906"/>
                  <a:gd name="connsiteX130" fmla="*/ 373666 w 419100"/>
                  <a:gd name="connsiteY130" fmla="*/ 236506 h 392906"/>
                  <a:gd name="connsiteX131" fmla="*/ 369284 w 419100"/>
                  <a:gd name="connsiteY131" fmla="*/ 232124 h 392906"/>
                  <a:gd name="connsiteX132" fmla="*/ 241745 w 419100"/>
                  <a:gd name="connsiteY132" fmla="*/ 199072 h 392906"/>
                  <a:gd name="connsiteX133" fmla="*/ 247840 w 419100"/>
                  <a:gd name="connsiteY133" fmla="*/ 211550 h 392906"/>
                  <a:gd name="connsiteX134" fmla="*/ 251841 w 419100"/>
                  <a:gd name="connsiteY134" fmla="*/ 214122 h 392906"/>
                  <a:gd name="connsiteX135" fmla="*/ 343376 w 419100"/>
                  <a:gd name="connsiteY135" fmla="*/ 214122 h 392906"/>
                  <a:gd name="connsiteX136" fmla="*/ 347758 w 419100"/>
                  <a:gd name="connsiteY136" fmla="*/ 209740 h 392906"/>
                  <a:gd name="connsiteX137" fmla="*/ 347758 w 419100"/>
                  <a:gd name="connsiteY137" fmla="*/ 183070 h 392906"/>
                  <a:gd name="connsiteX138" fmla="*/ 343376 w 419100"/>
                  <a:gd name="connsiteY138" fmla="*/ 178594 h 392906"/>
                  <a:gd name="connsiteX139" fmla="*/ 236220 w 419100"/>
                  <a:gd name="connsiteY139" fmla="*/ 178594 h 392906"/>
                  <a:gd name="connsiteX140" fmla="*/ 232220 w 419100"/>
                  <a:gd name="connsiteY140" fmla="*/ 181070 h 392906"/>
                  <a:gd name="connsiteX141" fmla="*/ 232220 w 419100"/>
                  <a:gd name="connsiteY141" fmla="*/ 185642 h 392906"/>
                  <a:gd name="connsiteX142" fmla="*/ 240506 w 419100"/>
                  <a:gd name="connsiteY142" fmla="*/ 198215 h 392906"/>
                  <a:gd name="connsiteX143" fmla="*/ 193548 w 419100"/>
                  <a:gd name="connsiteY143" fmla="*/ 150971 h 392906"/>
                  <a:gd name="connsiteX144" fmla="*/ 194120 w 419100"/>
                  <a:gd name="connsiteY144" fmla="*/ 150971 h 392906"/>
                  <a:gd name="connsiteX145" fmla="*/ 206883 w 419100"/>
                  <a:gd name="connsiteY145" fmla="*/ 159448 h 392906"/>
                  <a:gd name="connsiteX146" fmla="*/ 209550 w 419100"/>
                  <a:gd name="connsiteY146" fmla="*/ 160306 h 392906"/>
                  <a:gd name="connsiteX147" fmla="*/ 370046 w 419100"/>
                  <a:gd name="connsiteY147" fmla="*/ 160306 h 392906"/>
                  <a:gd name="connsiteX148" fmla="*/ 374428 w 419100"/>
                  <a:gd name="connsiteY148" fmla="*/ 155924 h 392906"/>
                  <a:gd name="connsiteX149" fmla="*/ 374428 w 419100"/>
                  <a:gd name="connsiteY149" fmla="*/ 129826 h 392906"/>
                  <a:gd name="connsiteX150" fmla="*/ 370046 w 419100"/>
                  <a:gd name="connsiteY150" fmla="*/ 125444 h 392906"/>
                  <a:gd name="connsiteX151" fmla="*/ 182785 w 419100"/>
                  <a:gd name="connsiteY151" fmla="*/ 125444 h 392906"/>
                  <a:gd name="connsiteX152" fmla="*/ 178403 w 419100"/>
                  <a:gd name="connsiteY152" fmla="*/ 129826 h 392906"/>
                  <a:gd name="connsiteX153" fmla="*/ 178403 w 419100"/>
                  <a:gd name="connsiteY153" fmla="*/ 141065 h 392906"/>
                  <a:gd name="connsiteX154" fmla="*/ 181070 w 419100"/>
                  <a:gd name="connsiteY154" fmla="*/ 145161 h 392906"/>
                  <a:gd name="connsiteX155" fmla="*/ 182023 w 419100"/>
                  <a:gd name="connsiteY155" fmla="*/ 145637 h 392906"/>
                  <a:gd name="connsiteX156" fmla="*/ 183356 w 419100"/>
                  <a:gd name="connsiteY156" fmla="*/ 146304 h 392906"/>
                  <a:gd name="connsiteX157" fmla="*/ 184785 w 419100"/>
                  <a:gd name="connsiteY157" fmla="*/ 146971 h 392906"/>
                  <a:gd name="connsiteX158" fmla="*/ 193453 w 419100"/>
                  <a:gd name="connsiteY158" fmla="*/ 151257 h 392906"/>
                  <a:gd name="connsiteX159" fmla="*/ 209645 w 419100"/>
                  <a:gd name="connsiteY159" fmla="*/ 71628 h 392906"/>
                  <a:gd name="connsiteX160" fmla="*/ 205264 w 419100"/>
                  <a:gd name="connsiteY160" fmla="*/ 76009 h 392906"/>
                  <a:gd name="connsiteX161" fmla="*/ 205264 w 419100"/>
                  <a:gd name="connsiteY161" fmla="*/ 102775 h 392906"/>
                  <a:gd name="connsiteX162" fmla="*/ 209455 w 419100"/>
                  <a:gd name="connsiteY162" fmla="*/ 107156 h 392906"/>
                  <a:gd name="connsiteX163" fmla="*/ 209645 w 419100"/>
                  <a:gd name="connsiteY163" fmla="*/ 107156 h 392906"/>
                  <a:gd name="connsiteX164" fmla="*/ 396812 w 419100"/>
                  <a:gd name="connsiteY164" fmla="*/ 107156 h 392906"/>
                  <a:gd name="connsiteX165" fmla="*/ 401193 w 419100"/>
                  <a:gd name="connsiteY165" fmla="*/ 102965 h 392906"/>
                  <a:gd name="connsiteX166" fmla="*/ 401193 w 419100"/>
                  <a:gd name="connsiteY166" fmla="*/ 102775 h 392906"/>
                  <a:gd name="connsiteX167" fmla="*/ 401193 w 419100"/>
                  <a:gd name="connsiteY167" fmla="*/ 76009 h 392906"/>
                  <a:gd name="connsiteX168" fmla="*/ 396812 w 419100"/>
                  <a:gd name="connsiteY168" fmla="*/ 71628 h 392906"/>
                  <a:gd name="connsiteX169" fmla="*/ 169545 w 419100"/>
                  <a:gd name="connsiteY169" fmla="*/ 18193 h 392906"/>
                  <a:gd name="connsiteX170" fmla="*/ 165163 w 419100"/>
                  <a:gd name="connsiteY170" fmla="*/ 22574 h 392906"/>
                  <a:gd name="connsiteX171" fmla="*/ 165163 w 419100"/>
                  <a:gd name="connsiteY171" fmla="*/ 49339 h 392906"/>
                  <a:gd name="connsiteX172" fmla="*/ 169545 w 419100"/>
                  <a:gd name="connsiteY172" fmla="*/ 53721 h 392906"/>
                  <a:gd name="connsiteX173" fmla="*/ 356711 w 419100"/>
                  <a:gd name="connsiteY173" fmla="*/ 53721 h 392906"/>
                  <a:gd name="connsiteX174" fmla="*/ 361093 w 419100"/>
                  <a:gd name="connsiteY174" fmla="*/ 49339 h 392906"/>
                  <a:gd name="connsiteX175" fmla="*/ 361093 w 419100"/>
                  <a:gd name="connsiteY175" fmla="*/ 23146 h 392906"/>
                  <a:gd name="connsiteX176" fmla="*/ 356711 w 419100"/>
                  <a:gd name="connsiteY176" fmla="*/ 18764 h 392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Lst>
                <a:rect l="l" t="t" r="r" b="b"/>
                <a:pathLst>
                  <a:path w="419100" h="392906">
                    <a:moveTo>
                      <a:pt x="129349" y="392906"/>
                    </a:moveTo>
                    <a:cubicBezTo>
                      <a:pt x="57912" y="392906"/>
                      <a:pt x="0" y="334994"/>
                      <a:pt x="0" y="263557"/>
                    </a:cubicBezTo>
                    <a:cubicBezTo>
                      <a:pt x="0" y="192119"/>
                      <a:pt x="57912" y="134207"/>
                      <a:pt x="129349" y="134207"/>
                    </a:cubicBezTo>
                    <a:cubicBezTo>
                      <a:pt x="138027" y="134312"/>
                      <a:pt x="146675" y="135264"/>
                      <a:pt x="155162" y="137065"/>
                    </a:cubicBezTo>
                    <a:lnTo>
                      <a:pt x="156020" y="137065"/>
                    </a:lnTo>
                    <a:cubicBezTo>
                      <a:pt x="157029" y="137093"/>
                      <a:pt x="158010" y="136760"/>
                      <a:pt x="158782" y="136112"/>
                    </a:cubicBezTo>
                    <a:cubicBezTo>
                      <a:pt x="159810" y="135274"/>
                      <a:pt x="160411" y="134017"/>
                      <a:pt x="160401" y="132683"/>
                    </a:cubicBezTo>
                    <a:lnTo>
                      <a:pt x="160401" y="116491"/>
                    </a:lnTo>
                    <a:cubicBezTo>
                      <a:pt x="160391" y="111414"/>
                      <a:pt x="164373" y="107223"/>
                      <a:pt x="169450" y="106966"/>
                    </a:cubicBezTo>
                    <a:lnTo>
                      <a:pt x="182785" y="106966"/>
                    </a:lnTo>
                    <a:cubicBezTo>
                      <a:pt x="185147" y="107023"/>
                      <a:pt x="187109" y="105146"/>
                      <a:pt x="187166" y="102775"/>
                    </a:cubicBezTo>
                    <a:cubicBezTo>
                      <a:pt x="187166" y="102708"/>
                      <a:pt x="187166" y="102651"/>
                      <a:pt x="187166" y="102584"/>
                    </a:cubicBezTo>
                    <a:lnTo>
                      <a:pt x="187166" y="75819"/>
                    </a:lnTo>
                    <a:cubicBezTo>
                      <a:pt x="187166" y="73400"/>
                      <a:pt x="185204" y="71438"/>
                      <a:pt x="182785" y="71438"/>
                    </a:cubicBezTo>
                    <a:lnTo>
                      <a:pt x="156020" y="71438"/>
                    </a:lnTo>
                    <a:cubicBezTo>
                      <a:pt x="151076" y="71438"/>
                      <a:pt x="147066" y="67427"/>
                      <a:pt x="147066" y="62484"/>
                    </a:cubicBezTo>
                    <a:lnTo>
                      <a:pt x="147066" y="9049"/>
                    </a:lnTo>
                    <a:cubicBezTo>
                      <a:pt x="147304" y="4191"/>
                      <a:pt x="151162" y="286"/>
                      <a:pt x="156020" y="0"/>
                    </a:cubicBezTo>
                    <a:lnTo>
                      <a:pt x="369951" y="0"/>
                    </a:lnTo>
                    <a:cubicBezTo>
                      <a:pt x="374847" y="238"/>
                      <a:pt x="378761" y="4153"/>
                      <a:pt x="379000" y="9049"/>
                    </a:cubicBezTo>
                    <a:lnTo>
                      <a:pt x="379000" y="49149"/>
                    </a:lnTo>
                    <a:cubicBezTo>
                      <a:pt x="379000" y="51568"/>
                      <a:pt x="380962" y="53530"/>
                      <a:pt x="383381" y="53530"/>
                    </a:cubicBezTo>
                    <a:lnTo>
                      <a:pt x="410146" y="53530"/>
                    </a:lnTo>
                    <a:cubicBezTo>
                      <a:pt x="415090" y="53530"/>
                      <a:pt x="419100" y="57540"/>
                      <a:pt x="419100" y="62484"/>
                    </a:cubicBezTo>
                    <a:lnTo>
                      <a:pt x="419100" y="116014"/>
                    </a:lnTo>
                    <a:cubicBezTo>
                      <a:pt x="419100" y="120958"/>
                      <a:pt x="415090" y="124968"/>
                      <a:pt x="410146" y="124968"/>
                    </a:cubicBezTo>
                    <a:lnTo>
                      <a:pt x="396716" y="124968"/>
                    </a:lnTo>
                    <a:cubicBezTo>
                      <a:pt x="394316" y="125016"/>
                      <a:pt x="392382" y="126949"/>
                      <a:pt x="392335" y="129349"/>
                    </a:cubicBezTo>
                    <a:lnTo>
                      <a:pt x="392335" y="169450"/>
                    </a:lnTo>
                    <a:cubicBezTo>
                      <a:pt x="392335" y="174393"/>
                      <a:pt x="388325" y="178403"/>
                      <a:pt x="383381" y="178403"/>
                    </a:cubicBezTo>
                    <a:lnTo>
                      <a:pt x="369951" y="178403"/>
                    </a:lnTo>
                    <a:cubicBezTo>
                      <a:pt x="367512" y="178451"/>
                      <a:pt x="365570" y="180442"/>
                      <a:pt x="365570" y="182880"/>
                    </a:cubicBezTo>
                    <a:lnTo>
                      <a:pt x="365570" y="209550"/>
                    </a:lnTo>
                    <a:cubicBezTo>
                      <a:pt x="365570" y="211969"/>
                      <a:pt x="367532" y="213931"/>
                      <a:pt x="369951" y="213931"/>
                    </a:cubicBezTo>
                    <a:lnTo>
                      <a:pt x="383381" y="213931"/>
                    </a:lnTo>
                    <a:cubicBezTo>
                      <a:pt x="388239" y="214217"/>
                      <a:pt x="392097" y="218122"/>
                      <a:pt x="392335" y="222980"/>
                    </a:cubicBezTo>
                    <a:lnTo>
                      <a:pt x="392335" y="263080"/>
                    </a:lnTo>
                    <a:cubicBezTo>
                      <a:pt x="392382" y="265481"/>
                      <a:pt x="394316" y="267414"/>
                      <a:pt x="396716" y="267462"/>
                    </a:cubicBezTo>
                    <a:lnTo>
                      <a:pt x="410146" y="267462"/>
                    </a:lnTo>
                    <a:cubicBezTo>
                      <a:pt x="415090" y="267462"/>
                      <a:pt x="419100" y="271472"/>
                      <a:pt x="419100" y="276415"/>
                    </a:cubicBezTo>
                    <a:lnTo>
                      <a:pt x="419100" y="329946"/>
                    </a:lnTo>
                    <a:cubicBezTo>
                      <a:pt x="419100" y="334889"/>
                      <a:pt x="415090" y="338899"/>
                      <a:pt x="410146" y="338899"/>
                    </a:cubicBezTo>
                    <a:lnTo>
                      <a:pt x="396716" y="338899"/>
                    </a:lnTo>
                    <a:cubicBezTo>
                      <a:pt x="394316" y="338947"/>
                      <a:pt x="392382" y="340881"/>
                      <a:pt x="392335" y="343281"/>
                    </a:cubicBezTo>
                    <a:lnTo>
                      <a:pt x="392335" y="383381"/>
                    </a:lnTo>
                    <a:cubicBezTo>
                      <a:pt x="392097" y="388239"/>
                      <a:pt x="388239" y="392144"/>
                      <a:pt x="383381" y="392430"/>
                    </a:cubicBezTo>
                    <a:close/>
                    <a:moveTo>
                      <a:pt x="223266" y="352234"/>
                    </a:moveTo>
                    <a:cubicBezTo>
                      <a:pt x="223028" y="352377"/>
                      <a:pt x="222837" y="352568"/>
                      <a:pt x="222695" y="352806"/>
                    </a:cubicBezTo>
                    <a:cubicBezTo>
                      <a:pt x="218580" y="357025"/>
                      <a:pt x="214217" y="360997"/>
                      <a:pt x="209645" y="364712"/>
                    </a:cubicBezTo>
                    <a:lnTo>
                      <a:pt x="208979" y="365284"/>
                    </a:lnTo>
                    <a:lnTo>
                      <a:pt x="208979" y="365284"/>
                    </a:lnTo>
                    <a:lnTo>
                      <a:pt x="207073" y="366808"/>
                    </a:lnTo>
                    <a:cubicBezTo>
                      <a:pt x="205549" y="367913"/>
                      <a:pt x="204892" y="369865"/>
                      <a:pt x="205454" y="371665"/>
                    </a:cubicBezTo>
                    <a:cubicBezTo>
                      <a:pt x="206035" y="373485"/>
                      <a:pt x="207731" y="374723"/>
                      <a:pt x="209645" y="374713"/>
                    </a:cubicBezTo>
                    <a:lnTo>
                      <a:pt x="370237" y="374713"/>
                    </a:lnTo>
                    <a:cubicBezTo>
                      <a:pt x="372656" y="374713"/>
                      <a:pt x="374618" y="372751"/>
                      <a:pt x="374618" y="370332"/>
                    </a:cubicBezTo>
                    <a:lnTo>
                      <a:pt x="374618" y="343567"/>
                    </a:lnTo>
                    <a:cubicBezTo>
                      <a:pt x="374618" y="341147"/>
                      <a:pt x="372656" y="339185"/>
                      <a:pt x="370237" y="339185"/>
                    </a:cubicBezTo>
                    <a:lnTo>
                      <a:pt x="236887" y="339185"/>
                    </a:lnTo>
                    <a:cubicBezTo>
                      <a:pt x="235515" y="339214"/>
                      <a:pt x="234229" y="339842"/>
                      <a:pt x="233363" y="340900"/>
                    </a:cubicBezTo>
                    <a:lnTo>
                      <a:pt x="232600" y="341852"/>
                    </a:lnTo>
                    <a:lnTo>
                      <a:pt x="231648" y="342995"/>
                    </a:lnTo>
                    <a:cubicBezTo>
                      <a:pt x="230219" y="344805"/>
                      <a:pt x="228695" y="346710"/>
                      <a:pt x="226790" y="348805"/>
                    </a:cubicBezTo>
                    <a:lnTo>
                      <a:pt x="226123" y="349567"/>
                    </a:lnTo>
                    <a:lnTo>
                      <a:pt x="225552" y="350234"/>
                    </a:lnTo>
                    <a:close/>
                    <a:moveTo>
                      <a:pt x="129349" y="152209"/>
                    </a:moveTo>
                    <a:cubicBezTo>
                      <a:pt x="67856" y="152209"/>
                      <a:pt x="18002" y="202063"/>
                      <a:pt x="18002" y="263557"/>
                    </a:cubicBezTo>
                    <a:cubicBezTo>
                      <a:pt x="18002" y="325050"/>
                      <a:pt x="67856" y="374904"/>
                      <a:pt x="129349" y="374904"/>
                    </a:cubicBezTo>
                    <a:cubicBezTo>
                      <a:pt x="132397" y="374904"/>
                      <a:pt x="135541" y="374904"/>
                      <a:pt x="139446" y="374428"/>
                    </a:cubicBezTo>
                    <a:lnTo>
                      <a:pt x="144304" y="373761"/>
                    </a:lnTo>
                    <a:lnTo>
                      <a:pt x="145351" y="373761"/>
                    </a:lnTo>
                    <a:lnTo>
                      <a:pt x="148971" y="373189"/>
                    </a:lnTo>
                    <a:lnTo>
                      <a:pt x="156115" y="371570"/>
                    </a:lnTo>
                    <a:lnTo>
                      <a:pt x="157829" y="371570"/>
                    </a:lnTo>
                    <a:cubicBezTo>
                      <a:pt x="160782" y="370713"/>
                      <a:pt x="163449" y="369951"/>
                      <a:pt x="166021" y="368998"/>
                    </a:cubicBezTo>
                    <a:lnTo>
                      <a:pt x="166021" y="368998"/>
                    </a:lnTo>
                    <a:cubicBezTo>
                      <a:pt x="176955" y="365131"/>
                      <a:pt x="187204" y="359569"/>
                      <a:pt x="196405" y="352520"/>
                    </a:cubicBezTo>
                    <a:lnTo>
                      <a:pt x="197453" y="351663"/>
                    </a:lnTo>
                    <a:cubicBezTo>
                      <a:pt x="199320" y="350282"/>
                      <a:pt x="201101" y="348786"/>
                      <a:pt x="202787" y="347186"/>
                    </a:cubicBezTo>
                    <a:lnTo>
                      <a:pt x="204788" y="345472"/>
                    </a:lnTo>
                    <a:lnTo>
                      <a:pt x="209359" y="340995"/>
                    </a:lnTo>
                    <a:cubicBezTo>
                      <a:pt x="210217" y="340042"/>
                      <a:pt x="210979" y="339090"/>
                      <a:pt x="211836" y="338233"/>
                    </a:cubicBezTo>
                    <a:lnTo>
                      <a:pt x="211836" y="338233"/>
                    </a:lnTo>
                    <a:cubicBezTo>
                      <a:pt x="213265" y="336709"/>
                      <a:pt x="214503" y="335185"/>
                      <a:pt x="215741" y="333661"/>
                    </a:cubicBezTo>
                    <a:cubicBezTo>
                      <a:pt x="218218" y="330622"/>
                      <a:pt x="220504" y="327450"/>
                      <a:pt x="222599" y="324136"/>
                    </a:cubicBezTo>
                    <a:cubicBezTo>
                      <a:pt x="224599" y="320992"/>
                      <a:pt x="226028" y="318611"/>
                      <a:pt x="227266" y="316230"/>
                    </a:cubicBezTo>
                    <a:lnTo>
                      <a:pt x="228409" y="313944"/>
                    </a:lnTo>
                    <a:lnTo>
                      <a:pt x="228886" y="312801"/>
                    </a:lnTo>
                    <a:cubicBezTo>
                      <a:pt x="230248" y="310105"/>
                      <a:pt x="231457" y="307343"/>
                      <a:pt x="232505" y="304514"/>
                    </a:cubicBezTo>
                    <a:lnTo>
                      <a:pt x="233648" y="301371"/>
                    </a:lnTo>
                    <a:cubicBezTo>
                      <a:pt x="234782" y="298256"/>
                      <a:pt x="235734" y="295075"/>
                      <a:pt x="236506" y="291846"/>
                    </a:cubicBezTo>
                    <a:lnTo>
                      <a:pt x="236506" y="291179"/>
                    </a:lnTo>
                    <a:cubicBezTo>
                      <a:pt x="236506" y="290608"/>
                      <a:pt x="236506" y="290036"/>
                      <a:pt x="236982" y="289465"/>
                    </a:cubicBezTo>
                    <a:cubicBezTo>
                      <a:pt x="237934" y="285083"/>
                      <a:pt x="238601" y="281083"/>
                      <a:pt x="239078" y="277177"/>
                    </a:cubicBezTo>
                    <a:cubicBezTo>
                      <a:pt x="240154" y="268862"/>
                      <a:pt x="240154" y="260442"/>
                      <a:pt x="239078" y="252127"/>
                    </a:cubicBezTo>
                    <a:cubicBezTo>
                      <a:pt x="239078" y="250507"/>
                      <a:pt x="239078" y="249079"/>
                      <a:pt x="238506" y="247650"/>
                    </a:cubicBezTo>
                    <a:lnTo>
                      <a:pt x="237649" y="243364"/>
                    </a:lnTo>
                    <a:lnTo>
                      <a:pt x="237649" y="242316"/>
                    </a:lnTo>
                    <a:cubicBezTo>
                      <a:pt x="236629" y="237344"/>
                      <a:pt x="235287" y="232448"/>
                      <a:pt x="233648" y="227647"/>
                    </a:cubicBezTo>
                    <a:cubicBezTo>
                      <a:pt x="232220" y="223838"/>
                      <a:pt x="230505" y="220218"/>
                      <a:pt x="228981" y="216979"/>
                    </a:cubicBezTo>
                    <a:lnTo>
                      <a:pt x="228314" y="215551"/>
                    </a:lnTo>
                    <a:cubicBezTo>
                      <a:pt x="227838" y="214503"/>
                      <a:pt x="227362" y="213455"/>
                      <a:pt x="226790" y="212407"/>
                    </a:cubicBezTo>
                    <a:cubicBezTo>
                      <a:pt x="219665" y="199196"/>
                      <a:pt x="209950" y="187566"/>
                      <a:pt x="198215" y="178213"/>
                    </a:cubicBezTo>
                    <a:lnTo>
                      <a:pt x="198215" y="178213"/>
                    </a:lnTo>
                    <a:cubicBezTo>
                      <a:pt x="178337" y="162363"/>
                      <a:pt x="153724" y="153648"/>
                      <a:pt x="128302" y="153448"/>
                    </a:cubicBezTo>
                    <a:close/>
                    <a:moveTo>
                      <a:pt x="260318" y="285559"/>
                    </a:moveTo>
                    <a:cubicBezTo>
                      <a:pt x="258232" y="285569"/>
                      <a:pt x="256442" y="287036"/>
                      <a:pt x="256032" y="289084"/>
                    </a:cubicBezTo>
                    <a:cubicBezTo>
                      <a:pt x="254232" y="297809"/>
                      <a:pt x="251555" y="306333"/>
                      <a:pt x="248031" y="314515"/>
                    </a:cubicBezTo>
                    <a:cubicBezTo>
                      <a:pt x="248031" y="314515"/>
                      <a:pt x="248031" y="314515"/>
                      <a:pt x="248031" y="315087"/>
                    </a:cubicBezTo>
                    <a:cubicBezTo>
                      <a:pt x="247317" y="316363"/>
                      <a:pt x="247317" y="317906"/>
                      <a:pt x="248031" y="319183"/>
                    </a:cubicBezTo>
                    <a:cubicBezTo>
                      <a:pt x="248860" y="320421"/>
                      <a:pt x="250260" y="321135"/>
                      <a:pt x="251746" y="321088"/>
                    </a:cubicBezTo>
                    <a:lnTo>
                      <a:pt x="396621" y="321088"/>
                    </a:lnTo>
                    <a:cubicBezTo>
                      <a:pt x="398983" y="321145"/>
                      <a:pt x="400945" y="319268"/>
                      <a:pt x="401003" y="316897"/>
                    </a:cubicBezTo>
                    <a:cubicBezTo>
                      <a:pt x="401003" y="316830"/>
                      <a:pt x="401003" y="316773"/>
                      <a:pt x="401003" y="316706"/>
                    </a:cubicBezTo>
                    <a:lnTo>
                      <a:pt x="401003" y="290036"/>
                    </a:lnTo>
                    <a:cubicBezTo>
                      <a:pt x="401060" y="287617"/>
                      <a:pt x="399136" y="285617"/>
                      <a:pt x="396716" y="285559"/>
                    </a:cubicBezTo>
                    <a:cubicBezTo>
                      <a:pt x="396688" y="285559"/>
                      <a:pt x="396650" y="285559"/>
                      <a:pt x="396621" y="285559"/>
                    </a:cubicBezTo>
                    <a:close/>
                    <a:moveTo>
                      <a:pt x="260318" y="232124"/>
                    </a:moveTo>
                    <a:cubicBezTo>
                      <a:pt x="259013" y="232105"/>
                      <a:pt x="257775" y="232705"/>
                      <a:pt x="256984" y="233743"/>
                    </a:cubicBezTo>
                    <a:cubicBezTo>
                      <a:pt x="256118" y="234772"/>
                      <a:pt x="255765" y="236144"/>
                      <a:pt x="256032" y="237458"/>
                    </a:cubicBezTo>
                    <a:cubicBezTo>
                      <a:pt x="256079" y="238058"/>
                      <a:pt x="256079" y="238668"/>
                      <a:pt x="256032" y="239268"/>
                    </a:cubicBezTo>
                    <a:lnTo>
                      <a:pt x="256032" y="241078"/>
                    </a:lnTo>
                    <a:cubicBezTo>
                      <a:pt x="256032" y="241840"/>
                      <a:pt x="256032" y="242697"/>
                      <a:pt x="256508" y="243459"/>
                    </a:cubicBezTo>
                    <a:cubicBezTo>
                      <a:pt x="256708" y="244307"/>
                      <a:pt x="256870" y="245164"/>
                      <a:pt x="256984" y="246031"/>
                    </a:cubicBezTo>
                    <a:cubicBezTo>
                      <a:pt x="257032" y="246250"/>
                      <a:pt x="257032" y="246478"/>
                      <a:pt x="256984" y="246697"/>
                    </a:cubicBezTo>
                    <a:cubicBezTo>
                      <a:pt x="256937" y="247174"/>
                      <a:pt x="256937" y="247650"/>
                      <a:pt x="256984" y="248126"/>
                    </a:cubicBezTo>
                    <a:cubicBezTo>
                      <a:pt x="257603" y="253155"/>
                      <a:pt x="257918" y="258204"/>
                      <a:pt x="257937" y="263271"/>
                    </a:cubicBezTo>
                    <a:cubicBezTo>
                      <a:pt x="257985" y="265671"/>
                      <a:pt x="259918" y="267605"/>
                      <a:pt x="262319" y="267652"/>
                    </a:cubicBezTo>
                    <a:lnTo>
                      <a:pt x="369284" y="267652"/>
                    </a:lnTo>
                    <a:cubicBezTo>
                      <a:pt x="371703" y="267652"/>
                      <a:pt x="373666" y="265690"/>
                      <a:pt x="373666" y="263271"/>
                    </a:cubicBezTo>
                    <a:lnTo>
                      <a:pt x="373666" y="236506"/>
                    </a:lnTo>
                    <a:cubicBezTo>
                      <a:pt x="373666" y="234086"/>
                      <a:pt x="371703" y="232124"/>
                      <a:pt x="369284" y="232124"/>
                    </a:cubicBezTo>
                    <a:close/>
                    <a:moveTo>
                      <a:pt x="241745" y="199072"/>
                    </a:moveTo>
                    <a:cubicBezTo>
                      <a:pt x="243745" y="202692"/>
                      <a:pt x="245745" y="206692"/>
                      <a:pt x="247840" y="211550"/>
                    </a:cubicBezTo>
                    <a:cubicBezTo>
                      <a:pt x="248555" y="213122"/>
                      <a:pt x="250117" y="214122"/>
                      <a:pt x="251841" y="214122"/>
                    </a:cubicBezTo>
                    <a:lnTo>
                      <a:pt x="343376" y="214122"/>
                    </a:lnTo>
                    <a:cubicBezTo>
                      <a:pt x="345795" y="214122"/>
                      <a:pt x="347758" y="212160"/>
                      <a:pt x="347758" y="209740"/>
                    </a:cubicBezTo>
                    <a:lnTo>
                      <a:pt x="347758" y="183070"/>
                    </a:lnTo>
                    <a:cubicBezTo>
                      <a:pt x="347758" y="180632"/>
                      <a:pt x="345815" y="178641"/>
                      <a:pt x="343376" y="178594"/>
                    </a:cubicBezTo>
                    <a:lnTo>
                      <a:pt x="236220" y="178594"/>
                    </a:lnTo>
                    <a:cubicBezTo>
                      <a:pt x="234524" y="178594"/>
                      <a:pt x="232972" y="179556"/>
                      <a:pt x="232220" y="181070"/>
                    </a:cubicBezTo>
                    <a:cubicBezTo>
                      <a:pt x="231315" y="182461"/>
                      <a:pt x="231315" y="184252"/>
                      <a:pt x="232220" y="185642"/>
                    </a:cubicBezTo>
                    <a:cubicBezTo>
                      <a:pt x="235210" y="189681"/>
                      <a:pt x="237982" y="193872"/>
                      <a:pt x="240506" y="198215"/>
                    </a:cubicBezTo>
                    <a:close/>
                    <a:moveTo>
                      <a:pt x="193548" y="150971"/>
                    </a:moveTo>
                    <a:lnTo>
                      <a:pt x="194120" y="150971"/>
                    </a:lnTo>
                    <a:cubicBezTo>
                      <a:pt x="198549" y="153514"/>
                      <a:pt x="202816" y="156353"/>
                      <a:pt x="206883" y="159448"/>
                    </a:cubicBezTo>
                    <a:cubicBezTo>
                      <a:pt x="207654" y="160010"/>
                      <a:pt x="208588" y="160315"/>
                      <a:pt x="209550" y="160306"/>
                    </a:cubicBezTo>
                    <a:lnTo>
                      <a:pt x="370046" y="160306"/>
                    </a:lnTo>
                    <a:cubicBezTo>
                      <a:pt x="372466" y="160306"/>
                      <a:pt x="374428" y="158344"/>
                      <a:pt x="374428" y="155924"/>
                    </a:cubicBezTo>
                    <a:lnTo>
                      <a:pt x="374428" y="129826"/>
                    </a:lnTo>
                    <a:cubicBezTo>
                      <a:pt x="374428" y="127406"/>
                      <a:pt x="372466" y="125444"/>
                      <a:pt x="370046" y="125444"/>
                    </a:cubicBezTo>
                    <a:lnTo>
                      <a:pt x="182785" y="125444"/>
                    </a:lnTo>
                    <a:cubicBezTo>
                      <a:pt x="180384" y="125492"/>
                      <a:pt x="178451" y="127425"/>
                      <a:pt x="178403" y="129826"/>
                    </a:cubicBezTo>
                    <a:lnTo>
                      <a:pt x="178403" y="141065"/>
                    </a:lnTo>
                    <a:cubicBezTo>
                      <a:pt x="178403" y="142837"/>
                      <a:pt x="179451" y="144447"/>
                      <a:pt x="181070" y="145161"/>
                    </a:cubicBezTo>
                    <a:lnTo>
                      <a:pt x="182023" y="145637"/>
                    </a:lnTo>
                    <a:lnTo>
                      <a:pt x="183356" y="146304"/>
                    </a:lnTo>
                    <a:lnTo>
                      <a:pt x="184785" y="146971"/>
                    </a:lnTo>
                    <a:cubicBezTo>
                      <a:pt x="187757" y="148228"/>
                      <a:pt x="190652" y="149657"/>
                      <a:pt x="193453" y="151257"/>
                    </a:cubicBezTo>
                    <a:close/>
                    <a:moveTo>
                      <a:pt x="209645" y="71628"/>
                    </a:moveTo>
                    <a:cubicBezTo>
                      <a:pt x="207226" y="71628"/>
                      <a:pt x="205264" y="73590"/>
                      <a:pt x="205264" y="76009"/>
                    </a:cubicBezTo>
                    <a:lnTo>
                      <a:pt x="205264" y="102775"/>
                    </a:lnTo>
                    <a:cubicBezTo>
                      <a:pt x="205207" y="105137"/>
                      <a:pt x="207083" y="107099"/>
                      <a:pt x="209455" y="107156"/>
                    </a:cubicBezTo>
                    <a:cubicBezTo>
                      <a:pt x="209512" y="107156"/>
                      <a:pt x="209578" y="107156"/>
                      <a:pt x="209645" y="107156"/>
                    </a:cubicBezTo>
                    <a:lnTo>
                      <a:pt x="396812" y="107156"/>
                    </a:lnTo>
                    <a:cubicBezTo>
                      <a:pt x="399174" y="107213"/>
                      <a:pt x="401136" y="105337"/>
                      <a:pt x="401193" y="102965"/>
                    </a:cubicBezTo>
                    <a:cubicBezTo>
                      <a:pt x="401193" y="102899"/>
                      <a:pt x="401193" y="102841"/>
                      <a:pt x="401193" y="102775"/>
                    </a:cubicBezTo>
                    <a:lnTo>
                      <a:pt x="401193" y="76009"/>
                    </a:lnTo>
                    <a:cubicBezTo>
                      <a:pt x="401193" y="73590"/>
                      <a:pt x="399231" y="71628"/>
                      <a:pt x="396812" y="71628"/>
                    </a:cubicBezTo>
                    <a:close/>
                    <a:moveTo>
                      <a:pt x="169545" y="18193"/>
                    </a:moveTo>
                    <a:cubicBezTo>
                      <a:pt x="167126" y="18193"/>
                      <a:pt x="165163" y="20155"/>
                      <a:pt x="165163" y="22574"/>
                    </a:cubicBezTo>
                    <a:lnTo>
                      <a:pt x="165163" y="49339"/>
                    </a:lnTo>
                    <a:cubicBezTo>
                      <a:pt x="165163" y="51759"/>
                      <a:pt x="167126" y="53721"/>
                      <a:pt x="169545" y="53721"/>
                    </a:cubicBezTo>
                    <a:lnTo>
                      <a:pt x="356711" y="53721"/>
                    </a:lnTo>
                    <a:cubicBezTo>
                      <a:pt x="359112" y="53673"/>
                      <a:pt x="361045" y="51740"/>
                      <a:pt x="361093" y="49339"/>
                    </a:cubicBezTo>
                    <a:lnTo>
                      <a:pt x="361093" y="23146"/>
                    </a:lnTo>
                    <a:cubicBezTo>
                      <a:pt x="361045" y="20745"/>
                      <a:pt x="359112" y="18812"/>
                      <a:pt x="356711" y="18764"/>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4" name="Graphic 2">
                <a:extLst>
                  <a:ext uri="{FF2B5EF4-FFF2-40B4-BE49-F238E27FC236}">
                    <a16:creationId xmlns:a16="http://schemas.microsoft.com/office/drawing/2014/main" id="{D1AE0F78-A0D2-9B25-3C71-D5509A7A8450}"/>
                  </a:ext>
                </a:extLst>
              </p:cNvPr>
              <p:cNvSpPr/>
              <p:nvPr/>
            </p:nvSpPr>
            <p:spPr>
              <a:xfrm>
                <a:off x="3614879" y="2282915"/>
                <a:ext cx="18100" cy="45692"/>
              </a:xfrm>
              <a:custGeom>
                <a:avLst/>
                <a:gdLst>
                  <a:gd name="connsiteX0" fmla="*/ 9002 w 18100"/>
                  <a:gd name="connsiteY0" fmla="*/ 45693 h 45692"/>
                  <a:gd name="connsiteX1" fmla="*/ 49 w 18100"/>
                  <a:gd name="connsiteY1" fmla="*/ 36644 h 45692"/>
                  <a:gd name="connsiteX2" fmla="*/ 49 w 18100"/>
                  <a:gd name="connsiteY2" fmla="*/ 9974 h 45692"/>
                  <a:gd name="connsiteX3" fmla="*/ 8126 w 18100"/>
                  <a:gd name="connsiteY3" fmla="*/ 49 h 45692"/>
                  <a:gd name="connsiteX4" fmla="*/ 18051 w 18100"/>
                  <a:gd name="connsiteY4" fmla="*/ 8116 h 45692"/>
                  <a:gd name="connsiteX5" fmla="*/ 18051 w 18100"/>
                  <a:gd name="connsiteY5" fmla="*/ 9974 h 45692"/>
                  <a:gd name="connsiteX6" fmla="*/ 18051 w 18100"/>
                  <a:gd name="connsiteY6" fmla="*/ 36644 h 45692"/>
                  <a:gd name="connsiteX7" fmla="*/ 9002 w 18100"/>
                  <a:gd name="connsiteY7" fmla="*/ 45693 h 45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100" h="45692">
                    <a:moveTo>
                      <a:pt x="9002" y="45693"/>
                    </a:moveTo>
                    <a:cubicBezTo>
                      <a:pt x="4145" y="45407"/>
                      <a:pt x="287" y="41502"/>
                      <a:pt x="49" y="36644"/>
                    </a:cubicBezTo>
                    <a:lnTo>
                      <a:pt x="49" y="9974"/>
                    </a:lnTo>
                    <a:cubicBezTo>
                      <a:pt x="-466" y="5002"/>
                      <a:pt x="3154" y="554"/>
                      <a:pt x="8126" y="49"/>
                    </a:cubicBezTo>
                    <a:cubicBezTo>
                      <a:pt x="13098" y="-466"/>
                      <a:pt x="17537" y="3144"/>
                      <a:pt x="18051" y="8116"/>
                    </a:cubicBezTo>
                    <a:cubicBezTo>
                      <a:pt x="18118" y="8735"/>
                      <a:pt x="18118" y="9355"/>
                      <a:pt x="18051" y="9974"/>
                    </a:cubicBezTo>
                    <a:lnTo>
                      <a:pt x="18051" y="36644"/>
                    </a:lnTo>
                    <a:cubicBezTo>
                      <a:pt x="17813" y="41540"/>
                      <a:pt x="13898" y="45454"/>
                      <a:pt x="9002" y="4569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5" name="Graphic 2">
                <a:extLst>
                  <a:ext uri="{FF2B5EF4-FFF2-40B4-BE49-F238E27FC236}">
                    <a16:creationId xmlns:a16="http://schemas.microsoft.com/office/drawing/2014/main" id="{D0043C71-E345-CA49-460A-6948FD3148C6}"/>
                  </a:ext>
                </a:extLst>
              </p:cNvPr>
              <p:cNvSpPr/>
              <p:nvPr/>
            </p:nvSpPr>
            <p:spPr>
              <a:xfrm>
                <a:off x="3534727" y="2334028"/>
                <a:ext cx="31212" cy="31346"/>
              </a:xfrm>
              <a:custGeom>
                <a:avLst/>
                <a:gdLst>
                  <a:gd name="connsiteX0" fmla="*/ 22384 w 31212"/>
                  <a:gd name="connsiteY0" fmla="*/ 31347 h 31346"/>
                  <a:gd name="connsiteX1" fmla="*/ 16002 w 31212"/>
                  <a:gd name="connsiteY1" fmla="*/ 28680 h 31346"/>
                  <a:gd name="connsiteX2" fmla="*/ 2572 w 31212"/>
                  <a:gd name="connsiteY2" fmla="*/ 15345 h 31346"/>
                  <a:gd name="connsiteX3" fmla="*/ 0 w 31212"/>
                  <a:gd name="connsiteY3" fmla="*/ 8963 h 31346"/>
                  <a:gd name="connsiteX4" fmla="*/ 8944 w 31212"/>
                  <a:gd name="connsiteY4" fmla="*/ 0 h 31346"/>
                  <a:gd name="connsiteX5" fmla="*/ 15335 w 31212"/>
                  <a:gd name="connsiteY5" fmla="*/ 2677 h 31346"/>
                  <a:gd name="connsiteX6" fmla="*/ 28670 w 31212"/>
                  <a:gd name="connsiteY6" fmla="*/ 16012 h 31346"/>
                  <a:gd name="connsiteX7" fmla="*/ 28451 w 31212"/>
                  <a:gd name="connsiteY7" fmla="*/ 28804 h 31346"/>
                  <a:gd name="connsiteX8" fmla="*/ 22384 w 31212"/>
                  <a:gd name="connsiteY8" fmla="*/ 31347 h 31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1212" h="31346">
                    <a:moveTo>
                      <a:pt x="22384" y="31347"/>
                    </a:moveTo>
                    <a:cubicBezTo>
                      <a:pt x="19983" y="31356"/>
                      <a:pt x="17678" y="30394"/>
                      <a:pt x="16002" y="28680"/>
                    </a:cubicBezTo>
                    <a:lnTo>
                      <a:pt x="2572" y="15345"/>
                    </a:lnTo>
                    <a:cubicBezTo>
                      <a:pt x="953" y="13611"/>
                      <a:pt x="28" y="11335"/>
                      <a:pt x="0" y="8963"/>
                    </a:cubicBezTo>
                    <a:cubicBezTo>
                      <a:pt x="0" y="4020"/>
                      <a:pt x="4000" y="10"/>
                      <a:pt x="8944" y="0"/>
                    </a:cubicBezTo>
                    <a:cubicBezTo>
                      <a:pt x="11354" y="0"/>
                      <a:pt x="13649" y="962"/>
                      <a:pt x="15335" y="2677"/>
                    </a:cubicBezTo>
                    <a:lnTo>
                      <a:pt x="28670" y="16012"/>
                    </a:lnTo>
                    <a:cubicBezTo>
                      <a:pt x="32147" y="19602"/>
                      <a:pt x="32042" y="25337"/>
                      <a:pt x="28451" y="28804"/>
                    </a:cubicBezTo>
                    <a:cubicBezTo>
                      <a:pt x="26822" y="30385"/>
                      <a:pt x="24651" y="31290"/>
                      <a:pt x="22384" y="31347"/>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56" name="Group 55">
            <a:extLst>
              <a:ext uri="{FF2B5EF4-FFF2-40B4-BE49-F238E27FC236}">
                <a16:creationId xmlns:a16="http://schemas.microsoft.com/office/drawing/2014/main" id="{CCCA4B68-CED3-158E-5C9E-0FCE4AC4264C}"/>
              </a:ext>
            </a:extLst>
          </p:cNvPr>
          <p:cNvGrpSpPr/>
          <p:nvPr/>
        </p:nvGrpSpPr>
        <p:grpSpPr>
          <a:xfrm>
            <a:off x="8987394" y="3881891"/>
            <a:ext cx="1220465" cy="917999"/>
            <a:chOff x="8950818" y="3870106"/>
            <a:chExt cx="1220465" cy="917999"/>
          </a:xfrm>
        </p:grpSpPr>
        <p:sp>
          <p:nvSpPr>
            <p:cNvPr id="14" name="Rectangle 13">
              <a:extLst>
                <a:ext uri="{FF2B5EF4-FFF2-40B4-BE49-F238E27FC236}">
                  <a16:creationId xmlns:a16="http://schemas.microsoft.com/office/drawing/2014/main" id="{A9218D1E-5D51-3CA4-C3E2-2E65C9684E97}"/>
                </a:ext>
              </a:extLst>
            </p:cNvPr>
            <p:cNvSpPr/>
            <p:nvPr/>
          </p:nvSpPr>
          <p:spPr>
            <a:xfrm>
              <a:off x="8950818" y="3870106"/>
              <a:ext cx="1220465" cy="917999"/>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36" name="Group 35">
              <a:extLst>
                <a:ext uri="{FF2B5EF4-FFF2-40B4-BE49-F238E27FC236}">
                  <a16:creationId xmlns:a16="http://schemas.microsoft.com/office/drawing/2014/main" id="{5BF48A13-3838-977F-1D58-BD0DE54D1DA6}"/>
                </a:ext>
              </a:extLst>
            </p:cNvPr>
            <p:cNvGrpSpPr/>
            <p:nvPr/>
          </p:nvGrpSpPr>
          <p:grpSpPr>
            <a:xfrm>
              <a:off x="9178862" y="4106931"/>
              <a:ext cx="728607" cy="431772"/>
              <a:chOff x="1771078" y="3657346"/>
              <a:chExt cx="406812" cy="241077"/>
            </a:xfrm>
          </p:grpSpPr>
          <p:sp>
            <p:nvSpPr>
              <p:cNvPr id="37" name="Freeform: Shape 2">
                <a:extLst>
                  <a:ext uri="{FF2B5EF4-FFF2-40B4-BE49-F238E27FC236}">
                    <a16:creationId xmlns:a16="http://schemas.microsoft.com/office/drawing/2014/main" id="{461AF89F-93E6-CA20-4A68-C5E816509D30}"/>
                  </a:ext>
                </a:extLst>
              </p:cNvPr>
              <p:cNvSpPr/>
              <p:nvPr/>
            </p:nvSpPr>
            <p:spPr>
              <a:xfrm>
                <a:off x="1775364" y="3793553"/>
                <a:ext cx="125253" cy="64293"/>
              </a:xfrm>
              <a:custGeom>
                <a:avLst/>
                <a:gdLst>
                  <a:gd name="connsiteX0" fmla="*/ 100394 w 125253"/>
                  <a:gd name="connsiteY0" fmla="*/ 0 h 64293"/>
                  <a:gd name="connsiteX1" fmla="*/ 90869 w 125253"/>
                  <a:gd name="connsiteY1" fmla="*/ 0 h 64293"/>
                  <a:gd name="connsiteX2" fmla="*/ 38195 w 125253"/>
                  <a:gd name="connsiteY2" fmla="*/ 0 h 64293"/>
                  <a:gd name="connsiteX3" fmla="*/ 34385 w 125253"/>
                  <a:gd name="connsiteY3" fmla="*/ 0 h 64293"/>
                  <a:gd name="connsiteX4" fmla="*/ 12668 w 125253"/>
                  <a:gd name="connsiteY4" fmla="*/ 13430 h 64293"/>
                  <a:gd name="connsiteX5" fmla="*/ 0 w 125253"/>
                  <a:gd name="connsiteY5" fmla="*/ 64294 h 64293"/>
                  <a:gd name="connsiteX6" fmla="*/ 125254 w 125253"/>
                  <a:gd name="connsiteY6" fmla="*/ 64294 h 64293"/>
                  <a:gd name="connsiteX7" fmla="*/ 125254 w 125253"/>
                  <a:gd name="connsiteY7" fmla="*/ 20383 h 64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253" h="64293">
                    <a:moveTo>
                      <a:pt x="100394" y="0"/>
                    </a:moveTo>
                    <a:lnTo>
                      <a:pt x="90869" y="0"/>
                    </a:lnTo>
                    <a:cubicBezTo>
                      <a:pt x="73981" y="6858"/>
                      <a:pt x="55083" y="6858"/>
                      <a:pt x="38195" y="0"/>
                    </a:cubicBezTo>
                    <a:lnTo>
                      <a:pt x="34385" y="0"/>
                    </a:lnTo>
                    <a:lnTo>
                      <a:pt x="12668" y="13430"/>
                    </a:lnTo>
                    <a:lnTo>
                      <a:pt x="0" y="64294"/>
                    </a:lnTo>
                    <a:lnTo>
                      <a:pt x="125254" y="64294"/>
                    </a:lnTo>
                    <a:lnTo>
                      <a:pt x="125254" y="20383"/>
                    </a:lnTo>
                    <a:close/>
                  </a:path>
                </a:pathLst>
              </a:custGeom>
              <a:solidFill>
                <a:srgbClr val="66BCDB"/>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8" name="Freeform: Shape 3">
                <a:extLst>
                  <a:ext uri="{FF2B5EF4-FFF2-40B4-BE49-F238E27FC236}">
                    <a16:creationId xmlns:a16="http://schemas.microsoft.com/office/drawing/2014/main" id="{F911F20A-D888-7777-7AFA-AFF2E30A982E}"/>
                  </a:ext>
                </a:extLst>
              </p:cNvPr>
              <p:cNvSpPr/>
              <p:nvPr/>
            </p:nvSpPr>
            <p:spPr>
              <a:xfrm>
                <a:off x="1804511" y="3679729"/>
                <a:ext cx="71447" cy="107346"/>
              </a:xfrm>
              <a:custGeom>
                <a:avLst/>
                <a:gdLst>
                  <a:gd name="connsiteX0" fmla="*/ 35719 w 71447"/>
                  <a:gd name="connsiteY0" fmla="*/ 107347 h 107346"/>
                  <a:gd name="connsiteX1" fmla="*/ 0 w 71447"/>
                  <a:gd name="connsiteY1" fmla="*/ 47625 h 107346"/>
                  <a:gd name="connsiteX2" fmla="*/ 35719 w 71447"/>
                  <a:gd name="connsiteY2" fmla="*/ 0 h 107346"/>
                  <a:gd name="connsiteX3" fmla="*/ 71438 w 71447"/>
                  <a:gd name="connsiteY3" fmla="*/ 47625 h 107346"/>
                  <a:gd name="connsiteX4" fmla="*/ 35719 w 71447"/>
                  <a:gd name="connsiteY4" fmla="*/ 107347 h 107346"/>
                  <a:gd name="connsiteX5" fmla="*/ 35719 w 71447"/>
                  <a:gd name="connsiteY5" fmla="*/ 20003 h 107346"/>
                  <a:gd name="connsiteX6" fmla="*/ 17907 w 71447"/>
                  <a:gd name="connsiteY6" fmla="*/ 47625 h 107346"/>
                  <a:gd name="connsiteX7" fmla="*/ 35719 w 71447"/>
                  <a:gd name="connsiteY7" fmla="*/ 87821 h 107346"/>
                  <a:gd name="connsiteX8" fmla="*/ 53435 w 71447"/>
                  <a:gd name="connsiteY8" fmla="*/ 47625 h 107346"/>
                  <a:gd name="connsiteX9" fmla="*/ 35719 w 71447"/>
                  <a:gd name="connsiteY9" fmla="*/ 20003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47" h="107346">
                    <a:moveTo>
                      <a:pt x="35719" y="107347"/>
                    </a:moveTo>
                    <a:cubicBezTo>
                      <a:pt x="15335" y="107347"/>
                      <a:pt x="0" y="81629"/>
                      <a:pt x="0" y="47625"/>
                    </a:cubicBezTo>
                    <a:cubicBezTo>
                      <a:pt x="0" y="3810"/>
                      <a:pt x="27337" y="0"/>
                      <a:pt x="35719" y="0"/>
                    </a:cubicBezTo>
                    <a:cubicBezTo>
                      <a:pt x="44101" y="0"/>
                      <a:pt x="71438" y="3429"/>
                      <a:pt x="71438" y="47625"/>
                    </a:cubicBezTo>
                    <a:cubicBezTo>
                      <a:pt x="71914" y="81629"/>
                      <a:pt x="56102" y="107347"/>
                      <a:pt x="35719" y="107347"/>
                    </a:cubicBezTo>
                    <a:close/>
                    <a:moveTo>
                      <a:pt x="35719" y="20003"/>
                    </a:moveTo>
                    <a:cubicBezTo>
                      <a:pt x="28099" y="20003"/>
                      <a:pt x="17907" y="22860"/>
                      <a:pt x="17907" y="47625"/>
                    </a:cubicBezTo>
                    <a:cubicBezTo>
                      <a:pt x="17907" y="70580"/>
                      <a:pt x="27432" y="87821"/>
                      <a:pt x="35719" y="87821"/>
                    </a:cubicBezTo>
                    <a:cubicBezTo>
                      <a:pt x="44006" y="87821"/>
                      <a:pt x="53435" y="70580"/>
                      <a:pt x="53435" y="47625"/>
                    </a:cubicBezTo>
                    <a:cubicBezTo>
                      <a:pt x="53435" y="22860"/>
                      <a:pt x="43339" y="20003"/>
                      <a:pt x="35719" y="200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39" name="Freeform: Shape 4">
                <a:extLst>
                  <a:ext uri="{FF2B5EF4-FFF2-40B4-BE49-F238E27FC236}">
                    <a16:creationId xmlns:a16="http://schemas.microsoft.com/office/drawing/2014/main" id="{706640BA-AB78-F103-5045-98E91FE9A78F}"/>
                  </a:ext>
                </a:extLst>
              </p:cNvPr>
              <p:cNvSpPr/>
              <p:nvPr/>
            </p:nvSpPr>
            <p:spPr>
              <a:xfrm>
                <a:off x="1771078" y="3785171"/>
                <a:ext cx="138112" cy="81057"/>
              </a:xfrm>
              <a:custGeom>
                <a:avLst/>
                <a:gdLst>
                  <a:gd name="connsiteX0" fmla="*/ 8953 w 138112"/>
                  <a:gd name="connsiteY0" fmla="*/ 81058 h 81057"/>
                  <a:gd name="connsiteX1" fmla="*/ 0 w 138112"/>
                  <a:gd name="connsiteY1" fmla="*/ 72009 h 81057"/>
                  <a:gd name="connsiteX2" fmla="*/ 35719 w 138112"/>
                  <a:gd name="connsiteY2" fmla="*/ 0 h 81057"/>
                  <a:gd name="connsiteX3" fmla="*/ 44672 w 138112"/>
                  <a:gd name="connsiteY3" fmla="*/ 9049 h 81057"/>
                  <a:gd name="connsiteX4" fmla="*/ 36195 w 138112"/>
                  <a:gd name="connsiteY4" fmla="*/ 18002 h 81057"/>
                  <a:gd name="connsiteX5" fmla="*/ 36195 w 138112"/>
                  <a:gd name="connsiteY5" fmla="*/ 18002 h 81057"/>
                  <a:gd name="connsiteX6" fmla="*/ 19145 w 138112"/>
                  <a:gd name="connsiteY6" fmla="*/ 58198 h 81057"/>
                  <a:gd name="connsiteX7" fmla="*/ 20288 w 138112"/>
                  <a:gd name="connsiteY7" fmla="*/ 61627 h 81057"/>
                  <a:gd name="connsiteX8" fmla="*/ 23527 w 138112"/>
                  <a:gd name="connsiteY8" fmla="*/ 63055 h 81057"/>
                  <a:gd name="connsiteX9" fmla="*/ 114871 w 138112"/>
                  <a:gd name="connsiteY9" fmla="*/ 63055 h 81057"/>
                  <a:gd name="connsiteX10" fmla="*/ 118110 w 138112"/>
                  <a:gd name="connsiteY10" fmla="*/ 61627 h 81057"/>
                  <a:gd name="connsiteX11" fmla="*/ 119253 w 138112"/>
                  <a:gd name="connsiteY11" fmla="*/ 58198 h 81057"/>
                  <a:gd name="connsiteX12" fmla="*/ 102013 w 138112"/>
                  <a:gd name="connsiteY12" fmla="*/ 18002 h 81057"/>
                  <a:gd name="connsiteX13" fmla="*/ 101441 w 138112"/>
                  <a:gd name="connsiteY13" fmla="*/ 18002 h 81057"/>
                  <a:gd name="connsiteX14" fmla="*/ 92869 w 138112"/>
                  <a:gd name="connsiteY14" fmla="*/ 9249 h 81057"/>
                  <a:gd name="connsiteX15" fmla="*/ 92869 w 138112"/>
                  <a:gd name="connsiteY15" fmla="*/ 9049 h 81057"/>
                  <a:gd name="connsiteX16" fmla="*/ 102394 w 138112"/>
                  <a:gd name="connsiteY16" fmla="*/ 0 h 81057"/>
                  <a:gd name="connsiteX17" fmla="*/ 138113 w 138112"/>
                  <a:gd name="connsiteY17" fmla="*/ 72009 h 81057"/>
                  <a:gd name="connsiteX18" fmla="*/ 129159 w 138112"/>
                  <a:gd name="connsiteY18" fmla="*/ 81058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112" h="81057">
                    <a:moveTo>
                      <a:pt x="8953" y="81058"/>
                    </a:moveTo>
                    <a:cubicBezTo>
                      <a:pt x="4096" y="80772"/>
                      <a:pt x="238" y="76867"/>
                      <a:pt x="0" y="72009"/>
                    </a:cubicBezTo>
                    <a:cubicBezTo>
                      <a:pt x="0" y="10287"/>
                      <a:pt x="34290" y="0"/>
                      <a:pt x="35719" y="0"/>
                    </a:cubicBezTo>
                    <a:cubicBezTo>
                      <a:pt x="40576" y="286"/>
                      <a:pt x="44434" y="4191"/>
                      <a:pt x="44672" y="9049"/>
                    </a:cubicBezTo>
                    <a:cubicBezTo>
                      <a:pt x="44682" y="13811"/>
                      <a:pt x="40957" y="17745"/>
                      <a:pt x="36195" y="18002"/>
                    </a:cubicBezTo>
                    <a:lnTo>
                      <a:pt x="36195" y="18002"/>
                    </a:lnTo>
                    <a:cubicBezTo>
                      <a:pt x="29527" y="19050"/>
                      <a:pt x="21526" y="37052"/>
                      <a:pt x="19145" y="58198"/>
                    </a:cubicBezTo>
                    <a:cubicBezTo>
                      <a:pt x="19040" y="59446"/>
                      <a:pt x="19450" y="60693"/>
                      <a:pt x="20288" y="61627"/>
                    </a:cubicBezTo>
                    <a:cubicBezTo>
                      <a:pt x="21126" y="62532"/>
                      <a:pt x="22298" y="63046"/>
                      <a:pt x="23527" y="63055"/>
                    </a:cubicBezTo>
                    <a:lnTo>
                      <a:pt x="114871" y="63055"/>
                    </a:lnTo>
                    <a:cubicBezTo>
                      <a:pt x="116100" y="63027"/>
                      <a:pt x="117262" y="62512"/>
                      <a:pt x="118110" y="61627"/>
                    </a:cubicBezTo>
                    <a:cubicBezTo>
                      <a:pt x="118948" y="60693"/>
                      <a:pt x="119358" y="59446"/>
                      <a:pt x="119253" y="58198"/>
                    </a:cubicBezTo>
                    <a:cubicBezTo>
                      <a:pt x="116776" y="36957"/>
                      <a:pt x="108775" y="18955"/>
                      <a:pt x="102013" y="18002"/>
                    </a:cubicBezTo>
                    <a:lnTo>
                      <a:pt x="101441" y="18002"/>
                    </a:lnTo>
                    <a:cubicBezTo>
                      <a:pt x="96650" y="17955"/>
                      <a:pt x="92812" y="14030"/>
                      <a:pt x="92869" y="9249"/>
                    </a:cubicBezTo>
                    <a:cubicBezTo>
                      <a:pt x="92869" y="9182"/>
                      <a:pt x="92869" y="9115"/>
                      <a:pt x="92869" y="9049"/>
                    </a:cubicBezTo>
                    <a:cubicBezTo>
                      <a:pt x="93126" y="3972"/>
                      <a:pt x="97317" y="-10"/>
                      <a:pt x="102394" y="0"/>
                    </a:cubicBezTo>
                    <a:cubicBezTo>
                      <a:pt x="103822" y="0"/>
                      <a:pt x="138113" y="10287"/>
                      <a:pt x="138113" y="72009"/>
                    </a:cubicBezTo>
                    <a:cubicBezTo>
                      <a:pt x="137874" y="76867"/>
                      <a:pt x="134017" y="80772"/>
                      <a:pt x="129159" y="81058"/>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0" name="Freeform: Shape 5">
                <a:extLst>
                  <a:ext uri="{FF2B5EF4-FFF2-40B4-BE49-F238E27FC236}">
                    <a16:creationId xmlns:a16="http://schemas.microsoft.com/office/drawing/2014/main" id="{869637BD-4E92-8D37-7C8F-34471D0F8967}"/>
                  </a:ext>
                </a:extLst>
              </p:cNvPr>
              <p:cNvSpPr/>
              <p:nvPr/>
            </p:nvSpPr>
            <p:spPr>
              <a:xfrm>
                <a:off x="2042350" y="3793553"/>
                <a:ext cx="125253" cy="64293"/>
              </a:xfrm>
              <a:custGeom>
                <a:avLst/>
                <a:gdLst>
                  <a:gd name="connsiteX0" fmla="*/ 100775 w 125253"/>
                  <a:gd name="connsiteY0" fmla="*/ 0 h 64293"/>
                  <a:gd name="connsiteX1" fmla="*/ 91250 w 125253"/>
                  <a:gd name="connsiteY1" fmla="*/ 0 h 64293"/>
                  <a:gd name="connsiteX2" fmla="*/ 38576 w 125253"/>
                  <a:gd name="connsiteY2" fmla="*/ 0 h 64293"/>
                  <a:gd name="connsiteX3" fmla="*/ 34385 w 125253"/>
                  <a:gd name="connsiteY3" fmla="*/ 0 h 64293"/>
                  <a:gd name="connsiteX4" fmla="*/ 12668 w 125253"/>
                  <a:gd name="connsiteY4" fmla="*/ 13430 h 64293"/>
                  <a:gd name="connsiteX5" fmla="*/ 0 w 125253"/>
                  <a:gd name="connsiteY5" fmla="*/ 64294 h 64293"/>
                  <a:gd name="connsiteX6" fmla="*/ 125254 w 125253"/>
                  <a:gd name="connsiteY6" fmla="*/ 64294 h 64293"/>
                  <a:gd name="connsiteX7" fmla="*/ 125254 w 125253"/>
                  <a:gd name="connsiteY7" fmla="*/ 20383 h 64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253" h="64293">
                    <a:moveTo>
                      <a:pt x="100775" y="0"/>
                    </a:moveTo>
                    <a:lnTo>
                      <a:pt x="91250" y="0"/>
                    </a:lnTo>
                    <a:cubicBezTo>
                      <a:pt x="74362" y="6858"/>
                      <a:pt x="55464" y="6858"/>
                      <a:pt x="38576" y="0"/>
                    </a:cubicBezTo>
                    <a:lnTo>
                      <a:pt x="34385" y="0"/>
                    </a:lnTo>
                    <a:lnTo>
                      <a:pt x="12668" y="13430"/>
                    </a:lnTo>
                    <a:lnTo>
                      <a:pt x="0" y="64294"/>
                    </a:lnTo>
                    <a:lnTo>
                      <a:pt x="125254" y="64294"/>
                    </a:lnTo>
                    <a:lnTo>
                      <a:pt x="125254" y="20383"/>
                    </a:lnTo>
                    <a:close/>
                  </a:path>
                </a:pathLst>
              </a:custGeom>
              <a:solidFill>
                <a:srgbClr val="66BCDB"/>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1" name="Freeform: Shape 6">
                <a:extLst>
                  <a:ext uri="{FF2B5EF4-FFF2-40B4-BE49-F238E27FC236}">
                    <a16:creationId xmlns:a16="http://schemas.microsoft.com/office/drawing/2014/main" id="{ED81BF39-7CAA-D65B-AD2A-269340F193A8}"/>
                  </a:ext>
                </a:extLst>
              </p:cNvPr>
              <p:cNvSpPr/>
              <p:nvPr/>
            </p:nvSpPr>
            <p:spPr>
              <a:xfrm>
                <a:off x="2071973" y="3679729"/>
                <a:ext cx="71437" cy="107346"/>
              </a:xfrm>
              <a:custGeom>
                <a:avLst/>
                <a:gdLst>
                  <a:gd name="connsiteX0" fmla="*/ 35719 w 71437"/>
                  <a:gd name="connsiteY0" fmla="*/ 107347 h 107346"/>
                  <a:gd name="connsiteX1" fmla="*/ 0 w 71437"/>
                  <a:gd name="connsiteY1" fmla="*/ 47625 h 107346"/>
                  <a:gd name="connsiteX2" fmla="*/ 35719 w 71437"/>
                  <a:gd name="connsiteY2" fmla="*/ 0 h 107346"/>
                  <a:gd name="connsiteX3" fmla="*/ 71438 w 71437"/>
                  <a:gd name="connsiteY3" fmla="*/ 47625 h 107346"/>
                  <a:gd name="connsiteX4" fmla="*/ 35719 w 71437"/>
                  <a:gd name="connsiteY4" fmla="*/ 107347 h 107346"/>
                  <a:gd name="connsiteX5" fmla="*/ 35719 w 71437"/>
                  <a:gd name="connsiteY5" fmla="*/ 20003 h 107346"/>
                  <a:gd name="connsiteX6" fmla="*/ 18002 w 71437"/>
                  <a:gd name="connsiteY6" fmla="*/ 47625 h 107346"/>
                  <a:gd name="connsiteX7" fmla="*/ 35719 w 71437"/>
                  <a:gd name="connsiteY7" fmla="*/ 87821 h 107346"/>
                  <a:gd name="connsiteX8" fmla="*/ 53530 w 71437"/>
                  <a:gd name="connsiteY8" fmla="*/ 47625 h 107346"/>
                  <a:gd name="connsiteX9" fmla="*/ 35719 w 71437"/>
                  <a:gd name="connsiteY9" fmla="*/ 20003 h 107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1437" h="107346">
                    <a:moveTo>
                      <a:pt x="35719" y="107347"/>
                    </a:moveTo>
                    <a:cubicBezTo>
                      <a:pt x="15335" y="107347"/>
                      <a:pt x="0" y="81629"/>
                      <a:pt x="0" y="47625"/>
                    </a:cubicBezTo>
                    <a:cubicBezTo>
                      <a:pt x="0" y="3810"/>
                      <a:pt x="27337" y="0"/>
                      <a:pt x="35719" y="0"/>
                    </a:cubicBezTo>
                    <a:cubicBezTo>
                      <a:pt x="44101" y="0"/>
                      <a:pt x="71438" y="3429"/>
                      <a:pt x="71438" y="47625"/>
                    </a:cubicBezTo>
                    <a:cubicBezTo>
                      <a:pt x="71152" y="81629"/>
                      <a:pt x="56102" y="107347"/>
                      <a:pt x="35719" y="107347"/>
                    </a:cubicBezTo>
                    <a:close/>
                    <a:moveTo>
                      <a:pt x="35719" y="20003"/>
                    </a:moveTo>
                    <a:cubicBezTo>
                      <a:pt x="28099" y="20003"/>
                      <a:pt x="18002" y="22860"/>
                      <a:pt x="18002" y="47625"/>
                    </a:cubicBezTo>
                    <a:cubicBezTo>
                      <a:pt x="18002" y="70580"/>
                      <a:pt x="27527" y="87821"/>
                      <a:pt x="35719" y="87821"/>
                    </a:cubicBezTo>
                    <a:cubicBezTo>
                      <a:pt x="43910" y="87821"/>
                      <a:pt x="53530" y="70580"/>
                      <a:pt x="53530" y="47625"/>
                    </a:cubicBezTo>
                    <a:cubicBezTo>
                      <a:pt x="53530" y="22860"/>
                      <a:pt x="43339" y="20003"/>
                      <a:pt x="35719" y="20003"/>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2" name="Freeform: Shape 7">
                <a:extLst>
                  <a:ext uri="{FF2B5EF4-FFF2-40B4-BE49-F238E27FC236}">
                    <a16:creationId xmlns:a16="http://schemas.microsoft.com/office/drawing/2014/main" id="{142631F6-D82E-97A5-094E-15CC4933CA8A}"/>
                  </a:ext>
                </a:extLst>
              </p:cNvPr>
              <p:cNvSpPr/>
              <p:nvPr/>
            </p:nvSpPr>
            <p:spPr>
              <a:xfrm>
                <a:off x="2038921" y="3785171"/>
                <a:ext cx="138969" cy="81057"/>
              </a:xfrm>
              <a:custGeom>
                <a:avLst/>
                <a:gdLst>
                  <a:gd name="connsiteX0" fmla="*/ 8954 w 138969"/>
                  <a:gd name="connsiteY0" fmla="*/ 81058 h 81057"/>
                  <a:gd name="connsiteX1" fmla="*/ 0 w 138969"/>
                  <a:gd name="connsiteY1" fmla="*/ 72009 h 81057"/>
                  <a:gd name="connsiteX2" fmla="*/ 35719 w 138969"/>
                  <a:gd name="connsiteY2" fmla="*/ 0 h 81057"/>
                  <a:gd name="connsiteX3" fmla="*/ 44767 w 138969"/>
                  <a:gd name="connsiteY3" fmla="*/ 9049 h 81057"/>
                  <a:gd name="connsiteX4" fmla="*/ 36195 w 138969"/>
                  <a:gd name="connsiteY4" fmla="*/ 18002 h 81057"/>
                  <a:gd name="connsiteX5" fmla="*/ 36195 w 138969"/>
                  <a:gd name="connsiteY5" fmla="*/ 18002 h 81057"/>
                  <a:gd name="connsiteX6" fmla="*/ 19145 w 138969"/>
                  <a:gd name="connsiteY6" fmla="*/ 58198 h 81057"/>
                  <a:gd name="connsiteX7" fmla="*/ 20288 w 138969"/>
                  <a:gd name="connsiteY7" fmla="*/ 61627 h 81057"/>
                  <a:gd name="connsiteX8" fmla="*/ 23527 w 138969"/>
                  <a:gd name="connsiteY8" fmla="*/ 63055 h 81057"/>
                  <a:gd name="connsiteX9" fmla="*/ 115729 w 138969"/>
                  <a:gd name="connsiteY9" fmla="*/ 63055 h 81057"/>
                  <a:gd name="connsiteX10" fmla="*/ 118967 w 138969"/>
                  <a:gd name="connsiteY10" fmla="*/ 61627 h 81057"/>
                  <a:gd name="connsiteX11" fmla="*/ 120110 w 138969"/>
                  <a:gd name="connsiteY11" fmla="*/ 58198 h 81057"/>
                  <a:gd name="connsiteX12" fmla="*/ 102870 w 138969"/>
                  <a:gd name="connsiteY12" fmla="*/ 18002 h 81057"/>
                  <a:gd name="connsiteX13" fmla="*/ 102299 w 138969"/>
                  <a:gd name="connsiteY13" fmla="*/ 18002 h 81057"/>
                  <a:gd name="connsiteX14" fmla="*/ 93726 w 138969"/>
                  <a:gd name="connsiteY14" fmla="*/ 9049 h 81057"/>
                  <a:gd name="connsiteX15" fmla="*/ 93726 w 138969"/>
                  <a:gd name="connsiteY15" fmla="*/ 9049 h 81057"/>
                  <a:gd name="connsiteX16" fmla="*/ 103251 w 138969"/>
                  <a:gd name="connsiteY16" fmla="*/ 0 h 81057"/>
                  <a:gd name="connsiteX17" fmla="*/ 138970 w 138969"/>
                  <a:gd name="connsiteY17" fmla="*/ 72009 h 81057"/>
                  <a:gd name="connsiteX18" fmla="*/ 130016 w 138969"/>
                  <a:gd name="connsiteY18" fmla="*/ 81058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38969" h="81057">
                    <a:moveTo>
                      <a:pt x="8954" y="81058"/>
                    </a:moveTo>
                    <a:cubicBezTo>
                      <a:pt x="4096" y="80772"/>
                      <a:pt x="238" y="76867"/>
                      <a:pt x="0" y="72009"/>
                    </a:cubicBezTo>
                    <a:cubicBezTo>
                      <a:pt x="0" y="10287"/>
                      <a:pt x="34290" y="0"/>
                      <a:pt x="35719" y="0"/>
                    </a:cubicBezTo>
                    <a:cubicBezTo>
                      <a:pt x="40615" y="238"/>
                      <a:pt x="44529" y="4153"/>
                      <a:pt x="44767" y="9049"/>
                    </a:cubicBezTo>
                    <a:cubicBezTo>
                      <a:pt x="44767" y="13849"/>
                      <a:pt x="40986" y="17802"/>
                      <a:pt x="36195" y="18002"/>
                    </a:cubicBezTo>
                    <a:lnTo>
                      <a:pt x="36195" y="18002"/>
                    </a:lnTo>
                    <a:cubicBezTo>
                      <a:pt x="29528" y="19050"/>
                      <a:pt x="21527" y="37052"/>
                      <a:pt x="19145" y="58198"/>
                    </a:cubicBezTo>
                    <a:cubicBezTo>
                      <a:pt x="19041" y="59446"/>
                      <a:pt x="19450" y="60693"/>
                      <a:pt x="20288" y="61627"/>
                    </a:cubicBezTo>
                    <a:cubicBezTo>
                      <a:pt x="21136" y="62512"/>
                      <a:pt x="22298" y="63027"/>
                      <a:pt x="23527" y="63055"/>
                    </a:cubicBezTo>
                    <a:lnTo>
                      <a:pt x="115729" y="63055"/>
                    </a:lnTo>
                    <a:cubicBezTo>
                      <a:pt x="116958" y="63046"/>
                      <a:pt x="118129" y="62532"/>
                      <a:pt x="118967" y="61627"/>
                    </a:cubicBezTo>
                    <a:cubicBezTo>
                      <a:pt x="119805" y="60693"/>
                      <a:pt x="120215" y="59446"/>
                      <a:pt x="120110" y="58198"/>
                    </a:cubicBezTo>
                    <a:cubicBezTo>
                      <a:pt x="117729" y="36957"/>
                      <a:pt x="109633" y="18955"/>
                      <a:pt x="102870" y="18002"/>
                    </a:cubicBezTo>
                    <a:lnTo>
                      <a:pt x="102299" y="18002"/>
                    </a:lnTo>
                    <a:cubicBezTo>
                      <a:pt x="97460" y="17897"/>
                      <a:pt x="93621" y="13888"/>
                      <a:pt x="93726" y="9049"/>
                    </a:cubicBezTo>
                    <a:cubicBezTo>
                      <a:pt x="93726" y="9049"/>
                      <a:pt x="93726" y="9049"/>
                      <a:pt x="93726" y="9049"/>
                    </a:cubicBezTo>
                    <a:cubicBezTo>
                      <a:pt x="93983" y="3972"/>
                      <a:pt x="98174" y="-10"/>
                      <a:pt x="103251" y="0"/>
                    </a:cubicBezTo>
                    <a:cubicBezTo>
                      <a:pt x="104680" y="0"/>
                      <a:pt x="138970" y="10287"/>
                      <a:pt x="138970" y="72009"/>
                    </a:cubicBezTo>
                    <a:cubicBezTo>
                      <a:pt x="138732" y="76867"/>
                      <a:pt x="134874" y="80772"/>
                      <a:pt x="130016" y="81058"/>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3" name="Freeform: Shape 8">
                <a:extLst>
                  <a:ext uri="{FF2B5EF4-FFF2-40B4-BE49-F238E27FC236}">
                    <a16:creationId xmlns:a16="http://schemas.microsoft.com/office/drawing/2014/main" id="{EA7BA1B8-F1B3-23D9-3821-14DDD41F367F}"/>
                  </a:ext>
                </a:extLst>
              </p:cNvPr>
              <p:cNvSpPr/>
              <p:nvPr/>
            </p:nvSpPr>
            <p:spPr>
              <a:xfrm>
                <a:off x="1885950" y="3806983"/>
                <a:ext cx="161925" cy="80486"/>
              </a:xfrm>
              <a:custGeom>
                <a:avLst/>
                <a:gdLst>
                  <a:gd name="connsiteX0" fmla="*/ 130302 w 161925"/>
                  <a:gd name="connsiteY0" fmla="*/ 0 h 80486"/>
                  <a:gd name="connsiteX1" fmla="*/ 118015 w 161925"/>
                  <a:gd name="connsiteY1" fmla="*/ 0 h 80486"/>
                  <a:gd name="connsiteX2" fmla="*/ 49721 w 161925"/>
                  <a:gd name="connsiteY2" fmla="*/ 0 h 80486"/>
                  <a:gd name="connsiteX3" fmla="*/ 44291 w 161925"/>
                  <a:gd name="connsiteY3" fmla="*/ 0 h 80486"/>
                  <a:gd name="connsiteX4" fmla="*/ 9811 w 161925"/>
                  <a:gd name="connsiteY4" fmla="*/ 21907 h 80486"/>
                  <a:gd name="connsiteX5" fmla="*/ 0 w 161925"/>
                  <a:gd name="connsiteY5" fmla="*/ 80486 h 80486"/>
                  <a:gd name="connsiteX6" fmla="*/ 161925 w 161925"/>
                  <a:gd name="connsiteY6" fmla="*/ 80486 h 80486"/>
                  <a:gd name="connsiteX7" fmla="*/ 161925 w 161925"/>
                  <a:gd name="connsiteY7" fmla="*/ 35909 h 80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1925" h="80486">
                    <a:moveTo>
                      <a:pt x="130302" y="0"/>
                    </a:moveTo>
                    <a:lnTo>
                      <a:pt x="118015" y="0"/>
                    </a:lnTo>
                    <a:cubicBezTo>
                      <a:pt x="96117" y="8887"/>
                      <a:pt x="71618" y="8887"/>
                      <a:pt x="49721" y="0"/>
                    </a:cubicBezTo>
                    <a:lnTo>
                      <a:pt x="44291" y="0"/>
                    </a:lnTo>
                    <a:lnTo>
                      <a:pt x="9811" y="21907"/>
                    </a:lnTo>
                    <a:lnTo>
                      <a:pt x="0" y="80486"/>
                    </a:lnTo>
                    <a:lnTo>
                      <a:pt x="161925" y="80486"/>
                    </a:lnTo>
                    <a:lnTo>
                      <a:pt x="161925" y="35909"/>
                    </a:lnTo>
                    <a:close/>
                  </a:path>
                </a:pathLst>
              </a:custGeom>
              <a:solidFill>
                <a:srgbClr val="66BCDB"/>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4" name="Freeform: Shape 9">
                <a:extLst>
                  <a:ext uri="{FF2B5EF4-FFF2-40B4-BE49-F238E27FC236}">
                    <a16:creationId xmlns:a16="http://schemas.microsoft.com/office/drawing/2014/main" id="{3FBBB469-E024-5E6B-C523-C435D58F68F5}"/>
                  </a:ext>
                </a:extLst>
              </p:cNvPr>
              <p:cNvSpPr/>
              <p:nvPr/>
            </p:nvSpPr>
            <p:spPr>
              <a:xfrm>
                <a:off x="1923764" y="3657346"/>
                <a:ext cx="92678" cy="138779"/>
              </a:xfrm>
              <a:custGeom>
                <a:avLst/>
                <a:gdLst>
                  <a:gd name="connsiteX0" fmla="*/ 46387 w 92678"/>
                  <a:gd name="connsiteY0" fmla="*/ 138779 h 138779"/>
                  <a:gd name="connsiteX1" fmla="*/ 0 w 92678"/>
                  <a:gd name="connsiteY1" fmla="*/ 61246 h 138779"/>
                  <a:gd name="connsiteX2" fmla="*/ 46387 w 92678"/>
                  <a:gd name="connsiteY2" fmla="*/ 0 h 138779"/>
                  <a:gd name="connsiteX3" fmla="*/ 92678 w 92678"/>
                  <a:gd name="connsiteY3" fmla="*/ 61246 h 138779"/>
                  <a:gd name="connsiteX4" fmla="*/ 46387 w 92678"/>
                  <a:gd name="connsiteY4" fmla="*/ 138779 h 138779"/>
                  <a:gd name="connsiteX5" fmla="*/ 46387 w 92678"/>
                  <a:gd name="connsiteY5" fmla="*/ 18192 h 138779"/>
                  <a:gd name="connsiteX6" fmla="*/ 18383 w 92678"/>
                  <a:gd name="connsiteY6" fmla="*/ 59912 h 138779"/>
                  <a:gd name="connsiteX7" fmla="*/ 46387 w 92678"/>
                  <a:gd name="connsiteY7" fmla="*/ 120586 h 138779"/>
                  <a:gd name="connsiteX8" fmla="*/ 74295 w 92678"/>
                  <a:gd name="connsiteY8" fmla="*/ 59912 h 138779"/>
                  <a:gd name="connsiteX9" fmla="*/ 46387 w 92678"/>
                  <a:gd name="connsiteY9" fmla="*/ 18192 h 138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2678" h="138779">
                    <a:moveTo>
                      <a:pt x="46387" y="138779"/>
                    </a:moveTo>
                    <a:cubicBezTo>
                      <a:pt x="19907" y="138779"/>
                      <a:pt x="0" y="105442"/>
                      <a:pt x="0" y="61246"/>
                    </a:cubicBezTo>
                    <a:cubicBezTo>
                      <a:pt x="0" y="4096"/>
                      <a:pt x="35528" y="0"/>
                      <a:pt x="46387" y="0"/>
                    </a:cubicBezTo>
                    <a:cubicBezTo>
                      <a:pt x="57245" y="0"/>
                      <a:pt x="92678" y="4381"/>
                      <a:pt x="92678" y="61246"/>
                    </a:cubicBezTo>
                    <a:cubicBezTo>
                      <a:pt x="92678" y="105442"/>
                      <a:pt x="72771" y="138779"/>
                      <a:pt x="46387" y="138779"/>
                    </a:cubicBezTo>
                    <a:close/>
                    <a:moveTo>
                      <a:pt x="46387" y="18192"/>
                    </a:moveTo>
                    <a:cubicBezTo>
                      <a:pt x="34385" y="18192"/>
                      <a:pt x="18383" y="22479"/>
                      <a:pt x="18383" y="59912"/>
                    </a:cubicBezTo>
                    <a:cubicBezTo>
                      <a:pt x="18383" y="94678"/>
                      <a:pt x="33147" y="120586"/>
                      <a:pt x="46387" y="120586"/>
                    </a:cubicBezTo>
                    <a:cubicBezTo>
                      <a:pt x="59626" y="120586"/>
                      <a:pt x="74295" y="94678"/>
                      <a:pt x="74295" y="59912"/>
                    </a:cubicBezTo>
                    <a:cubicBezTo>
                      <a:pt x="74295" y="22479"/>
                      <a:pt x="58388" y="18192"/>
                      <a:pt x="46387" y="18192"/>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5" name="Freeform: Shape 10">
                <a:extLst>
                  <a:ext uri="{FF2B5EF4-FFF2-40B4-BE49-F238E27FC236}">
                    <a16:creationId xmlns:a16="http://schemas.microsoft.com/office/drawing/2014/main" id="{03A3F53D-0B52-0DAB-7402-B2A3EDE7A7CC}"/>
                  </a:ext>
                </a:extLst>
              </p:cNvPr>
              <p:cNvSpPr/>
              <p:nvPr/>
            </p:nvSpPr>
            <p:spPr>
              <a:xfrm>
                <a:off x="1880425" y="3796125"/>
                <a:ext cx="179832" cy="102298"/>
              </a:xfrm>
              <a:custGeom>
                <a:avLst/>
                <a:gdLst>
                  <a:gd name="connsiteX0" fmla="*/ 11621 w 179832"/>
                  <a:gd name="connsiteY0" fmla="*/ 102203 h 102298"/>
                  <a:gd name="connsiteX1" fmla="*/ 0 w 179832"/>
                  <a:gd name="connsiteY1" fmla="*/ 90773 h 102298"/>
                  <a:gd name="connsiteX2" fmla="*/ 0 w 179832"/>
                  <a:gd name="connsiteY2" fmla="*/ 90583 h 102298"/>
                  <a:gd name="connsiteX3" fmla="*/ 46292 w 179832"/>
                  <a:gd name="connsiteY3" fmla="*/ 0 h 102298"/>
                  <a:gd name="connsiteX4" fmla="*/ 58007 w 179832"/>
                  <a:gd name="connsiteY4" fmla="*/ 11621 h 102298"/>
                  <a:gd name="connsiteX5" fmla="*/ 40767 w 179832"/>
                  <a:gd name="connsiteY5" fmla="*/ 22670 h 102298"/>
                  <a:gd name="connsiteX6" fmla="*/ 40100 w 179832"/>
                  <a:gd name="connsiteY6" fmla="*/ 22670 h 102298"/>
                  <a:gd name="connsiteX7" fmla="*/ 21050 w 179832"/>
                  <a:gd name="connsiteY7" fmla="*/ 77343 h 102298"/>
                  <a:gd name="connsiteX8" fmla="*/ 22479 w 179832"/>
                  <a:gd name="connsiteY8" fmla="*/ 81820 h 102298"/>
                  <a:gd name="connsiteX9" fmla="*/ 26670 w 179832"/>
                  <a:gd name="connsiteY9" fmla="*/ 83725 h 102298"/>
                  <a:gd name="connsiteX10" fmla="*/ 153638 w 179832"/>
                  <a:gd name="connsiteY10" fmla="*/ 84201 h 102298"/>
                  <a:gd name="connsiteX11" fmla="*/ 157829 w 179832"/>
                  <a:gd name="connsiteY11" fmla="*/ 82296 h 102298"/>
                  <a:gd name="connsiteX12" fmla="*/ 159258 w 179832"/>
                  <a:gd name="connsiteY12" fmla="*/ 77915 h 102298"/>
                  <a:gd name="connsiteX13" fmla="*/ 139065 w 179832"/>
                  <a:gd name="connsiteY13" fmla="*/ 23717 h 102298"/>
                  <a:gd name="connsiteX14" fmla="*/ 138875 w 179832"/>
                  <a:gd name="connsiteY14" fmla="*/ 23717 h 102298"/>
                  <a:gd name="connsiteX15" fmla="*/ 121349 w 179832"/>
                  <a:gd name="connsiteY15" fmla="*/ 11716 h 102298"/>
                  <a:gd name="connsiteX16" fmla="*/ 133445 w 179832"/>
                  <a:gd name="connsiteY16" fmla="*/ 95 h 102298"/>
                  <a:gd name="connsiteX17" fmla="*/ 179832 w 179832"/>
                  <a:gd name="connsiteY17" fmla="*/ 90678 h 102298"/>
                  <a:gd name="connsiteX18" fmla="*/ 168212 w 179832"/>
                  <a:gd name="connsiteY18" fmla="*/ 102299 h 102298"/>
                  <a:gd name="connsiteX19" fmla="*/ 168116 w 179832"/>
                  <a:gd name="connsiteY19" fmla="*/ 102299 h 1022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79832" h="102298">
                    <a:moveTo>
                      <a:pt x="11621" y="102203"/>
                    </a:moveTo>
                    <a:cubicBezTo>
                      <a:pt x="5258" y="102261"/>
                      <a:pt x="57" y="97136"/>
                      <a:pt x="0" y="90773"/>
                    </a:cubicBezTo>
                    <a:cubicBezTo>
                      <a:pt x="0" y="90707"/>
                      <a:pt x="0" y="90649"/>
                      <a:pt x="0" y="90583"/>
                    </a:cubicBezTo>
                    <a:cubicBezTo>
                      <a:pt x="0" y="10478"/>
                      <a:pt x="44387" y="0"/>
                      <a:pt x="46292" y="0"/>
                    </a:cubicBezTo>
                    <a:cubicBezTo>
                      <a:pt x="52721" y="0"/>
                      <a:pt x="57960" y="5191"/>
                      <a:pt x="58007" y="11621"/>
                    </a:cubicBezTo>
                    <a:cubicBezTo>
                      <a:pt x="58007" y="17907"/>
                      <a:pt x="46958" y="22384"/>
                      <a:pt x="40767" y="22670"/>
                    </a:cubicBezTo>
                    <a:lnTo>
                      <a:pt x="40100" y="22670"/>
                    </a:lnTo>
                    <a:cubicBezTo>
                      <a:pt x="31528" y="24098"/>
                      <a:pt x="24289" y="50197"/>
                      <a:pt x="21050" y="77343"/>
                    </a:cubicBezTo>
                    <a:cubicBezTo>
                      <a:pt x="20841" y="78972"/>
                      <a:pt x="21365" y="80610"/>
                      <a:pt x="22479" y="81820"/>
                    </a:cubicBezTo>
                    <a:cubicBezTo>
                      <a:pt x="23527" y="83048"/>
                      <a:pt x="25060" y="83744"/>
                      <a:pt x="26670" y="83725"/>
                    </a:cubicBezTo>
                    <a:lnTo>
                      <a:pt x="153638" y="84201"/>
                    </a:lnTo>
                    <a:cubicBezTo>
                      <a:pt x="155248" y="84220"/>
                      <a:pt x="156782" y="83525"/>
                      <a:pt x="157829" y="82296"/>
                    </a:cubicBezTo>
                    <a:cubicBezTo>
                      <a:pt x="158953" y="81134"/>
                      <a:pt x="159487" y="79515"/>
                      <a:pt x="159258" y="77915"/>
                    </a:cubicBezTo>
                    <a:cubicBezTo>
                      <a:pt x="156115" y="50387"/>
                      <a:pt x="147828" y="24860"/>
                      <a:pt x="139065" y="23717"/>
                    </a:cubicBezTo>
                    <a:lnTo>
                      <a:pt x="138875" y="23717"/>
                    </a:lnTo>
                    <a:cubicBezTo>
                      <a:pt x="132588" y="23717"/>
                      <a:pt x="121349" y="18288"/>
                      <a:pt x="121349" y="11716"/>
                    </a:cubicBezTo>
                    <a:cubicBezTo>
                      <a:pt x="121558" y="5201"/>
                      <a:pt x="126930" y="38"/>
                      <a:pt x="133445" y="95"/>
                    </a:cubicBezTo>
                    <a:cubicBezTo>
                      <a:pt x="135350" y="95"/>
                      <a:pt x="179832" y="10573"/>
                      <a:pt x="179832" y="90678"/>
                    </a:cubicBezTo>
                    <a:cubicBezTo>
                      <a:pt x="179832" y="97098"/>
                      <a:pt x="174631" y="102299"/>
                      <a:pt x="168212" y="102299"/>
                    </a:cubicBezTo>
                    <a:cubicBezTo>
                      <a:pt x="168183" y="102299"/>
                      <a:pt x="168145" y="102299"/>
                      <a:pt x="168116" y="102299"/>
                    </a:cubicBezTo>
                    <a:close/>
                  </a:path>
                </a:pathLst>
              </a:custGeom>
              <a:solidFill>
                <a:srgbClr val="265998"/>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grpSp>
        <p:nvGrpSpPr>
          <p:cNvPr id="57" name="Group 56">
            <a:extLst>
              <a:ext uri="{FF2B5EF4-FFF2-40B4-BE49-F238E27FC236}">
                <a16:creationId xmlns:a16="http://schemas.microsoft.com/office/drawing/2014/main" id="{475603D3-42A6-1B51-3C86-D875E7FD6084}"/>
              </a:ext>
            </a:extLst>
          </p:cNvPr>
          <p:cNvGrpSpPr/>
          <p:nvPr/>
        </p:nvGrpSpPr>
        <p:grpSpPr>
          <a:xfrm>
            <a:off x="8987394" y="4942037"/>
            <a:ext cx="1220465" cy="917086"/>
            <a:chOff x="8947527" y="4942037"/>
            <a:chExt cx="1220465" cy="917086"/>
          </a:xfrm>
        </p:grpSpPr>
        <p:sp>
          <p:nvSpPr>
            <p:cNvPr id="26" name="Rectangle 25">
              <a:extLst>
                <a:ext uri="{FF2B5EF4-FFF2-40B4-BE49-F238E27FC236}">
                  <a16:creationId xmlns:a16="http://schemas.microsoft.com/office/drawing/2014/main" id="{D4AA89E3-BF54-752A-7A98-161EB15B0B35}"/>
                </a:ext>
              </a:extLst>
            </p:cNvPr>
            <p:cNvSpPr/>
            <p:nvPr/>
          </p:nvSpPr>
          <p:spPr>
            <a:xfrm>
              <a:off x="8947527" y="4942037"/>
              <a:ext cx="1220465" cy="917086"/>
            </a:xfrm>
            <a:prstGeom prst="rect">
              <a:avLst/>
            </a:prstGeom>
            <a:solidFill>
              <a:schemeClr val="tx2">
                <a:lumMod val="40000"/>
                <a:lumOff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180000" tIns="180000" rtlCol="0" anchor="t" anchorCtr="0"/>
            <a:lstStyle/>
            <a:p>
              <a:pPr>
                <a:spcAft>
                  <a:spcPts val="600"/>
                </a:spcAft>
              </a:pPr>
              <a:endParaRPr lang="en-US" sz="2400" b="1">
                <a:solidFill>
                  <a:schemeClr val="bg2"/>
                </a:solidFill>
              </a:endParaRPr>
            </a:p>
          </p:txBody>
        </p:sp>
        <p:grpSp>
          <p:nvGrpSpPr>
            <p:cNvPr id="46" name="Group 45">
              <a:extLst>
                <a:ext uri="{FF2B5EF4-FFF2-40B4-BE49-F238E27FC236}">
                  <a16:creationId xmlns:a16="http://schemas.microsoft.com/office/drawing/2014/main" id="{B9DBC79B-4CBA-58AC-4FDE-3C0B1B9DE3D8}"/>
                </a:ext>
              </a:extLst>
            </p:cNvPr>
            <p:cNvGrpSpPr/>
            <p:nvPr/>
          </p:nvGrpSpPr>
          <p:grpSpPr>
            <a:xfrm>
              <a:off x="9357932" y="5197124"/>
              <a:ext cx="392784" cy="479828"/>
              <a:chOff x="1094422" y="1427067"/>
              <a:chExt cx="378237" cy="462057"/>
            </a:xfrm>
          </p:grpSpPr>
          <p:sp>
            <p:nvSpPr>
              <p:cNvPr id="47" name="Freeform: Shape 2">
                <a:extLst>
                  <a:ext uri="{FF2B5EF4-FFF2-40B4-BE49-F238E27FC236}">
                    <a16:creationId xmlns:a16="http://schemas.microsoft.com/office/drawing/2014/main" id="{FFC814F2-0CDF-2C1E-2DF3-2AC3B78D0086}"/>
                  </a:ext>
                </a:extLst>
              </p:cNvPr>
              <p:cNvSpPr/>
              <p:nvPr/>
            </p:nvSpPr>
            <p:spPr>
              <a:xfrm>
                <a:off x="1102233" y="1811972"/>
                <a:ext cx="356139" cy="68294"/>
              </a:xfrm>
              <a:custGeom>
                <a:avLst/>
                <a:gdLst>
                  <a:gd name="connsiteX0" fmla="*/ 18478 w 356139"/>
                  <a:gd name="connsiteY0" fmla="*/ 68294 h 68294"/>
                  <a:gd name="connsiteX1" fmla="*/ 356140 w 356139"/>
                  <a:gd name="connsiteY1" fmla="*/ 68294 h 68294"/>
                  <a:gd name="connsiteX2" fmla="*/ 356140 w 356139"/>
                  <a:gd name="connsiteY2" fmla="*/ 0 h 68294"/>
                  <a:gd name="connsiteX3" fmla="*/ 20765 w 356139"/>
                  <a:gd name="connsiteY3" fmla="*/ 0 h 68294"/>
                  <a:gd name="connsiteX4" fmla="*/ 0 w 356139"/>
                  <a:gd name="connsiteY4" fmla="*/ 35814 h 68294"/>
                  <a:gd name="connsiteX5" fmla="*/ 18478 w 356139"/>
                  <a:gd name="connsiteY5" fmla="*/ 68294 h 68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6139" h="68294">
                    <a:moveTo>
                      <a:pt x="18478" y="68294"/>
                    </a:moveTo>
                    <a:lnTo>
                      <a:pt x="356140" y="68294"/>
                    </a:lnTo>
                    <a:lnTo>
                      <a:pt x="356140" y="0"/>
                    </a:lnTo>
                    <a:lnTo>
                      <a:pt x="20765" y="0"/>
                    </a:lnTo>
                    <a:lnTo>
                      <a:pt x="0" y="35814"/>
                    </a:lnTo>
                    <a:lnTo>
                      <a:pt x="18478" y="68294"/>
                    </a:lnTo>
                    <a:close/>
                  </a:path>
                </a:pathLst>
              </a:custGeom>
              <a:solidFill>
                <a:srgbClr val="C7E4F1"/>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8" name="Freeform: Shape 3">
                <a:extLst>
                  <a:ext uri="{FF2B5EF4-FFF2-40B4-BE49-F238E27FC236}">
                    <a16:creationId xmlns:a16="http://schemas.microsoft.com/office/drawing/2014/main" id="{590ECC0E-B361-5044-90DA-0CC0CD35011A}"/>
                  </a:ext>
                </a:extLst>
              </p:cNvPr>
              <p:cNvSpPr/>
              <p:nvPr/>
            </p:nvSpPr>
            <p:spPr>
              <a:xfrm>
                <a:off x="1102233" y="1434115"/>
                <a:ext cx="364616" cy="389572"/>
              </a:xfrm>
              <a:custGeom>
                <a:avLst/>
                <a:gdLst>
                  <a:gd name="connsiteX0" fmla="*/ 0 w 364616"/>
                  <a:gd name="connsiteY0" fmla="*/ 389572 h 389572"/>
                  <a:gd name="connsiteX1" fmla="*/ 40100 w 364616"/>
                  <a:gd name="connsiteY1" fmla="*/ 377857 h 389572"/>
                  <a:gd name="connsiteX2" fmla="*/ 364617 w 364616"/>
                  <a:gd name="connsiteY2" fmla="*/ 377857 h 389572"/>
                  <a:gd name="connsiteX3" fmla="*/ 364617 w 364616"/>
                  <a:gd name="connsiteY3" fmla="*/ 0 h 389572"/>
                  <a:gd name="connsiteX4" fmla="*/ 47149 w 364616"/>
                  <a:gd name="connsiteY4" fmla="*/ 0 h 389572"/>
                  <a:gd name="connsiteX5" fmla="*/ 6286 w 364616"/>
                  <a:gd name="connsiteY5" fmla="*/ 12573 h 389572"/>
                  <a:gd name="connsiteX6" fmla="*/ 2191 w 364616"/>
                  <a:gd name="connsiteY6" fmla="*/ 21431 h 389572"/>
                  <a:gd name="connsiteX7" fmla="*/ 0 w 364616"/>
                  <a:gd name="connsiteY7" fmla="*/ 389572 h 3895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4616" h="389572">
                    <a:moveTo>
                      <a:pt x="0" y="389572"/>
                    </a:moveTo>
                    <a:lnTo>
                      <a:pt x="40100" y="377857"/>
                    </a:lnTo>
                    <a:lnTo>
                      <a:pt x="364617" y="377857"/>
                    </a:lnTo>
                    <a:lnTo>
                      <a:pt x="364617" y="0"/>
                    </a:lnTo>
                    <a:lnTo>
                      <a:pt x="47149" y="0"/>
                    </a:lnTo>
                    <a:lnTo>
                      <a:pt x="6286" y="12573"/>
                    </a:lnTo>
                    <a:lnTo>
                      <a:pt x="2191" y="21431"/>
                    </a:lnTo>
                    <a:lnTo>
                      <a:pt x="0" y="389572"/>
                    </a:lnTo>
                    <a:close/>
                  </a:path>
                </a:pathLst>
              </a:custGeom>
              <a:solidFill>
                <a:srgbClr val="66BCDB"/>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49" name="Freeform: Shape 4">
                <a:extLst>
                  <a:ext uri="{FF2B5EF4-FFF2-40B4-BE49-F238E27FC236}">
                    <a16:creationId xmlns:a16="http://schemas.microsoft.com/office/drawing/2014/main" id="{EA8D2985-BE86-5F6A-F48C-7C4104F7695E}"/>
                  </a:ext>
                </a:extLst>
              </p:cNvPr>
              <p:cNvSpPr/>
              <p:nvPr/>
            </p:nvSpPr>
            <p:spPr>
              <a:xfrm>
                <a:off x="1094422" y="1427067"/>
                <a:ext cx="378237" cy="462057"/>
              </a:xfrm>
              <a:custGeom>
                <a:avLst/>
                <a:gdLst>
                  <a:gd name="connsiteX0" fmla="*/ 371189 w 378237"/>
                  <a:gd name="connsiteY0" fmla="*/ 462058 h 462057"/>
                  <a:gd name="connsiteX1" fmla="*/ 40767 w 378237"/>
                  <a:gd name="connsiteY1" fmla="*/ 462058 h 462057"/>
                  <a:gd name="connsiteX2" fmla="*/ 0 w 378237"/>
                  <a:gd name="connsiteY2" fmla="*/ 421291 h 462057"/>
                  <a:gd name="connsiteX3" fmla="*/ 0 w 378237"/>
                  <a:gd name="connsiteY3" fmla="*/ 40767 h 462057"/>
                  <a:gd name="connsiteX4" fmla="*/ 40767 w 378237"/>
                  <a:gd name="connsiteY4" fmla="*/ 0 h 462057"/>
                  <a:gd name="connsiteX5" fmla="*/ 371189 w 378237"/>
                  <a:gd name="connsiteY5" fmla="*/ 0 h 462057"/>
                  <a:gd name="connsiteX6" fmla="*/ 378238 w 378237"/>
                  <a:gd name="connsiteY6" fmla="*/ 7048 h 462057"/>
                  <a:gd name="connsiteX7" fmla="*/ 378238 w 378237"/>
                  <a:gd name="connsiteY7" fmla="*/ 387096 h 462057"/>
                  <a:gd name="connsiteX8" fmla="*/ 371189 w 378237"/>
                  <a:gd name="connsiteY8" fmla="*/ 394145 h 462057"/>
                  <a:gd name="connsiteX9" fmla="*/ 40767 w 378237"/>
                  <a:gd name="connsiteY9" fmla="*/ 394145 h 462057"/>
                  <a:gd name="connsiteX10" fmla="*/ 14097 w 378237"/>
                  <a:gd name="connsiteY10" fmla="*/ 420814 h 462057"/>
                  <a:gd name="connsiteX11" fmla="*/ 40767 w 378237"/>
                  <a:gd name="connsiteY11" fmla="*/ 447485 h 462057"/>
                  <a:gd name="connsiteX12" fmla="*/ 371189 w 378237"/>
                  <a:gd name="connsiteY12" fmla="*/ 447485 h 462057"/>
                  <a:gd name="connsiteX13" fmla="*/ 378238 w 378237"/>
                  <a:gd name="connsiteY13" fmla="*/ 454533 h 462057"/>
                  <a:gd name="connsiteX14" fmla="*/ 371189 w 378237"/>
                  <a:gd name="connsiteY14" fmla="*/ 461581 h 462057"/>
                  <a:gd name="connsiteX15" fmla="*/ 40767 w 378237"/>
                  <a:gd name="connsiteY15" fmla="*/ 14383 h 462057"/>
                  <a:gd name="connsiteX16" fmla="*/ 14097 w 378237"/>
                  <a:gd name="connsiteY16" fmla="*/ 41053 h 462057"/>
                  <a:gd name="connsiteX17" fmla="*/ 14097 w 378237"/>
                  <a:gd name="connsiteY17" fmla="*/ 390049 h 462057"/>
                  <a:gd name="connsiteX18" fmla="*/ 40767 w 378237"/>
                  <a:gd name="connsiteY18" fmla="*/ 380524 h 462057"/>
                  <a:gd name="connsiteX19" fmla="*/ 364141 w 378237"/>
                  <a:gd name="connsiteY19" fmla="*/ 380524 h 462057"/>
                  <a:gd name="connsiteX20" fmla="*/ 364141 w 378237"/>
                  <a:gd name="connsiteY20" fmla="*/ 14383 h 462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78237" h="462057">
                    <a:moveTo>
                      <a:pt x="371189" y="462058"/>
                    </a:moveTo>
                    <a:lnTo>
                      <a:pt x="40767" y="462058"/>
                    </a:lnTo>
                    <a:cubicBezTo>
                      <a:pt x="18252" y="462058"/>
                      <a:pt x="0" y="443806"/>
                      <a:pt x="0" y="421291"/>
                    </a:cubicBezTo>
                    <a:lnTo>
                      <a:pt x="0" y="40767"/>
                    </a:lnTo>
                    <a:cubicBezTo>
                      <a:pt x="0" y="18252"/>
                      <a:pt x="18252" y="0"/>
                      <a:pt x="40767" y="0"/>
                    </a:cubicBezTo>
                    <a:lnTo>
                      <a:pt x="371189" y="0"/>
                    </a:lnTo>
                    <a:cubicBezTo>
                      <a:pt x="375082" y="0"/>
                      <a:pt x="378238" y="3156"/>
                      <a:pt x="378238" y="7048"/>
                    </a:cubicBezTo>
                    <a:lnTo>
                      <a:pt x="378238" y="387096"/>
                    </a:lnTo>
                    <a:cubicBezTo>
                      <a:pt x="378238" y="390989"/>
                      <a:pt x="375082" y="394145"/>
                      <a:pt x="371189" y="394145"/>
                    </a:cubicBezTo>
                    <a:lnTo>
                      <a:pt x="40767" y="394145"/>
                    </a:lnTo>
                    <a:cubicBezTo>
                      <a:pt x="26038" y="394145"/>
                      <a:pt x="14097" y="406085"/>
                      <a:pt x="14097" y="420814"/>
                    </a:cubicBezTo>
                    <a:cubicBezTo>
                      <a:pt x="14097" y="435544"/>
                      <a:pt x="26038" y="447485"/>
                      <a:pt x="40767" y="447485"/>
                    </a:cubicBezTo>
                    <a:lnTo>
                      <a:pt x="371189" y="447485"/>
                    </a:lnTo>
                    <a:cubicBezTo>
                      <a:pt x="375082" y="447485"/>
                      <a:pt x="378238" y="450640"/>
                      <a:pt x="378238" y="454533"/>
                    </a:cubicBezTo>
                    <a:cubicBezTo>
                      <a:pt x="378238" y="458426"/>
                      <a:pt x="375082" y="461581"/>
                      <a:pt x="371189" y="461581"/>
                    </a:cubicBezTo>
                    <a:close/>
                    <a:moveTo>
                      <a:pt x="40767" y="14383"/>
                    </a:moveTo>
                    <a:cubicBezTo>
                      <a:pt x="26059" y="14435"/>
                      <a:pt x="14149" y="26345"/>
                      <a:pt x="14097" y="41053"/>
                    </a:cubicBezTo>
                    <a:lnTo>
                      <a:pt x="14097" y="390049"/>
                    </a:lnTo>
                    <a:cubicBezTo>
                      <a:pt x="21559" y="383781"/>
                      <a:pt x="31023" y="380401"/>
                      <a:pt x="40767" y="380524"/>
                    </a:cubicBezTo>
                    <a:lnTo>
                      <a:pt x="364141" y="380524"/>
                    </a:lnTo>
                    <a:lnTo>
                      <a:pt x="364141" y="14383"/>
                    </a:ln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50" name="Freeform: Shape 5">
                <a:extLst>
                  <a:ext uri="{FF2B5EF4-FFF2-40B4-BE49-F238E27FC236}">
                    <a16:creationId xmlns:a16="http://schemas.microsoft.com/office/drawing/2014/main" id="{339849CB-5C8B-F2E5-DC96-6065B4E33AF9}"/>
                  </a:ext>
                </a:extLst>
              </p:cNvPr>
              <p:cNvSpPr/>
              <p:nvPr/>
            </p:nvSpPr>
            <p:spPr>
              <a:xfrm>
                <a:off x="1138809" y="1839214"/>
                <a:ext cx="319563" cy="14096"/>
              </a:xfrm>
              <a:custGeom>
                <a:avLst/>
                <a:gdLst>
                  <a:gd name="connsiteX0" fmla="*/ 312515 w 319563"/>
                  <a:gd name="connsiteY0" fmla="*/ 14097 h 14096"/>
                  <a:gd name="connsiteX1" fmla="*/ 7048 w 319563"/>
                  <a:gd name="connsiteY1" fmla="*/ 14097 h 14096"/>
                  <a:gd name="connsiteX2" fmla="*/ 0 w 319563"/>
                  <a:gd name="connsiteY2" fmla="*/ 7048 h 14096"/>
                  <a:gd name="connsiteX3" fmla="*/ 7048 w 319563"/>
                  <a:gd name="connsiteY3" fmla="*/ 0 h 14096"/>
                  <a:gd name="connsiteX4" fmla="*/ 312515 w 319563"/>
                  <a:gd name="connsiteY4" fmla="*/ 0 h 14096"/>
                  <a:gd name="connsiteX5" fmla="*/ 319564 w 319563"/>
                  <a:gd name="connsiteY5" fmla="*/ 7048 h 14096"/>
                  <a:gd name="connsiteX6" fmla="*/ 312515 w 319563"/>
                  <a:gd name="connsiteY6" fmla="*/ 14097 h 14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9563" h="14096">
                    <a:moveTo>
                      <a:pt x="312515" y="14097"/>
                    </a:moveTo>
                    <a:lnTo>
                      <a:pt x="7048" y="14097"/>
                    </a:lnTo>
                    <a:cubicBezTo>
                      <a:pt x="3156" y="14097"/>
                      <a:pt x="0" y="10941"/>
                      <a:pt x="0" y="7048"/>
                    </a:cubicBezTo>
                    <a:cubicBezTo>
                      <a:pt x="0" y="3156"/>
                      <a:pt x="3156" y="0"/>
                      <a:pt x="7048" y="0"/>
                    </a:cubicBezTo>
                    <a:lnTo>
                      <a:pt x="312515" y="0"/>
                    </a:lnTo>
                    <a:cubicBezTo>
                      <a:pt x="316408" y="0"/>
                      <a:pt x="319564" y="3156"/>
                      <a:pt x="319564" y="7048"/>
                    </a:cubicBezTo>
                    <a:cubicBezTo>
                      <a:pt x="319564" y="10941"/>
                      <a:pt x="316408" y="14097"/>
                      <a:pt x="312515" y="14097"/>
                    </a:cubicBez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sp>
            <p:nvSpPr>
              <p:cNvPr id="51" name="Freeform: Shape 6">
                <a:extLst>
                  <a:ext uri="{FF2B5EF4-FFF2-40B4-BE49-F238E27FC236}">
                    <a16:creationId xmlns:a16="http://schemas.microsoft.com/office/drawing/2014/main" id="{AEBE9C6F-AE57-6856-9A0E-F34FDE82A29D}"/>
                  </a:ext>
                </a:extLst>
              </p:cNvPr>
              <p:cNvSpPr/>
              <p:nvPr/>
            </p:nvSpPr>
            <p:spPr>
              <a:xfrm>
                <a:off x="1135284" y="1453451"/>
                <a:ext cx="14096" cy="341947"/>
              </a:xfrm>
              <a:custGeom>
                <a:avLst/>
                <a:gdLst>
                  <a:gd name="connsiteX0" fmla="*/ 7049 w 14096"/>
                  <a:gd name="connsiteY0" fmla="*/ 341948 h 341947"/>
                  <a:gd name="connsiteX1" fmla="*/ 0 w 14096"/>
                  <a:gd name="connsiteY1" fmla="*/ 334899 h 341947"/>
                  <a:gd name="connsiteX2" fmla="*/ 0 w 14096"/>
                  <a:gd name="connsiteY2" fmla="*/ 7049 h 341947"/>
                  <a:gd name="connsiteX3" fmla="*/ 7049 w 14096"/>
                  <a:gd name="connsiteY3" fmla="*/ 0 h 341947"/>
                  <a:gd name="connsiteX4" fmla="*/ 14097 w 14096"/>
                  <a:gd name="connsiteY4" fmla="*/ 7049 h 341947"/>
                  <a:gd name="connsiteX5" fmla="*/ 14097 w 14096"/>
                  <a:gd name="connsiteY5" fmla="*/ 334899 h 341947"/>
                  <a:gd name="connsiteX6" fmla="*/ 7049 w 14096"/>
                  <a:gd name="connsiteY6" fmla="*/ 341948 h 3419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096" h="341947">
                    <a:moveTo>
                      <a:pt x="7049" y="341948"/>
                    </a:moveTo>
                    <a:cubicBezTo>
                      <a:pt x="3156" y="341948"/>
                      <a:pt x="0" y="338792"/>
                      <a:pt x="0" y="334899"/>
                    </a:cubicBezTo>
                    <a:lnTo>
                      <a:pt x="0" y="7049"/>
                    </a:lnTo>
                    <a:cubicBezTo>
                      <a:pt x="0" y="3156"/>
                      <a:pt x="3156" y="0"/>
                      <a:pt x="7049" y="0"/>
                    </a:cubicBezTo>
                    <a:cubicBezTo>
                      <a:pt x="10941" y="0"/>
                      <a:pt x="14097" y="3156"/>
                      <a:pt x="14097" y="7049"/>
                    </a:cubicBezTo>
                    <a:lnTo>
                      <a:pt x="14097" y="334899"/>
                    </a:lnTo>
                    <a:cubicBezTo>
                      <a:pt x="14097" y="338792"/>
                      <a:pt x="10941" y="341948"/>
                      <a:pt x="7049" y="341948"/>
                    </a:cubicBezTo>
                    <a:close/>
                  </a:path>
                </a:pathLst>
              </a:custGeom>
              <a:solidFill>
                <a:srgbClr val="265A9A"/>
              </a:solidFill>
              <a:ln w="9525" cap="flat">
                <a:noFill/>
                <a:prstDash val="solid"/>
                <a:miter/>
              </a:ln>
            </p:spPr>
            <p:txBody>
              <a:bodyPr rtlCol="0" anchor="ctr"/>
              <a:lstStyle>
                <a:defPPr>
                  <a:defRPr lang="en-US"/>
                </a:defPPr>
                <a:lvl1pPr marL="0" algn="l" defTabSz="456987" rtl="0" eaLnBrk="1" latinLnBrk="0" hangingPunct="1">
                  <a:defRPr sz="1800" kern="1200">
                    <a:solidFill>
                      <a:schemeClr val="tx1"/>
                    </a:solidFill>
                    <a:latin typeface="+mn-lt"/>
                    <a:ea typeface="+mn-ea"/>
                    <a:cs typeface="+mn-cs"/>
                  </a:defRPr>
                </a:lvl1pPr>
                <a:lvl2pPr marL="456987" algn="l" defTabSz="456987" rtl="0" eaLnBrk="1" latinLnBrk="0" hangingPunct="1">
                  <a:defRPr sz="1800" kern="1200">
                    <a:solidFill>
                      <a:schemeClr val="tx1"/>
                    </a:solidFill>
                    <a:latin typeface="+mn-lt"/>
                    <a:ea typeface="+mn-ea"/>
                    <a:cs typeface="+mn-cs"/>
                  </a:defRPr>
                </a:lvl2pPr>
                <a:lvl3pPr marL="913965" algn="l" defTabSz="456987" rtl="0" eaLnBrk="1" latinLnBrk="0" hangingPunct="1">
                  <a:defRPr sz="1800" kern="1200">
                    <a:solidFill>
                      <a:schemeClr val="tx1"/>
                    </a:solidFill>
                    <a:latin typeface="+mn-lt"/>
                    <a:ea typeface="+mn-ea"/>
                    <a:cs typeface="+mn-cs"/>
                  </a:defRPr>
                </a:lvl3pPr>
                <a:lvl4pPr marL="1370951" algn="l" defTabSz="456987" rtl="0" eaLnBrk="1" latinLnBrk="0" hangingPunct="1">
                  <a:defRPr sz="1800" kern="1200">
                    <a:solidFill>
                      <a:schemeClr val="tx1"/>
                    </a:solidFill>
                    <a:latin typeface="+mn-lt"/>
                    <a:ea typeface="+mn-ea"/>
                    <a:cs typeface="+mn-cs"/>
                  </a:defRPr>
                </a:lvl4pPr>
                <a:lvl5pPr marL="1827929" algn="l" defTabSz="456987" rtl="0" eaLnBrk="1" latinLnBrk="0" hangingPunct="1">
                  <a:defRPr sz="1800" kern="1200">
                    <a:solidFill>
                      <a:schemeClr val="tx1"/>
                    </a:solidFill>
                    <a:latin typeface="+mn-lt"/>
                    <a:ea typeface="+mn-ea"/>
                    <a:cs typeface="+mn-cs"/>
                  </a:defRPr>
                </a:lvl5pPr>
                <a:lvl6pPr marL="2284916" algn="l" defTabSz="456987" rtl="0" eaLnBrk="1" latinLnBrk="0" hangingPunct="1">
                  <a:defRPr sz="1800" kern="1200">
                    <a:solidFill>
                      <a:schemeClr val="tx1"/>
                    </a:solidFill>
                    <a:latin typeface="+mn-lt"/>
                    <a:ea typeface="+mn-ea"/>
                    <a:cs typeface="+mn-cs"/>
                  </a:defRPr>
                </a:lvl6pPr>
                <a:lvl7pPr marL="2741894" algn="l" defTabSz="456987" rtl="0" eaLnBrk="1" latinLnBrk="0" hangingPunct="1">
                  <a:defRPr sz="1800" kern="1200">
                    <a:solidFill>
                      <a:schemeClr val="tx1"/>
                    </a:solidFill>
                    <a:latin typeface="+mn-lt"/>
                    <a:ea typeface="+mn-ea"/>
                    <a:cs typeface="+mn-cs"/>
                  </a:defRPr>
                </a:lvl7pPr>
                <a:lvl8pPr marL="3198872" algn="l" defTabSz="456987" rtl="0" eaLnBrk="1" latinLnBrk="0" hangingPunct="1">
                  <a:defRPr sz="1800" kern="1200">
                    <a:solidFill>
                      <a:schemeClr val="tx1"/>
                    </a:solidFill>
                    <a:latin typeface="+mn-lt"/>
                    <a:ea typeface="+mn-ea"/>
                    <a:cs typeface="+mn-cs"/>
                  </a:defRPr>
                </a:lvl8pPr>
                <a:lvl9pPr marL="3655850" algn="l" defTabSz="456987" rtl="0" eaLnBrk="1" latinLnBrk="0" hangingPunct="1">
                  <a:defRPr sz="1800" kern="1200">
                    <a:solidFill>
                      <a:schemeClr val="tx1"/>
                    </a:solidFill>
                    <a:latin typeface="+mn-lt"/>
                    <a:ea typeface="+mn-ea"/>
                    <a:cs typeface="+mn-cs"/>
                  </a:defRPr>
                </a:lvl9pPr>
              </a:lstStyle>
              <a:p>
                <a:endParaRPr lang="en-AU" sz="972"/>
              </a:p>
            </p:txBody>
          </p:sp>
        </p:grpSp>
      </p:grpSp>
    </p:spTree>
    <p:extLst>
      <p:ext uri="{BB962C8B-B14F-4D97-AF65-F5344CB8AC3E}">
        <p14:creationId xmlns:p14="http://schemas.microsoft.com/office/powerpoint/2010/main" val="195819148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1F44F1-BF39-DA8C-9240-9BF747B58D99}"/>
            </a:ext>
          </a:extLst>
        </p:cNvPr>
        <p:cNvGrpSpPr/>
        <p:nvPr/>
      </p:nvGrpSpPr>
      <p:grpSpPr>
        <a:xfrm>
          <a:off x="0" y="0"/>
          <a:ext cx="0" cy="0"/>
          <a:chOff x="0" y="0"/>
          <a:chExt cx="0" cy="0"/>
        </a:xfrm>
      </p:grpSpPr>
      <p:sp>
        <p:nvSpPr>
          <p:cNvPr id="2" name="Rectangle 1">
            <a:extLst>
              <a:ext uri="{FF2B5EF4-FFF2-40B4-BE49-F238E27FC236}">
                <a16:creationId xmlns:a16="http://schemas.microsoft.com/office/drawing/2014/main" id="{E9CCACC8-12D4-6D21-43CD-1B2144AA4B12}"/>
              </a:ext>
            </a:extLst>
          </p:cNvPr>
          <p:cNvSpPr/>
          <p:nvPr/>
        </p:nvSpPr>
        <p:spPr>
          <a:xfrm>
            <a:off x="2881745" y="3608438"/>
            <a:ext cx="5985164" cy="660144"/>
          </a:xfrm>
          <a:prstGeom prst="rect">
            <a:avLst/>
          </a:prstGeom>
          <a:noFill/>
        </p:spPr>
        <p:txBody>
          <a:bodyPr wrap="square" lIns="240000" tIns="144000" rIns="91440" bIns="144000" anchor="ctr" anchorCtr="0">
            <a:spAutoFit/>
          </a:bodyPr>
          <a:lstStyle/>
          <a:p>
            <a:pPr algn="ctr">
              <a:spcBef>
                <a:spcPts val="1600"/>
              </a:spcBef>
            </a:pPr>
            <a:r>
              <a:rPr lang="en-AU" sz="2400" b="1">
                <a:solidFill>
                  <a:schemeClr val="tx1">
                    <a:lumMod val="75000"/>
                    <a:lumOff val="25000"/>
                  </a:schemeClr>
                </a:solidFill>
                <a:latin typeface="Open Sans"/>
                <a:ea typeface="Open Sans"/>
                <a:cs typeface="Open Sans"/>
              </a:rPr>
              <a:t>mentalhealthreview@pc.gov.au</a:t>
            </a:r>
            <a:endParaRPr lang="en-AU" sz="2400" b="1">
              <a:solidFill>
                <a:schemeClr val="tx1">
                  <a:lumMod val="75000"/>
                  <a:lumOff val="25000"/>
                </a:schemeClr>
              </a:solidFill>
              <a:latin typeface="Open Sans" panose="020B0606030504020204" pitchFamily="34" charset="0"/>
              <a:ea typeface="Open Sans" panose="020B0606030504020204" pitchFamily="34" charset="0"/>
              <a:cs typeface="Open Sans" panose="020B0606030504020204" pitchFamily="34" charset="0"/>
            </a:endParaRPr>
          </a:p>
        </p:txBody>
      </p:sp>
    </p:spTree>
    <p:custDataLst>
      <p:custData r:id="rId1"/>
      <p:custData r:id="rId2"/>
      <p:tags r:id="rId3"/>
    </p:custDataLst>
    <p:extLst>
      <p:ext uri="{BB962C8B-B14F-4D97-AF65-F5344CB8AC3E}">
        <p14:creationId xmlns:p14="http://schemas.microsoft.com/office/powerpoint/2010/main" val="9297526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4168FB9-4DA7-BF54-F418-AE546E4E9465}"/>
              </a:ext>
            </a:extLst>
          </p:cNvPr>
          <p:cNvSpPr>
            <a:spLocks noGrp="1"/>
          </p:cNvSpPr>
          <p:nvPr>
            <p:ph type="body" sz="quarter" idx="10"/>
          </p:nvPr>
        </p:nvSpPr>
        <p:spPr/>
        <p:txBody>
          <a:bodyPr/>
          <a:lstStyle/>
          <a:p>
            <a:pPr marL="0" indent="0" algn="ctr">
              <a:buNone/>
            </a:pPr>
            <a:r>
              <a:rPr lang="en-US" sz="4200">
                <a:solidFill>
                  <a:srgbClr val="FF0000"/>
                </a:solidFill>
              </a:rPr>
              <a:t>Slides from previous presentations </a:t>
            </a:r>
            <a:br>
              <a:rPr lang="en-US" sz="4200">
                <a:solidFill>
                  <a:srgbClr val="FF0000"/>
                </a:solidFill>
              </a:rPr>
            </a:br>
            <a:r>
              <a:rPr lang="en-US" sz="4200">
                <a:solidFill>
                  <a:srgbClr val="FF0000"/>
                </a:solidFill>
              </a:rPr>
              <a:t>– if needed </a:t>
            </a:r>
            <a:endParaRPr lang="en-AU" sz="4200">
              <a:solidFill>
                <a:srgbClr val="FF0000"/>
              </a:solidFill>
            </a:endParaRPr>
          </a:p>
        </p:txBody>
      </p:sp>
      <p:sp>
        <p:nvSpPr>
          <p:cNvPr id="3" name="Title 2">
            <a:extLst>
              <a:ext uri="{FF2B5EF4-FFF2-40B4-BE49-F238E27FC236}">
                <a16:creationId xmlns:a16="http://schemas.microsoft.com/office/drawing/2014/main" id="{1D3F5B27-641D-1369-33DB-DCC63A81A877}"/>
              </a:ext>
            </a:extLst>
          </p:cNvPr>
          <p:cNvSpPr>
            <a:spLocks noGrp="1"/>
          </p:cNvSpPr>
          <p:nvPr>
            <p:ph type="ctrTitle"/>
          </p:nvPr>
        </p:nvSpPr>
        <p:spPr/>
        <p:txBody>
          <a:bodyPr/>
          <a:lstStyle/>
          <a:p>
            <a:endParaRPr lang="en-AU"/>
          </a:p>
        </p:txBody>
      </p:sp>
      <p:sp>
        <p:nvSpPr>
          <p:cNvPr id="4" name="Subtitle 3">
            <a:extLst>
              <a:ext uri="{FF2B5EF4-FFF2-40B4-BE49-F238E27FC236}">
                <a16:creationId xmlns:a16="http://schemas.microsoft.com/office/drawing/2014/main" id="{BE42F3BF-9B5E-E959-3B05-549165C2EDF7}"/>
              </a:ext>
            </a:extLst>
          </p:cNvPr>
          <p:cNvSpPr>
            <a:spLocks noGrp="1"/>
          </p:cNvSpPr>
          <p:nvPr>
            <p:ph type="subTitle" idx="1"/>
          </p:nvPr>
        </p:nvSpPr>
        <p:spPr/>
        <p:txBody>
          <a:bodyPr/>
          <a:lstStyle/>
          <a:p>
            <a:endParaRPr lang="en-AU"/>
          </a:p>
        </p:txBody>
      </p:sp>
      <p:sp>
        <p:nvSpPr>
          <p:cNvPr id="5" name="Slide Number Placeholder 4">
            <a:extLst>
              <a:ext uri="{FF2B5EF4-FFF2-40B4-BE49-F238E27FC236}">
                <a16:creationId xmlns:a16="http://schemas.microsoft.com/office/drawing/2014/main" id="{2277B232-0678-30B2-E98A-039E9ACF41AB}"/>
              </a:ext>
            </a:extLst>
          </p:cNvPr>
          <p:cNvSpPr>
            <a:spLocks noGrp="1"/>
          </p:cNvSpPr>
          <p:nvPr>
            <p:ph type="sldNum" sz="quarter" idx="4"/>
          </p:nvPr>
        </p:nvSpPr>
        <p:spPr/>
        <p:txBody>
          <a:bodyPr/>
          <a:lstStyle/>
          <a:p>
            <a:fld id="{3FE8A0A5-0893-3B4E-9EB9-FE67329D76D6}" type="slidenum">
              <a:rPr lang="en-US" smtClean="0"/>
              <a:pPr/>
              <a:t>9</a:t>
            </a:fld>
            <a:endParaRPr lang="en-US"/>
          </a:p>
        </p:txBody>
      </p:sp>
    </p:spTree>
    <p:extLst>
      <p:ext uri="{BB962C8B-B14F-4D97-AF65-F5344CB8AC3E}">
        <p14:creationId xmlns:p14="http://schemas.microsoft.com/office/powerpoint/2010/main" val="1127421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46227318089525"/>
</p:tagLst>
</file>

<file path=ppt/tags/tag2.xml><?xml version="1.0" encoding="utf-8"?>
<p:tagLst xmlns:a="http://schemas.openxmlformats.org/drawingml/2006/main" xmlns:r="http://schemas.openxmlformats.org/officeDocument/2006/relationships" xmlns:p="http://schemas.openxmlformats.org/presentationml/2006/main">
  <p:tag name="TEMPLAFYSLIDEID" val="637346227318089525"/>
</p:tagLst>
</file>

<file path=ppt/theme/theme1.xml><?xml version="1.0" encoding="utf-8"?>
<a:theme xmlns:a="http://schemas.openxmlformats.org/drawingml/2006/main" name="Office Theme">
  <a:themeElements>
    <a:clrScheme name="PC 2025">
      <a:dk1>
        <a:srgbClr val="000000"/>
      </a:dk1>
      <a:lt1>
        <a:srgbClr val="FFFFFF"/>
      </a:lt1>
      <a:dk2>
        <a:srgbClr val="2B9AC2"/>
      </a:dk2>
      <a:lt2>
        <a:srgbClr val="265A9A"/>
      </a:lt2>
      <a:accent1>
        <a:srgbClr val="66BCDB"/>
      </a:accent1>
      <a:accent2>
        <a:srgbClr val="8956A3"/>
      </a:accent2>
      <a:accent3>
        <a:srgbClr val="71CBD5"/>
      </a:accent3>
      <a:accent4>
        <a:srgbClr val="90D8F7"/>
      </a:accent4>
      <a:accent5>
        <a:srgbClr val="14315B"/>
      </a:accent5>
      <a:accent6>
        <a:srgbClr val="542972"/>
      </a:accent6>
      <a:hlink>
        <a:srgbClr val="000000"/>
      </a:hlink>
      <a:folHlink>
        <a:srgbClr val="BFBFBF"/>
      </a:folHlink>
    </a:clrScheme>
    <a:fontScheme name="PC font 2025">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lumMod val="20000"/>
            <a:lumOff val="80000"/>
          </a:schemeClr>
        </a:solidFill>
        <a:ln>
          <a:noFill/>
        </a:ln>
      </a:spPr>
      <a:bodyPr rtlCol="0" anchor="ctr"/>
      <a:lstStyle>
        <a:defPPr algn="ctr">
          <a:defRPr/>
        </a:defPPr>
      </a:lstStyle>
      <a:style>
        <a:lnRef idx="2">
          <a:schemeClr val="accent1">
            <a:shade val="15000"/>
          </a:schemeClr>
        </a:lnRef>
        <a:fillRef idx="1">
          <a:schemeClr val="accent1"/>
        </a:fillRef>
        <a:effectRef idx="0">
          <a:schemeClr val="accent1"/>
        </a:effectRef>
        <a:fontRef idx="minor">
          <a:schemeClr val="lt1"/>
        </a:fontRef>
      </a:style>
    </a:spDef>
    <a:lnDef>
      <a:spPr>
        <a:ln>
          <a:solidFill>
            <a:schemeClr val="bg2"/>
          </a:solidFill>
        </a:ln>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8761A18D-8A82-154D-8F46-3D799F6E3D9D}">
  <we:reference id="c112e7c3-664d-4d8c-93c0-1a34f676523c" version="1.0.0.7" store="EXCatalog" storeType="EXCatalog"/>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1177823330710847490","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1177821809514905616","enableDocumentContentUpdater":false,"version":"2.0"}]]></TemplafySlideTemplateConfiguration>
</file>

<file path=customXml/item14.xml><?xml version="1.0" encoding="utf-8"?>
<TemplafySlideTemplateConfiguration><![CDATA[{"slideVersion":1,"isValidatorEnabled":false,"isLocked":false,"elementsMetadata":[],"slideId":"1177821809514905608","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1333031422713921554","enableDocumentContentUpdater":false,"version":"2.0"}]]></TemplafySlideTemplateConfiguration>
</file>

<file path=customXml/item18.xml><?xml version="1.0" encoding="utf-8"?>
<TemplafySlideTemplateConfiguration><![CDATA[{"slideVersion":1,"isValidatorEnabled":false,"isLocked":false,"elementsMetadata":[],"slideId":"1177823339300782080","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p:properties xmlns:p="http://schemas.microsoft.com/office/2006/metadata/properties" xmlns:xsi="http://www.w3.org/2001/XMLSchema-instance" xmlns:pc="http://schemas.microsoft.com/office/infopath/2007/PartnerControls">
  <documentManagement>
    <i0f84bba906045b4af568ee102a52dcb xmlns="3dedea7b-27b6-4a15-82b5-d59966af1777">
      <Terms xmlns="http://schemas.microsoft.com/office/infopath/2007/PartnerControls">
        <TermInfo xmlns="http://schemas.microsoft.com/office/infopath/2007/PartnerControls">
          <TermName xmlns="http://schemas.microsoft.com/office/infopath/2007/PartnerControls">Unclassified</TermName>
          <TermId xmlns="http://schemas.microsoft.com/office/infopath/2007/PartnerControls">3955eeb1-2d18-4582-aeb2-00144ec3aaf5</TermId>
        </TermInfo>
      </Terms>
    </i0f84bba906045b4af568ee102a52dcb>
    <TaxCatchAll xmlns="3dedea7b-27b6-4a15-82b5-d59966af1777">
      <Value>1</Value>
    </TaxCatchAll>
  </documentManagement>
</p:properties>
</file>

<file path=customXml/item20.xml><?xml version="1.0" encoding="utf-8"?>
<TemplafySlideTemplateConfiguration><![CDATA[{"slideVersion":1,"isValidatorEnabled":false,"isLocked":false,"elementsMetadata":[],"slideId":"1177821809514905603","enableDocumentContentUpdater":false,"version":"2.0"}]]></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slideVersion":1,"isValidatorEnabled":false,"isLocked":false,"elementsMetadata":[],"slideId":"1177821809514905603","enableDocumentContentUpdater":false,"version":"2.0"}]]></TemplafySlideTemplateConfiguration>
</file>

<file path=customXml/item23.xml><?xml version="1.0" encoding="utf-8"?>
<TemplafySlideFormConfiguration><![CDATA[{"formFields":[],"formDataEntries":[]}]]></TemplafySlideFormConfiguration>
</file>

<file path=customXml/item24.xml><?xml version="1.0" encoding="utf-8"?>
<TemplafySlideTemplateConfiguration><![CDATA[{"slideVersion":1,"isValidatorEnabled":false,"isLocked":false,"elementsMetadata":[],"slideId":"1177821362838306817","enableDocumentContentUpdater":false,"version":"2.0"}]]></TemplafySlideTemplate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1177821809514905604","enableDocumentContentUpdater":false,"version":"2.0"}]]></TemplafySlideTemplateConfiguration>
</file>

<file path=customXml/item28.xml><?xml version="1.0" encoding="utf-8"?>
<TemplafySlideTemplateConfiguration><![CDATA[{"slideVersion":1,"isValidatorEnabled":false,"isLocked":false,"elementsMetadata":[],"slideId":"1177823330710847493","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1177821362838306817","enableDocumentContentUpdater":false,"version":"2.0"}]]></TemplafySlideTemplateConfiguration>
</file>

<file path=customXml/item32.xml><?xml version="1.0" encoding="utf-8"?>
<TemplafySlideTemplateConfiguration><![CDATA[{"slideVersion":1,"isValidatorEnabled":false,"isLocked":false,"elementsMetadata":[],"slideId":"1177823330710847493","enableDocumentContentUpdater":false,"version":"2.0"}]]></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slideVersion":1,"isValidatorEnabled":false,"isLocked":false,"elementsMetadata":[],"slideId":"1177823330710847493","enableDocumentContentUpdater":false,"version":"2.0"}]]></TemplafySlideTemplateConfiguration>
</file>

<file path=customXml/item35.xml><?xml version="1.0" encoding="utf-8"?>
<TemplafySlideFormConfiguration><![CDATA[{"formFields":[],"formDataEntries":[]}]]></TemplafySlideFormConfiguration>
</file>

<file path=customXml/item36.xml><?xml version="1.0" encoding="utf-8"?>
<TemplafySlideTemplateConfiguration><![CDATA[{"slideVersion":1,"isValidatorEnabled":false,"isLocked":false,"elementsMetadata":[],"slideId":"1177823330710847493","enableDocumentContentUpdater":false,"version":"2.0"}]]></TemplafySlideTemplateConfiguration>
</file>

<file path=customXml/item37.xml><?xml version="1.0" encoding="utf-8"?>
<TemplafySlideFormConfiguration><![CDATA[{"formFields":[],"formDataEntries":[]}]]></TemplafySlideFormConfiguration>
</file>

<file path=customXml/item38.xml><?xml version="1.0" encoding="utf-8"?>
<TemplafySlideTemplateConfiguration><![CDATA[{"slideVersion":1,"isValidatorEnabled":false,"isLocked":false,"elementsMetadata":[],"slideId":"1177823330710847493","enableDocumentContentUpdater":false,"version":"2.0"}]]></TemplafySlideTemplateConfiguration>
</file>

<file path=customXml/item39.xml><?xml version="1.0" encoding="utf-8"?>
<TemplafySlideFormConfiguration><![CDATA[{"formFields":[],"formDataEntries":[]}]]></TemplafySlideFormConfiguration>
</file>

<file path=customXml/item4.xml><?xml version="1.0" encoding="utf-8"?>
<TemplafyFormConfiguration><![CDATA[{"formFields":[],"formDataEntries":[]}]]></TemplafyFormConfiguration>
</file>

<file path=customXml/item40.xml><?xml version="1.0" encoding="utf-8"?>
<TemplafySlideFormConfiguration><![CDATA[{"formFields":[],"formDataEntries":[]}]]></TemplafySlideFormConfiguration>
</file>

<file path=customXml/item41.xml><?xml version="1.0" encoding="utf-8"?>
<TemplafySlideTemplateConfiguration><![CDATA[{"slideVersion":1,"isValidatorEnabled":false,"isLocked":false,"elementsMetadata":[],"slideId":"1177823330710847493","enableDocumentContentUpdater":false,"version":"2.0"}]]></TemplafySlideTemplateConfiguration>
</file>

<file path=customXml/item42.xml><?xml version="1.0" encoding="utf-8"?>
<TemplafySlideTemplateConfiguration><![CDATA[{"slideVersion":1,"isValidatorEnabled":false,"isLocked":false,"elementsMetadata":[],"slideId":"1177821362838306817","enableDocumentContentUpdater":false,"version":"2.0"}]]></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slideVersion":1,"isValidatorEnabled":false,"isLocked":false,"elementsMetadata":[],"slideId":"1177823330710847493","enableDocumentContentUpdater":false,"version":"2.0"}]]></TemplafySlideTemplate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TemplateConfiguration><![CDATA[{"slideVersion":1,"isValidatorEnabled":false,"isLocked":false,"elementsMetadata":[],"slideId":"1177821809514905603","enableDocumentContentUpdater":false,"version":"2.0"}]]></TemplafySlideTemplateConfiguration>
</file>

<file path=customXml/item48.xml><?xml version="1.0" encoding="utf-8"?>
<TemplafySlideTemplateConfiguration><![CDATA[{"slideVersion":1,"isValidatorEnabled":false,"isLocked":false,"elementsMetadata":[],"slideId":"1177823330710847493","enableDocumentContentUpdater":false,"version":"2.0"}]]></TemplafySlideTemplateConfiguration>
</file>

<file path=customXml/item49.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1177823330710847493","enableDocumentContentUpdater":false,"version":"2.0"}]]></TemplafySlideTemplateConfiguration>
</file>

<file path=customXml/item50.xml><?xml version="1.0" encoding="utf-8"?>
<TemplafySlideFormConfiguration><![CDATA[{"formFields":[],"formDataEntries":[]}]]></TemplafySlideFormConfiguration>
</file>

<file path=customXml/item51.xml><?xml version="1.0" encoding="utf-8"?>
<TemplafySlideTemplateConfiguration><![CDATA[{"slideVersion":1,"isValidatorEnabled":false,"isLocked":false,"elementsMetadata":[],"slideId":"1177823330710847493","enableDocumentContentUpdater":false,"version":"2.0"}]]></TemplafySlideTemplateConfiguration>
</file>

<file path=customXml/item52.xml><?xml version="1.0" encoding="utf-8"?>
<TemplafySlideFormConfiguration><![CDATA[{"formFields":[],"formDataEntries":[]}]]></TemplafySlideFormConfiguration>
</file>

<file path=customXml/item53.xml><?xml version="1.0" encoding="utf-8"?>
<TemplafySlideTemplateConfiguration><![CDATA[{"slideVersion":1,"isValidatorEnabled":false,"isLocked":false,"elementsMetadata":[],"slideId":"1177823330710847495","enableDocumentContentUpdater":false,"version":"2.0"}]]></TemplafySlideTemplateConfiguration>
</file>

<file path=customXml/item54.xml><?xml version="1.0" encoding="utf-8"?>
<TemplafySlideFormConfiguration><![CDATA[{"formFields":[],"formDataEntries":[]}]]></TemplafySlideFormConfiguration>
</file>

<file path=customXml/item55.xml><?xml version="1.0" encoding="utf-8"?>
<TemplafySlideTemplateConfiguration><![CDATA[{"slideVersion":1,"isValidatorEnabled":false,"isLocked":false,"elementsMetadata":[],"slideId":"1177823330710847500","enableDocumentContentUpdater":false,"version":"2.0"}]]></TemplafySlideTemplateConfiguration>
</file>

<file path=customXml/item56.xml><?xml version="1.0" encoding="utf-8"?>
<TemplafySlideTemplateConfiguration><![CDATA[{"slideVersion":1,"isValidatorEnabled":false,"isLocked":false,"elementsMetadata":[],"slideId":"1177821809514905616","enableDocumentContentUpdater":false,"version":"2.0"}]]></TemplafySlideTemplateConfiguration>
</file>

<file path=customXml/item57.xml><?xml version="1.0" encoding="utf-8"?>
<TemplafySlideFormConfiguration><![CDATA[{"formFields":[],"formDataEntries":[]}]]></TemplafySlideFormConfiguration>
</file>

<file path=customXml/item6.xml><?xml version="1.0" encoding="utf-8"?>
<TemplafyTemplateConfiguration><![CDATA[{"elementsMetadata":[],"transformationConfigurations":[],"templateName":"PC presentation","templateDescription":"Includes slide examples (e.g., figures, infographics, quotes)","enableDocumentContentUpdater":false,"version":"2.0"}]]></TemplafyTemplate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DA1BCBEF312711479ADEF6B7B1103881" ma:contentTypeVersion="12" ma:contentTypeDescription="Create a new document." ma:contentTypeScope="" ma:versionID="e5a4f3248f1e29302464819c82d1e5ac">
  <xsd:schema xmlns:xsd="http://www.w3.org/2001/XMLSchema" xmlns:xs="http://www.w3.org/2001/XMLSchema" xmlns:p="http://schemas.microsoft.com/office/2006/metadata/properties" xmlns:ns2="3dedea7b-27b6-4a15-82b5-d59966af1777" xmlns:ns3="420bf62e-0c8b-404a-9d6b-1b09874336e9" targetNamespace="http://schemas.microsoft.com/office/2006/metadata/properties" ma:root="true" ma:fieldsID="463f6eeda98a0f878f8524f780024cd7" ns2:_="" ns3:_="">
    <xsd:import namespace="3dedea7b-27b6-4a15-82b5-d59966af1777"/>
    <xsd:import namespace="420bf62e-0c8b-404a-9d6b-1b09874336e9"/>
    <xsd:element name="properties">
      <xsd:complexType>
        <xsd:sequence>
          <xsd:element name="documentManagement">
            <xsd:complexType>
              <xsd:all>
                <xsd:element ref="ns2:i0f84bba906045b4af568ee102a52dcb" minOccurs="0"/>
                <xsd:element ref="ns2:TaxCatchAll" minOccurs="0"/>
                <xsd:element ref="ns3:MediaServiceMetadata" minOccurs="0"/>
                <xsd:element ref="ns3:MediaServiceFastMetadata" minOccurs="0"/>
                <xsd:element ref="ns3:MediaServiceSearchProperties" minOccurs="0"/>
                <xsd:element ref="ns3:MediaServiceObjectDetectorVersions" minOccurs="0"/>
                <xsd:element ref="ns3:MediaServiceBillingMetadata" minOccurs="0"/>
                <xsd:element ref="ns3:MediaServiceDateTaken" minOccurs="0"/>
                <xsd:element ref="ns3:MediaServiceGenerationTime" minOccurs="0"/>
                <xsd:element ref="ns3:MediaServiceEventHashCode"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dedea7b-27b6-4a15-82b5-d59966af1777" elementFormDefault="qualified">
    <xsd:import namespace="http://schemas.microsoft.com/office/2006/documentManagement/types"/>
    <xsd:import namespace="http://schemas.microsoft.com/office/infopath/2007/PartnerControls"/>
    <xsd:element name="i0f84bba906045b4af568ee102a52dcb" ma:index="9" nillable="true" ma:taxonomy="true" ma:internalName="i0f84bba906045b4af568ee102a52dcb" ma:taxonomyFieldName="RevIMBCS" ma:displayName="Record" ma:indexed="true" ma:default="1;#Unclassified|3955eeb1-2d18-4582-aeb2-00144ec3aaf5" ma:fieldId="{20f84bba-9060-45b4-af56-8ee102a52dcb}" ma:sspId="9e7832e3-0c1d-4697-8be2-0d137dca2da6" ma:termSetId="3c672b5e-1100-4960-a8a3-535520ee1155" ma:anchorId="00000000-0000-0000-0000-000000000000" ma:open="false" ma:isKeyword="false">
      <xsd:complexType>
        <xsd:sequence>
          <xsd:element ref="pc:Terms" minOccurs="0" maxOccurs="1"/>
        </xsd:sequence>
      </xsd:complexType>
    </xsd:element>
    <xsd:element name="TaxCatchAll" ma:index="10" nillable="true" ma:displayName="Taxonomy Catch All Column" ma:hidden="true" ma:list="{deb411c1-e247-49e6-a8ed-4303c9583bd9}" ma:internalName="TaxCatchAll" ma:showField="CatchAllData" ma:web="3dedea7b-27b6-4a15-82b5-d59966af1777">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420bf62e-0c8b-404a-9d6b-1b09874336e9"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MediaServiceObjectDetectorVersions" ma:index="14" nillable="true" ma:displayName="MediaServiceObjectDetectorVersions" ma:hidden="true" ma:indexed="true" ma:internalName="MediaServiceObjectDetectorVersions" ma:readOnly="true">
      <xsd:simpleType>
        <xsd:restriction base="dms:Text"/>
      </xsd:simpleType>
    </xsd:element>
    <xsd:element name="MediaServiceBillingMetadata" ma:index="15" nillable="true" ma:displayName="MediaServiceBillingMetadata" ma:hidden="true" ma:internalName="MediaServiceBillingMetadata" ma:readOnly="true">
      <xsd:simpleType>
        <xsd:restriction base="dms:Note"/>
      </xsd:simpleType>
    </xsd:element>
    <xsd:element name="MediaServiceDateTaken" ma:index="16" nillable="true" ma:displayName="MediaServiceDateTaken" ma:hidden="true" ma:indexed="true" ma:internalName="MediaServiceDateTake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LengthInSeconds" ma:index="19" nillable="true" ma:displayName="MediaLengthInSeconds" ma:hidden="true"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SlideTemplateConfiguration><![CDATA[{"slideVersion":1,"isValidatorEnabled":false,"isLocked":false,"elementsMetadata":[],"slideId":"1177821362838306817","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06FF1CA1-19DB-41C6-AE79-B2BADA59CA31}">
  <ds:schemaRefs/>
</ds:datastoreItem>
</file>

<file path=customXml/itemProps10.xml><?xml version="1.0" encoding="utf-8"?>
<ds:datastoreItem xmlns:ds="http://schemas.openxmlformats.org/officeDocument/2006/customXml" ds:itemID="{F61C2551-B8A4-45D0-BA1D-EDE2CBD8AA1A}">
  <ds:schemaRefs/>
</ds:datastoreItem>
</file>

<file path=customXml/itemProps11.xml><?xml version="1.0" encoding="utf-8"?>
<ds:datastoreItem xmlns:ds="http://schemas.openxmlformats.org/officeDocument/2006/customXml" ds:itemID="{BFF3D7EF-6BE5-4189-B2A9-3BB0BC4E3134}">
  <ds:schemaRefs/>
</ds:datastoreItem>
</file>

<file path=customXml/itemProps12.xml><?xml version="1.0" encoding="utf-8"?>
<ds:datastoreItem xmlns:ds="http://schemas.openxmlformats.org/officeDocument/2006/customXml" ds:itemID="{CA05349D-5ADA-4494-936D-FA53ED9D1738}">
  <ds:schemaRefs/>
</ds:datastoreItem>
</file>

<file path=customXml/itemProps13.xml><?xml version="1.0" encoding="utf-8"?>
<ds:datastoreItem xmlns:ds="http://schemas.openxmlformats.org/officeDocument/2006/customXml" ds:itemID="{FB276BED-BDDE-4672-A18F-D444002E69DA}">
  <ds:schemaRefs/>
</ds:datastoreItem>
</file>

<file path=customXml/itemProps14.xml><?xml version="1.0" encoding="utf-8"?>
<ds:datastoreItem xmlns:ds="http://schemas.openxmlformats.org/officeDocument/2006/customXml" ds:itemID="{5A311815-46A6-4AEF-95A0-C7FE646F0F1A}">
  <ds:schemaRefs/>
</ds:datastoreItem>
</file>

<file path=customXml/itemProps15.xml><?xml version="1.0" encoding="utf-8"?>
<ds:datastoreItem xmlns:ds="http://schemas.openxmlformats.org/officeDocument/2006/customXml" ds:itemID="{014CF4ED-BBF8-4E70-83D6-67A5D30529EB}">
  <ds:schemaRefs/>
</ds:datastoreItem>
</file>

<file path=customXml/itemProps16.xml><?xml version="1.0" encoding="utf-8"?>
<ds:datastoreItem xmlns:ds="http://schemas.openxmlformats.org/officeDocument/2006/customXml" ds:itemID="{89F776CE-8C2C-4228-BBEF-EE787673C7AC}">
  <ds:schemaRefs/>
</ds:datastoreItem>
</file>

<file path=customXml/itemProps17.xml><?xml version="1.0" encoding="utf-8"?>
<ds:datastoreItem xmlns:ds="http://schemas.openxmlformats.org/officeDocument/2006/customXml" ds:itemID="{6BF6CC76-BE63-4530-B58D-02AC525FC8EF}">
  <ds:schemaRefs/>
</ds:datastoreItem>
</file>

<file path=customXml/itemProps18.xml><?xml version="1.0" encoding="utf-8"?>
<ds:datastoreItem xmlns:ds="http://schemas.openxmlformats.org/officeDocument/2006/customXml" ds:itemID="{3515B20C-EF70-437E-9A25-0EC6DF3A0F2B}">
  <ds:schemaRefs/>
</ds:datastoreItem>
</file>

<file path=customXml/itemProps19.xml><?xml version="1.0" encoding="utf-8"?>
<ds:datastoreItem xmlns:ds="http://schemas.openxmlformats.org/officeDocument/2006/customXml" ds:itemID="{D7477FE6-2A78-418A-A30E-4022C6EC32BD}">
  <ds:schemaRefs/>
</ds:datastoreItem>
</file>

<file path=customXml/itemProps2.xml><?xml version="1.0" encoding="utf-8"?>
<ds:datastoreItem xmlns:ds="http://schemas.openxmlformats.org/officeDocument/2006/customXml" ds:itemID="{26AE0E15-4C1B-48A6-ACD5-5E145CD62542}">
  <ds:schemaRefs>
    <ds:schemaRef ds:uri="http://purl.org/dc/dcmitype/"/>
    <ds:schemaRef ds:uri="http://purl.org/dc/elements/1.1/"/>
    <ds:schemaRef ds:uri="3dedea7b-27b6-4a15-82b5-d59966af1777"/>
    <ds:schemaRef ds:uri="http://schemas.microsoft.com/office/2006/documentManagement/types"/>
    <ds:schemaRef ds:uri="http://purl.org/dc/terms/"/>
    <ds:schemaRef ds:uri="http://schemas.microsoft.com/office/2006/metadata/properties"/>
    <ds:schemaRef ds:uri="http://schemas.microsoft.com/office/infopath/2007/PartnerControls"/>
    <ds:schemaRef ds:uri="http://schemas.openxmlformats.org/package/2006/metadata/core-properties"/>
    <ds:schemaRef ds:uri="420bf62e-0c8b-404a-9d6b-1b09874336e9"/>
    <ds:schemaRef ds:uri="http://www.w3.org/XML/1998/namespace"/>
  </ds:schemaRefs>
</ds:datastoreItem>
</file>

<file path=customXml/itemProps20.xml><?xml version="1.0" encoding="utf-8"?>
<ds:datastoreItem xmlns:ds="http://schemas.openxmlformats.org/officeDocument/2006/customXml" ds:itemID="{6677ACCD-27A5-4843-9351-88FB9037C8B2}">
  <ds:schemaRefs/>
</ds:datastoreItem>
</file>

<file path=customXml/itemProps21.xml><?xml version="1.0" encoding="utf-8"?>
<ds:datastoreItem xmlns:ds="http://schemas.openxmlformats.org/officeDocument/2006/customXml" ds:itemID="{79E194B7-CBF0-4580-918B-9EECD9E00512}">
  <ds:schemaRefs/>
</ds:datastoreItem>
</file>

<file path=customXml/itemProps22.xml><?xml version="1.0" encoding="utf-8"?>
<ds:datastoreItem xmlns:ds="http://schemas.openxmlformats.org/officeDocument/2006/customXml" ds:itemID="{F8237C2C-97B4-4D84-A675-0ED921230886}">
  <ds:schemaRefs/>
</ds:datastoreItem>
</file>

<file path=customXml/itemProps23.xml><?xml version="1.0" encoding="utf-8"?>
<ds:datastoreItem xmlns:ds="http://schemas.openxmlformats.org/officeDocument/2006/customXml" ds:itemID="{6A2C4EFB-4C99-44AA-B893-C899B2A61CF7}">
  <ds:schemaRefs/>
</ds:datastoreItem>
</file>

<file path=customXml/itemProps24.xml><?xml version="1.0" encoding="utf-8"?>
<ds:datastoreItem xmlns:ds="http://schemas.openxmlformats.org/officeDocument/2006/customXml" ds:itemID="{FA077E3F-ED42-4760-B3AA-D6B13B61F241}">
  <ds:schemaRefs/>
</ds:datastoreItem>
</file>

<file path=customXml/itemProps25.xml><?xml version="1.0" encoding="utf-8"?>
<ds:datastoreItem xmlns:ds="http://schemas.openxmlformats.org/officeDocument/2006/customXml" ds:itemID="{04A99871-305D-4787-A908-B6BF5B0D9356}">
  <ds:schemaRefs/>
</ds:datastoreItem>
</file>

<file path=customXml/itemProps26.xml><?xml version="1.0" encoding="utf-8"?>
<ds:datastoreItem xmlns:ds="http://schemas.openxmlformats.org/officeDocument/2006/customXml" ds:itemID="{B7B0FB5A-11BB-4B76-A897-D48E66FD6055}">
  <ds:schemaRefs/>
</ds:datastoreItem>
</file>

<file path=customXml/itemProps27.xml><?xml version="1.0" encoding="utf-8"?>
<ds:datastoreItem xmlns:ds="http://schemas.openxmlformats.org/officeDocument/2006/customXml" ds:itemID="{D90BF97A-4E3D-4179-8F5D-80570572908F}">
  <ds:schemaRefs/>
</ds:datastoreItem>
</file>

<file path=customXml/itemProps28.xml><?xml version="1.0" encoding="utf-8"?>
<ds:datastoreItem xmlns:ds="http://schemas.openxmlformats.org/officeDocument/2006/customXml" ds:itemID="{AB8F7642-A776-4E6A-805B-25CDEA904DAF}">
  <ds:schemaRefs/>
</ds:datastoreItem>
</file>

<file path=customXml/itemProps29.xml><?xml version="1.0" encoding="utf-8"?>
<ds:datastoreItem xmlns:ds="http://schemas.openxmlformats.org/officeDocument/2006/customXml" ds:itemID="{9ECF60C9-27C2-449C-A0D2-B83CCDC6C4F6}">
  <ds:schemaRefs/>
</ds:datastoreItem>
</file>

<file path=customXml/itemProps3.xml><?xml version="1.0" encoding="utf-8"?>
<ds:datastoreItem xmlns:ds="http://schemas.openxmlformats.org/officeDocument/2006/customXml" ds:itemID="{BF09A761-9C24-4FE0-B585-96743806EAAA}">
  <ds:schemaRefs>
    <ds:schemaRef ds:uri="http://schemas.microsoft.com/sharepoint/v3/contenttype/forms"/>
  </ds:schemaRefs>
</ds:datastoreItem>
</file>

<file path=customXml/itemProps30.xml><?xml version="1.0" encoding="utf-8"?>
<ds:datastoreItem xmlns:ds="http://schemas.openxmlformats.org/officeDocument/2006/customXml" ds:itemID="{D4CEE3C2-524A-4192-B7DD-C8463EEF7338}">
  <ds:schemaRefs/>
</ds:datastoreItem>
</file>

<file path=customXml/itemProps31.xml><?xml version="1.0" encoding="utf-8"?>
<ds:datastoreItem xmlns:ds="http://schemas.openxmlformats.org/officeDocument/2006/customXml" ds:itemID="{A1D3D843-DBE8-4781-B928-F1F26219834D}">
  <ds:schemaRefs/>
</ds:datastoreItem>
</file>

<file path=customXml/itemProps32.xml><?xml version="1.0" encoding="utf-8"?>
<ds:datastoreItem xmlns:ds="http://schemas.openxmlformats.org/officeDocument/2006/customXml" ds:itemID="{3971704B-1775-4846-9B54-496060CFC5E6}">
  <ds:schemaRefs/>
</ds:datastoreItem>
</file>

<file path=customXml/itemProps33.xml><?xml version="1.0" encoding="utf-8"?>
<ds:datastoreItem xmlns:ds="http://schemas.openxmlformats.org/officeDocument/2006/customXml" ds:itemID="{A3A4BE38-48DF-4B43-9157-3FD545124AA1}">
  <ds:schemaRefs/>
</ds:datastoreItem>
</file>

<file path=customXml/itemProps34.xml><?xml version="1.0" encoding="utf-8"?>
<ds:datastoreItem xmlns:ds="http://schemas.openxmlformats.org/officeDocument/2006/customXml" ds:itemID="{96E11C10-A4EA-4E35-AFFB-4EBBCDB4203A}">
  <ds:schemaRefs/>
</ds:datastoreItem>
</file>

<file path=customXml/itemProps35.xml><?xml version="1.0" encoding="utf-8"?>
<ds:datastoreItem xmlns:ds="http://schemas.openxmlformats.org/officeDocument/2006/customXml" ds:itemID="{27C6B8A8-A640-447D-A87E-BB7B4BB1588A}">
  <ds:schemaRefs/>
</ds:datastoreItem>
</file>

<file path=customXml/itemProps36.xml><?xml version="1.0" encoding="utf-8"?>
<ds:datastoreItem xmlns:ds="http://schemas.openxmlformats.org/officeDocument/2006/customXml" ds:itemID="{F7356248-79A1-4326-97B9-90B921EE0D27}">
  <ds:schemaRefs/>
</ds:datastoreItem>
</file>

<file path=customXml/itemProps37.xml><?xml version="1.0" encoding="utf-8"?>
<ds:datastoreItem xmlns:ds="http://schemas.openxmlformats.org/officeDocument/2006/customXml" ds:itemID="{80AE2734-AB02-42A4-8704-95E276C9A978}">
  <ds:schemaRefs/>
</ds:datastoreItem>
</file>

<file path=customXml/itemProps38.xml><?xml version="1.0" encoding="utf-8"?>
<ds:datastoreItem xmlns:ds="http://schemas.openxmlformats.org/officeDocument/2006/customXml" ds:itemID="{B2DA29A3-1EDA-4BA9-B271-3E0C87BECC06}">
  <ds:schemaRefs/>
</ds:datastoreItem>
</file>

<file path=customXml/itemProps39.xml><?xml version="1.0" encoding="utf-8"?>
<ds:datastoreItem xmlns:ds="http://schemas.openxmlformats.org/officeDocument/2006/customXml" ds:itemID="{9F6A5FBA-E42D-4984-9FF8-740D0F21A6CB}">
  <ds:schemaRefs/>
</ds:datastoreItem>
</file>

<file path=customXml/itemProps4.xml><?xml version="1.0" encoding="utf-8"?>
<ds:datastoreItem xmlns:ds="http://schemas.openxmlformats.org/officeDocument/2006/customXml" ds:itemID="{ADD12259-AC83-485F-A156-7FD6C9B3A162}">
  <ds:schemaRefs/>
</ds:datastoreItem>
</file>

<file path=customXml/itemProps40.xml><?xml version="1.0" encoding="utf-8"?>
<ds:datastoreItem xmlns:ds="http://schemas.openxmlformats.org/officeDocument/2006/customXml" ds:itemID="{FB496C7A-5B0F-4DB7-AFC4-B372F9016DB2}">
  <ds:schemaRefs/>
</ds:datastoreItem>
</file>

<file path=customXml/itemProps41.xml><?xml version="1.0" encoding="utf-8"?>
<ds:datastoreItem xmlns:ds="http://schemas.openxmlformats.org/officeDocument/2006/customXml" ds:itemID="{0AED5AA4-A85F-4AA3-86C0-E9D0516BA47B}">
  <ds:schemaRefs/>
</ds:datastoreItem>
</file>

<file path=customXml/itemProps42.xml><?xml version="1.0" encoding="utf-8"?>
<ds:datastoreItem xmlns:ds="http://schemas.openxmlformats.org/officeDocument/2006/customXml" ds:itemID="{EF160FDA-02E1-454B-90BE-6AF34EDBF5EA}">
  <ds:schemaRefs/>
</ds:datastoreItem>
</file>

<file path=customXml/itemProps43.xml><?xml version="1.0" encoding="utf-8"?>
<ds:datastoreItem xmlns:ds="http://schemas.openxmlformats.org/officeDocument/2006/customXml" ds:itemID="{661A80A3-DBFC-4C77-83ED-9B65D9D6F151}">
  <ds:schemaRefs/>
</ds:datastoreItem>
</file>

<file path=customXml/itemProps44.xml><?xml version="1.0" encoding="utf-8"?>
<ds:datastoreItem xmlns:ds="http://schemas.openxmlformats.org/officeDocument/2006/customXml" ds:itemID="{D4A3F9C4-AF45-45E4-8F9E-334042B959EF}">
  <ds:schemaRefs/>
</ds:datastoreItem>
</file>

<file path=customXml/itemProps45.xml><?xml version="1.0" encoding="utf-8"?>
<ds:datastoreItem xmlns:ds="http://schemas.openxmlformats.org/officeDocument/2006/customXml" ds:itemID="{8883472F-8417-48D6-A4B3-4D873EC75237}">
  <ds:schemaRefs/>
</ds:datastoreItem>
</file>

<file path=customXml/itemProps46.xml><?xml version="1.0" encoding="utf-8"?>
<ds:datastoreItem xmlns:ds="http://schemas.openxmlformats.org/officeDocument/2006/customXml" ds:itemID="{8E405BD0-ED5E-460F-A91B-AB73CB7C915D}">
  <ds:schemaRefs/>
</ds:datastoreItem>
</file>

<file path=customXml/itemProps47.xml><?xml version="1.0" encoding="utf-8"?>
<ds:datastoreItem xmlns:ds="http://schemas.openxmlformats.org/officeDocument/2006/customXml" ds:itemID="{BA5FB780-3CF2-48D7-8023-400018C31FEB}">
  <ds:schemaRefs/>
</ds:datastoreItem>
</file>

<file path=customXml/itemProps48.xml><?xml version="1.0" encoding="utf-8"?>
<ds:datastoreItem xmlns:ds="http://schemas.openxmlformats.org/officeDocument/2006/customXml" ds:itemID="{AFE09A50-FCF0-4F98-A2C5-C2B35212A4AB}">
  <ds:schemaRefs/>
</ds:datastoreItem>
</file>

<file path=customXml/itemProps49.xml><?xml version="1.0" encoding="utf-8"?>
<ds:datastoreItem xmlns:ds="http://schemas.openxmlformats.org/officeDocument/2006/customXml" ds:itemID="{AF51B354-9367-43F5-8A3C-90555E2DE4F6}">
  <ds:schemaRefs/>
</ds:datastoreItem>
</file>

<file path=customXml/itemProps5.xml><?xml version="1.0" encoding="utf-8"?>
<ds:datastoreItem xmlns:ds="http://schemas.openxmlformats.org/officeDocument/2006/customXml" ds:itemID="{A55A1D60-C207-4A9B-AD66-A199BC5FC4AB}">
  <ds:schemaRefs/>
</ds:datastoreItem>
</file>

<file path=customXml/itemProps50.xml><?xml version="1.0" encoding="utf-8"?>
<ds:datastoreItem xmlns:ds="http://schemas.openxmlformats.org/officeDocument/2006/customXml" ds:itemID="{B2651879-3520-4878-8DC0-7EADB04AD8BD}">
  <ds:schemaRefs/>
</ds:datastoreItem>
</file>

<file path=customXml/itemProps51.xml><?xml version="1.0" encoding="utf-8"?>
<ds:datastoreItem xmlns:ds="http://schemas.openxmlformats.org/officeDocument/2006/customXml" ds:itemID="{42945E40-C00A-4C53-8EA5-593B09175D34}">
  <ds:schemaRefs/>
</ds:datastoreItem>
</file>

<file path=customXml/itemProps52.xml><?xml version="1.0" encoding="utf-8"?>
<ds:datastoreItem xmlns:ds="http://schemas.openxmlformats.org/officeDocument/2006/customXml" ds:itemID="{C9A9BE1C-AFDF-437B-A66B-0C0329F754F1}">
  <ds:schemaRefs/>
</ds:datastoreItem>
</file>

<file path=customXml/itemProps53.xml><?xml version="1.0" encoding="utf-8"?>
<ds:datastoreItem xmlns:ds="http://schemas.openxmlformats.org/officeDocument/2006/customXml" ds:itemID="{48D0D42F-9E87-46C0-AA69-B40328099774}">
  <ds:schemaRefs/>
</ds:datastoreItem>
</file>

<file path=customXml/itemProps54.xml><?xml version="1.0" encoding="utf-8"?>
<ds:datastoreItem xmlns:ds="http://schemas.openxmlformats.org/officeDocument/2006/customXml" ds:itemID="{5D0B220E-D7B4-4AC7-BA89-51536784FF77}">
  <ds:schemaRefs/>
</ds:datastoreItem>
</file>

<file path=customXml/itemProps55.xml><?xml version="1.0" encoding="utf-8"?>
<ds:datastoreItem xmlns:ds="http://schemas.openxmlformats.org/officeDocument/2006/customXml" ds:itemID="{3C325494-00A6-4463-8CBF-D55B284B1367}">
  <ds:schemaRefs/>
</ds:datastoreItem>
</file>

<file path=customXml/itemProps56.xml><?xml version="1.0" encoding="utf-8"?>
<ds:datastoreItem xmlns:ds="http://schemas.openxmlformats.org/officeDocument/2006/customXml" ds:itemID="{4C4FD14C-588C-4586-B7FD-729E7A7E283F}">
  <ds:schemaRefs/>
</ds:datastoreItem>
</file>

<file path=customXml/itemProps57.xml><?xml version="1.0" encoding="utf-8"?>
<ds:datastoreItem xmlns:ds="http://schemas.openxmlformats.org/officeDocument/2006/customXml" ds:itemID="{221E1432-B3BA-407B-B8EB-C528F5AC90A0}">
  <ds:schemaRefs/>
</ds:datastoreItem>
</file>

<file path=customXml/itemProps6.xml><?xml version="1.0" encoding="utf-8"?>
<ds:datastoreItem xmlns:ds="http://schemas.openxmlformats.org/officeDocument/2006/customXml" ds:itemID="{EBB24CF3-7D98-4521-9F98-FB2F968814F2}">
  <ds:schemaRefs/>
</ds:datastoreItem>
</file>

<file path=customXml/itemProps7.xml><?xml version="1.0" encoding="utf-8"?>
<ds:datastoreItem xmlns:ds="http://schemas.openxmlformats.org/officeDocument/2006/customXml" ds:itemID="{319A9352-FE92-4CEB-A9C9-D7133D50ABF3}"/>
</file>

<file path=customXml/itemProps8.xml><?xml version="1.0" encoding="utf-8"?>
<ds:datastoreItem xmlns:ds="http://schemas.openxmlformats.org/officeDocument/2006/customXml" ds:itemID="{746040BE-E152-451A-A6BC-EBF9EE76572D}">
  <ds:schemaRefs/>
</ds:datastoreItem>
</file>

<file path=customXml/itemProps9.xml><?xml version="1.0" encoding="utf-8"?>
<ds:datastoreItem xmlns:ds="http://schemas.openxmlformats.org/officeDocument/2006/customXml" ds:itemID="{AA58581D-0F94-4D99-82D5-939C6E776CBE}">
  <ds:schemaRefs/>
</ds:datastoreItem>
</file>

<file path=docProps/app.xml><?xml version="1.0" encoding="utf-8"?>
<Properties xmlns="http://schemas.openxmlformats.org/officeDocument/2006/extended-properties" xmlns:vt="http://schemas.openxmlformats.org/officeDocument/2006/docPropsVTypes">
  <TotalTime>0</TotalTime>
  <Words>3490</Words>
  <Application>Microsoft Office PowerPoint</Application>
  <PresentationFormat>Widescreen</PresentationFormat>
  <Paragraphs>447</Paragraphs>
  <Slides>45</Slides>
  <Notes>2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45</vt:i4>
      </vt:variant>
    </vt:vector>
  </HeadingPairs>
  <TitlesOfParts>
    <vt:vector size="53" baseType="lpstr">
      <vt:lpstr>Aptos</vt:lpstr>
      <vt:lpstr>Arial</vt:lpstr>
      <vt:lpstr>Arial Black</vt:lpstr>
      <vt:lpstr>Open Sans</vt:lpstr>
      <vt:lpstr>Open Sans Semibold</vt:lpstr>
      <vt:lpstr>Times New Roman</vt:lpstr>
      <vt:lpstr>Wingdings</vt:lpstr>
      <vt:lpstr>Office Theme</vt:lpstr>
      <vt:lpstr>Review of the National Mental Health and Suicide Prevention Agreement</vt:lpstr>
      <vt:lpstr>PowerPoint Presentation</vt:lpstr>
      <vt:lpstr>The PC review</vt:lpstr>
      <vt:lpstr>The National Mental Health and Suicide Prevention Agreement  aims to achieve significant outcomes</vt:lpstr>
      <vt:lpstr>But it has not delivered on its objectives</vt:lpstr>
      <vt:lpstr>The PC made recommendations for immediate action and longer-term reform</vt:lpstr>
      <vt:lpstr>Some progress has been made since our report</vt:lpstr>
      <vt:lpstr>PowerPoint Presentation</vt:lpstr>
      <vt:lpstr>PowerPoint Presentation</vt:lpstr>
      <vt:lpstr>The National Mental Health and Suicide Prevention Agreement</vt:lpstr>
      <vt:lpstr>The Agreement is one part of the mental health and suicide prevention policy landscape</vt:lpstr>
      <vt:lpstr>PowerPoint Presentation</vt:lpstr>
      <vt:lpstr>Governments agreed to an ambitious set of tasks</vt:lpstr>
      <vt:lpstr>Inquiry process</vt:lpstr>
      <vt:lpstr>Engagement and Consultation</vt:lpstr>
      <vt:lpstr>What we heard</vt:lpstr>
      <vt:lpstr>Reflections from consumers and carers</vt:lpstr>
      <vt:lpstr>The mental health and suicide prevention system is not meeting community need </vt:lpstr>
      <vt:lpstr>Suicide rates have not improved over a 10-year period </vt:lpstr>
      <vt:lpstr>What has the Agreement achieved?</vt:lpstr>
      <vt:lpstr>Assessing progress is a complex task</vt:lpstr>
      <vt:lpstr>Most national outputs have been delivered</vt:lpstr>
      <vt:lpstr>Key commitments have not been fulfilled</vt:lpstr>
      <vt:lpstr>Why has the Agreement lacked effectiveness?</vt:lpstr>
      <vt:lpstr>Key barriers to effectiveness</vt:lpstr>
      <vt:lpstr>The Agreement has not been set up for success</vt:lpstr>
      <vt:lpstr>There was inadequate inclusion of people with lived and living experience</vt:lpstr>
      <vt:lpstr>Governance arrangements were ineffective</vt:lpstr>
      <vt:lpstr>The Agreement did not support key reform enablers  </vt:lpstr>
      <vt:lpstr>Where to next?</vt:lpstr>
      <vt:lpstr>An extended timeframe</vt:lpstr>
      <vt:lpstr>A new Mental Health Declaration </vt:lpstr>
      <vt:lpstr>A cohesive approach to reform </vt:lpstr>
      <vt:lpstr>Greater role for lived and living experience in the agreement </vt:lpstr>
      <vt:lpstr>PowerPoint Presentation</vt:lpstr>
      <vt:lpstr>Strengthening accountability and reporting</vt:lpstr>
      <vt:lpstr>Flexible funding is needed </vt:lpstr>
      <vt:lpstr>Carers and families in the next agreement</vt:lpstr>
      <vt:lpstr>Support the workforce to improve consumer outcomes</vt:lpstr>
      <vt:lpstr>An Aboriginal and Torres Strait Islander services schedule</vt:lpstr>
      <vt:lpstr> A suicide prevention schedule</vt:lpstr>
      <vt:lpstr>An alcohol and other drugs schedule</vt:lpstr>
      <vt:lpstr>Next steps</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Katharine Hagan</dc:creator>
  <cp:lastModifiedBy>Michelle Cross</cp:lastModifiedBy>
  <cp:revision>1</cp:revision>
  <dcterms:created xsi:type="dcterms:W3CDTF">2025-05-22T05:32:07Z</dcterms:created>
  <dcterms:modified xsi:type="dcterms:W3CDTF">2026-05-21T12:06: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ediaServiceImageTags">
    <vt:lpwstr/>
  </property>
  <property fmtid="{D5CDD505-2E9C-101B-9397-08002B2CF9AE}" pid="3" name="ContentTypeId">
    <vt:lpwstr>0x010100DA1BCBEF312711479ADEF6B7B1103881</vt:lpwstr>
  </property>
  <property fmtid="{D5CDD505-2E9C-101B-9397-08002B2CF9AE}" pid="4" name="_dlc_DocIdItemGuid">
    <vt:lpwstr>07851fe1-e447-4f6c-82cc-f5250c169e07</vt:lpwstr>
  </property>
  <property fmtid="{D5CDD505-2E9C-101B-9397-08002B2CF9AE}" pid="5" name="RevIMBCS">
    <vt:lpwstr>1;#Unclassified|3955eeb1-2d18-4582-aeb2-00144ec3aaf5</vt:lpwstr>
  </property>
  <property fmtid="{D5CDD505-2E9C-101B-9397-08002B2CF9AE}" pid="6" name="TemplafyTimeStamp">
    <vt:lpwstr>2025-05-06T23:58:02</vt:lpwstr>
  </property>
  <property fmtid="{D5CDD505-2E9C-101B-9397-08002B2CF9AE}" pid="7" name="TemplafyTenantId">
    <vt:lpwstr>productivitycommission</vt:lpwstr>
  </property>
  <property fmtid="{D5CDD505-2E9C-101B-9397-08002B2CF9AE}" pid="8" name="TemplafyTemplateId">
    <vt:lpwstr>637346227306915557</vt:lpwstr>
  </property>
  <property fmtid="{D5CDD505-2E9C-101B-9397-08002B2CF9AE}" pid="9" name="TemplafyUserProfileId">
    <vt:lpwstr>1124481064564949074</vt:lpwstr>
  </property>
  <property fmtid="{D5CDD505-2E9C-101B-9397-08002B2CF9AE}" pid="10" name="TemplafyFromBlank">
    <vt:bool>false</vt:bool>
  </property>
  <property fmtid="{D5CDD505-2E9C-101B-9397-08002B2CF9AE}" pid="11" name="MSIP_Label_c1f2b1ce-4212-46db-a901-dd8453f57141_Enabled">
    <vt:lpwstr>true</vt:lpwstr>
  </property>
  <property fmtid="{D5CDD505-2E9C-101B-9397-08002B2CF9AE}" pid="12" name="MSIP_Label_c1f2b1ce-4212-46db-a901-dd8453f57141_SetDate">
    <vt:lpwstr>2026-05-21T12:05:37Z</vt:lpwstr>
  </property>
  <property fmtid="{D5CDD505-2E9C-101B-9397-08002B2CF9AE}" pid="13" name="MSIP_Label_c1f2b1ce-4212-46db-a901-dd8453f57141_Method">
    <vt:lpwstr>Privileged</vt:lpwstr>
  </property>
  <property fmtid="{D5CDD505-2E9C-101B-9397-08002B2CF9AE}" pid="14" name="MSIP_Label_c1f2b1ce-4212-46db-a901-dd8453f57141_Name">
    <vt:lpwstr>Publish</vt:lpwstr>
  </property>
  <property fmtid="{D5CDD505-2E9C-101B-9397-08002B2CF9AE}" pid="15" name="MSIP_Label_c1f2b1ce-4212-46db-a901-dd8453f57141_SiteId">
    <vt:lpwstr>29f9330b-c0fe-4244-830e-ba9f275d6c34</vt:lpwstr>
  </property>
  <property fmtid="{D5CDD505-2E9C-101B-9397-08002B2CF9AE}" pid="16" name="MSIP_Label_c1f2b1ce-4212-46db-a901-dd8453f57141_ActionId">
    <vt:lpwstr>d3098f08-145a-4323-8dd9-a7303618ff8a</vt:lpwstr>
  </property>
  <property fmtid="{D5CDD505-2E9C-101B-9397-08002B2CF9AE}" pid="17" name="MSIP_Label_c1f2b1ce-4212-46db-a901-dd8453f57141_ContentBits">
    <vt:lpwstr>0</vt:lpwstr>
  </property>
  <property fmtid="{D5CDD505-2E9C-101B-9397-08002B2CF9AE}" pid="18" name="MSIP_Label_c1f2b1ce-4212-46db-a901-dd8453f57141_Tag">
    <vt:lpwstr>10, 0, 1, 1</vt:lpwstr>
  </property>
</Properties>
</file>